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pivotCache/pivotCacheDefinition2.xml" ContentType="application/vnd.openxmlformats-officedocument.spreadsheetml.pivotCacheDefinition+xml"/>
  <Override PartName="/xl/pivotCache/pivotCacheRecords2.xml" ContentType="application/vnd.openxmlformats-officedocument.spreadsheetml.pivotCacheRecords+xml"/>
  <Override PartName="/xl/pivotCache/pivotCacheDefinition3.xml" ContentType="application/vnd.openxmlformats-officedocument.spreadsheetml.pivotCacheDefinition+xml"/>
  <Override PartName="/xl/pivotCache/pivotCacheRecords3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xl/drawings/drawing1.xml" ContentType="application/vnd.openxmlformats-officedocument.drawing+xml"/>
  <Override PartName="/xl/pivotTables/pivotTable2.xml" ContentType="application/vnd.openxmlformats-officedocument.spreadsheetml.pivotTable+xml"/>
  <Override PartName="/xl/drawings/drawing2.xml" ContentType="application/vnd.openxmlformats-officedocument.drawing+xml"/>
  <Override PartName="/xl/pivotTables/pivotTable3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aepenergy.sharepoint.com/sites/regsvcs/Regulatory Base Cases/Kentucky Power/2023-00159 Base Case/07 Discovery/Staff/2nd Set/Attachments/"/>
    </mc:Choice>
  </mc:AlternateContent>
  <xr:revisionPtr revIDLastSave="2" documentId="13_ncr:1_{C6ED7F0C-98EC-4A4F-B48A-5A6287C6BEC9}" xr6:coauthVersionLast="47" xr6:coauthVersionMax="47" xr10:uidLastSave="{112EF560-FDFF-45DB-B135-968B19B0AC09}"/>
  <bookViews>
    <workbookView xWindow="28680" yWindow="-120" windowWidth="29040" windowHeight="15840" activeTab="2" xr2:uid="{00000000-000D-0000-FFFF-FFFF00000000}"/>
  </bookViews>
  <sheets>
    <sheet name="451 Summary Pivot" sheetId="2" r:id="rId1"/>
    <sheet name="450 Summary Pivot" sheetId="5" r:id="rId2"/>
    <sheet name="451 by tariff" sheetId="10" r:id="rId3"/>
    <sheet name="450 detailed pivot" sheetId="11" r:id="rId4"/>
    <sheet name="451 ledger" sheetId="1" r:id="rId5"/>
    <sheet name="450 ledger" sheetId="6" r:id="rId6"/>
    <sheet name="Cognos" sheetId="4" r:id="rId7"/>
    <sheet name="450 data w tariff" sheetId="12" r:id="rId8"/>
  </sheets>
  <definedNames>
    <definedName name="_xlnm._FilterDatabase" localSheetId="7" hidden="1">'450 data w tariff'!$A$1:$K$2184</definedName>
    <definedName name="_xlnm._FilterDatabase" localSheetId="2" hidden="1">'451 by tariff'!$A$1:$I$1</definedName>
    <definedName name="_xlnm._FilterDatabase" localSheetId="4" hidden="1">'451 ledger'!$A$1:$Y$294</definedName>
  </definedNames>
  <calcPr calcId="191029" iterate="1" iterateCount="10000"/>
  <pivotCaches>
    <pivotCache cacheId="0" r:id="rId9"/>
    <pivotCache cacheId="1" r:id="rId10"/>
    <pivotCache cacheId="2" r:id="rId11"/>
  </pivotCache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K60" i="11" l="1"/>
  <c r="L60" i="11"/>
  <c r="M60" i="11"/>
  <c r="N60" i="11"/>
  <c r="J60" i="11"/>
  <c r="Q19" i="4" l="1"/>
  <c r="Q17" i="4"/>
  <c r="Q16" i="4"/>
  <c r="Q15" i="4"/>
  <c r="Q14" i="4"/>
  <c r="Q13" i="4"/>
  <c r="Q12" i="4"/>
  <c r="Q11" i="4"/>
  <c r="Q10" i="4"/>
  <c r="P17" i="4"/>
  <c r="P16" i="4"/>
  <c r="P15" i="4"/>
  <c r="P14" i="4"/>
  <c r="P13" i="4"/>
  <c r="P12" i="4"/>
  <c r="P11" i="4"/>
  <c r="P10" i="4"/>
  <c r="D4" i="5" l="1"/>
  <c r="D4" i="2"/>
  <c r="D9" i="2" s="1"/>
  <c r="O16" i="4"/>
  <c r="O15" i="4"/>
  <c r="O14" i="4"/>
  <c r="O13" i="4"/>
  <c r="O12" i="4"/>
  <c r="O11" i="4"/>
  <c r="O10" i="4"/>
  <c r="O5" i="4"/>
  <c r="O4" i="4"/>
  <c r="O3" i="4"/>
  <c r="O17" i="4" l="1"/>
  <c r="O6" i="4"/>
</calcChain>
</file>

<file path=xl/sharedStrings.xml><?xml version="1.0" encoding="utf-8"?>
<sst xmlns="http://schemas.openxmlformats.org/spreadsheetml/2006/main" count="24204" uniqueCount="452">
  <si>
    <t>Unit</t>
  </si>
  <si>
    <t>Journal ID</t>
  </si>
  <si>
    <t>Date</t>
  </si>
  <si>
    <t>Status</t>
  </si>
  <si>
    <t>State/Jurisdict</t>
  </si>
  <si>
    <t>Account</t>
  </si>
  <si>
    <t>Period</t>
  </si>
  <si>
    <t>Dept</t>
  </si>
  <si>
    <t>Project</t>
  </si>
  <si>
    <t>Affiliate</t>
  </si>
  <si>
    <t>Currency</t>
  </si>
  <si>
    <t>Amount</t>
  </si>
  <si>
    <t>Line Descr</t>
  </si>
  <si>
    <t>PC Bus Unit</t>
  </si>
  <si>
    <t>W/O</t>
  </si>
  <si>
    <t>An Type</t>
  </si>
  <si>
    <t>Cost Comp</t>
  </si>
  <si>
    <t>ABM Act</t>
  </si>
  <si>
    <t>Subcategory</t>
  </si>
  <si>
    <t>Ledger</t>
  </si>
  <si>
    <t>User</t>
  </si>
  <si>
    <t>Year</t>
  </si>
  <si>
    <t>Posted</t>
  </si>
  <si>
    <t>DateTime</t>
  </si>
  <si>
    <t>Long Descr</t>
  </si>
  <si>
    <t>110</t>
  </si>
  <si>
    <t>CAD6210908</t>
  </si>
  <si>
    <t>P</t>
  </si>
  <si>
    <t>KY</t>
  </si>
  <si>
    <t>10828</t>
  </si>
  <si>
    <t>GLNANDA</t>
  </si>
  <si>
    <t>USD</t>
  </si>
  <si>
    <t>NONBU</t>
  </si>
  <si>
    <t>G0000110</t>
  </si>
  <si>
    <t>ACT</t>
  </si>
  <si>
    <t>REV</t>
  </si>
  <si>
    <t>974</t>
  </si>
  <si>
    <t>GLBATCH</t>
  </si>
  <si>
    <t>MACSS Misc Rev Entries-03</t>
  </si>
  <si>
    <t>CAD6211019</t>
  </si>
  <si>
    <t>CAD6210228</t>
  </si>
  <si>
    <t>H110  CAD621022802152023N   ACTUALS   N        MCS        MACSS Misc Rev Entries-03     USDCRRNT                                                    EXV         N</t>
  </si>
  <si>
    <t>CAD6210420</t>
  </si>
  <si>
    <t>CAD6210419</t>
  </si>
  <si>
    <t>CAD6210418</t>
  </si>
  <si>
    <t>CAD6210220</t>
  </si>
  <si>
    <t>CAD6210308</t>
  </si>
  <si>
    <t>CAD6210909</t>
  </si>
  <si>
    <t>CAD6210227</t>
  </si>
  <si>
    <t>H110  CAD621022702152023N   ACTUALS   N        MCS        MACSS Misc Rev Entries-03     USDCRRNT                                                    EXV         N</t>
  </si>
  <si>
    <t>CAD6210314</t>
  </si>
  <si>
    <t>H110  CAD621031403152023N   ACTUALS   N        MCS        MACSS Misc Rev Entries-03     USDCRRNT                                                    EXV         N</t>
  </si>
  <si>
    <t>CAD6211215</t>
  </si>
  <si>
    <t>CAD6210306</t>
  </si>
  <si>
    <t>H110  CAD621030603152023N   ACTUALS   N        MCS        MACSS Misc Rev Entries-03     USDCRRNT                                                    EXV         N</t>
  </si>
  <si>
    <t>CAD6210215</t>
  </si>
  <si>
    <t>CAD6210712</t>
  </si>
  <si>
    <t>CAD6210714</t>
  </si>
  <si>
    <t>CAD6210322</t>
  </si>
  <si>
    <t>CAD6210726</t>
  </si>
  <si>
    <t>CAD6210727</t>
  </si>
  <si>
    <t>CAD6210912</t>
  </si>
  <si>
    <t>CAD6210713</t>
  </si>
  <si>
    <t>CAD6210321</t>
  </si>
  <si>
    <t>CAD6210711</t>
  </si>
  <si>
    <t>CAD6210222</t>
  </si>
  <si>
    <t>CAD6211122</t>
  </si>
  <si>
    <t>CAD6211005</t>
  </si>
  <si>
    <t>CAD6210120</t>
  </si>
  <si>
    <t>CAD6210627</t>
  </si>
  <si>
    <t>CAD6211123</t>
  </si>
  <si>
    <t>CAD6211214</t>
  </si>
  <si>
    <t>CAD6210413</t>
  </si>
  <si>
    <t>CAD6210309</t>
  </si>
  <si>
    <t>CAD6210606</t>
  </si>
  <si>
    <t>CAD6210111</t>
  </si>
  <si>
    <t>CAD6210217</t>
  </si>
  <si>
    <t>CAD6210608</t>
  </si>
  <si>
    <t>CAD6210822</t>
  </si>
  <si>
    <t>CAD6210303</t>
  </si>
  <si>
    <t>H110  CAD621030303152023N   ACTUALS   N        MCS        MACSS Misc Rev Entries-03     USDCRRNT                                                    EXV         N</t>
  </si>
  <si>
    <t>CAD6210216</t>
  </si>
  <si>
    <t>CAD6211007</t>
  </si>
  <si>
    <t>CAD6210616</t>
  </si>
  <si>
    <t>CAD6210823</t>
  </si>
  <si>
    <t>CAD6210327</t>
  </si>
  <si>
    <t>H110  CAD621032703152023N   ACTUALS   N        MCS        MACSS Misc Rev Entries-03     USDCRRNT                                                    EXV         N</t>
  </si>
  <si>
    <t>CAD6210323</t>
  </si>
  <si>
    <t>H110  CAD621032303152023N   ACTUALS   N        MCS        MACSS Misc Rev Entries-03     USDCRRNT                                                    EXV         N</t>
  </si>
  <si>
    <t>CAD6210317</t>
  </si>
  <si>
    <t>H110  CAD621031703152023N   ACTUALS   N        MCS        MACSS Misc Rev Entries-03     USDCRRNT                                                    EXV         N</t>
  </si>
  <si>
    <t>CAD6210324</t>
  </si>
  <si>
    <t>H110  CAD621032403152023N   ACTUALS   N        MCS        MACSS Misc Rev Entries-03     USDCRRNT                                                    EXV         N</t>
  </si>
  <si>
    <t>CAD6210411</t>
  </si>
  <si>
    <t>CAD6210425</t>
  </si>
  <si>
    <t>CAD6210427</t>
  </si>
  <si>
    <t>CAD6210518</t>
  </si>
  <si>
    <t>CAD6210525</t>
  </si>
  <si>
    <t>CAD6210502</t>
  </si>
  <si>
    <t>CAD6210622</t>
  </si>
  <si>
    <t>CAD6210623</t>
  </si>
  <si>
    <t>CAD6210719</t>
  </si>
  <si>
    <t>CAD6210718</t>
  </si>
  <si>
    <t>CAD6211020</t>
  </si>
  <si>
    <t>CAD6211121</t>
  </si>
  <si>
    <t>CAD6210615</t>
  </si>
  <si>
    <t>CAD6211207</t>
  </si>
  <si>
    <t>CAD6210607</t>
  </si>
  <si>
    <t>CAD6210223</t>
  </si>
  <si>
    <t>CAD6210503</t>
  </si>
  <si>
    <t>CAD6210302</t>
  </si>
  <si>
    <t>CAD6210119</t>
  </si>
  <si>
    <t>CAD6210124</t>
  </si>
  <si>
    <t>CAD6210614</t>
  </si>
  <si>
    <t>CAD6211128</t>
  </si>
  <si>
    <t>CAD6210301</t>
  </si>
  <si>
    <t>CAD6210313</t>
  </si>
  <si>
    <t>H110  CAD621031303152023N   ACTUALS   N        MCS        MACSS Misc Rev Entries-03     USDCRRNT                                                    EXV         N</t>
  </si>
  <si>
    <t>H110  CAD621030803152023N   ACTUALS   N        MCS        MACSS Misc Rev Entries-03     USDCRRNT                                                    EXV         N</t>
  </si>
  <si>
    <t>H110  CAD621030903152023N   ACTUALS   N        MCS        MACSS Misc Rev Entries-03     USDCRRNT                                                    EXV         N</t>
  </si>
  <si>
    <t>CAD6210214</t>
  </si>
  <si>
    <t>CAD6210613</t>
  </si>
  <si>
    <t>CAD6210609</t>
  </si>
  <si>
    <t>CAD6210610</t>
  </si>
  <si>
    <t>CAD6210224</t>
  </si>
  <si>
    <t>H110  CAD621022402152023N   ACTUALS   N        MCS        MACSS Misc Rev Entries-03     USDCRRNT                                                    EXV         N</t>
  </si>
  <si>
    <t>H110  CAD621022302152023N   ACTUALS   N        MCS        MACSS Misc Rev Entries-03     USDCRRNT                                                    EXV         N</t>
  </si>
  <si>
    <t>CAD6210412</t>
  </si>
  <si>
    <t>CAD6210824</t>
  </si>
  <si>
    <t>CAD6210602</t>
  </si>
  <si>
    <t>CAD6211028</t>
  </si>
  <si>
    <t>CAD6211101</t>
  </si>
  <si>
    <t>CAD6211031</t>
  </si>
  <si>
    <t>CAD6210617</t>
  </si>
  <si>
    <t>CAD6210112</t>
  </si>
  <si>
    <t>CAD6210414</t>
  </si>
  <si>
    <t>CAD6210329</t>
  </si>
  <si>
    <t>CAD6210113</t>
  </si>
  <si>
    <t>CAD6210505</t>
  </si>
  <si>
    <t>CAD6210207</t>
  </si>
  <si>
    <t>CAD6210316</t>
  </si>
  <si>
    <t>CAD6210315</t>
  </si>
  <si>
    <t>CAD6210421</t>
  </si>
  <si>
    <t>CAD6210629</t>
  </si>
  <si>
    <t>CAD6210816</t>
  </si>
  <si>
    <t>CAD6210830</t>
  </si>
  <si>
    <t>CAD6210510</t>
  </si>
  <si>
    <t>CAD6210512</t>
  </si>
  <si>
    <t>CAD6210810</t>
  </si>
  <si>
    <t>CAD6210701</t>
  </si>
  <si>
    <t>CAD6210809</t>
  </si>
  <si>
    <t>CAD6211202</t>
  </si>
  <si>
    <t>CAD6210817</t>
  </si>
  <si>
    <t>CAD6211221</t>
  </si>
  <si>
    <t>CAD6211222</t>
  </si>
  <si>
    <t>CAD6210123</t>
  </si>
  <si>
    <t>CAD6211108</t>
  </si>
  <si>
    <t>CAD6211219</t>
  </si>
  <si>
    <t>CAD6210825</t>
  </si>
  <si>
    <t>CAD6211027</t>
  </si>
  <si>
    <t>CAD6211205</t>
  </si>
  <si>
    <t>CAD6210202</t>
  </si>
  <si>
    <t>CAD6210620</t>
  </si>
  <si>
    <t>CAD6210621</t>
  </si>
  <si>
    <t>CAD6211116</t>
  </si>
  <si>
    <t>CAD6210516</t>
  </si>
  <si>
    <t>CAD6210511</t>
  </si>
  <si>
    <t>CAD6210208</t>
  </si>
  <si>
    <t>H110  CAD621031603152023N   ACTUALS   N        MCS        MACSS Misc Rev Entries-03     USDCRRNT                                                    EXV         N</t>
  </si>
  <si>
    <t>CAD6210517</t>
  </si>
  <si>
    <t>CAD6210808</t>
  </si>
  <si>
    <t>CAD6210804</t>
  </si>
  <si>
    <t>CAD6210707</t>
  </si>
  <si>
    <t>CAD6210826</t>
  </si>
  <si>
    <t>CAD6211227</t>
  </si>
  <si>
    <t>CAD6210320</t>
  </si>
  <si>
    <t>H110  CAD621032003152023N   ACTUALS   N        MCS        MACSS Misc Rev Entries-03     USDCRRNT                                                    EXV         N</t>
  </si>
  <si>
    <t>CAD6211010</t>
  </si>
  <si>
    <t>CAD6211011</t>
  </si>
  <si>
    <t>H110  CAD621032203152023N   ACTUALS   N        MCS        MACSS Misc Rev Entries-03     USDCRRNT                                                    EXV         N</t>
  </si>
  <si>
    <t>CAD6210206</t>
  </si>
  <si>
    <t>CAD6210203</t>
  </si>
  <si>
    <t>CAD6210105</t>
  </si>
  <si>
    <t>CAD6210106</t>
  </si>
  <si>
    <t>CAD6210127</t>
  </si>
  <si>
    <t>CAD6210331</t>
  </si>
  <si>
    <t>CAD6210328</t>
  </si>
  <si>
    <t>CAD6210506</t>
  </si>
  <si>
    <t>CAD6210125</t>
  </si>
  <si>
    <t>CAD6210805</t>
  </si>
  <si>
    <t>CAD6210504</t>
  </si>
  <si>
    <t>CAD6210330</t>
  </si>
  <si>
    <t>CAD6210720</t>
  </si>
  <si>
    <t>CAD6210722</t>
  </si>
  <si>
    <t>CAD6210721</t>
  </si>
  <si>
    <t>CAD6210729</t>
  </si>
  <si>
    <t>CAD6210811</t>
  </si>
  <si>
    <t>CAD6211003</t>
  </si>
  <si>
    <t>H110  CAD621032803152023N   ACTUALS   N        MCS        MACSS Misc Rev Entries-03     USDCRRNT                                                    EXV         N</t>
  </si>
  <si>
    <t>CAD6210812</t>
  </si>
  <si>
    <t>CAD6210815</t>
  </si>
  <si>
    <t>CAD6211229</t>
  </si>
  <si>
    <t>CAD6211006</t>
  </si>
  <si>
    <t>CAD6210524</t>
  </si>
  <si>
    <t>CAD6210109</t>
  </si>
  <si>
    <t>CAD6211026</t>
  </si>
  <si>
    <t>CAD6211208</t>
  </si>
  <si>
    <t>CAD6210923</t>
  </si>
  <si>
    <t>CAD6210927</t>
  </si>
  <si>
    <t>CAD6211012</t>
  </si>
  <si>
    <t>CAD6211114</t>
  </si>
  <si>
    <t>CAD6211021</t>
  </si>
  <si>
    <t>CAD6210725</t>
  </si>
  <si>
    <t>CAD6210310</t>
  </si>
  <si>
    <t>H110  CAD621031003152023N   ACTUALS   N        MCS        MACSS Misc Rev Entries-03     USDCRRNT                                                    EXV         N</t>
  </si>
  <si>
    <t>H110  CAD621032103152023N   ACTUALS   N        MCS        MACSS Misc Rev Entries-03     USDCRRNT                                                    EXV         N</t>
  </si>
  <si>
    <t>H110  CAD621032903152023N   ACTUALS   N        MCS        MACSS Misc Rev Entries-03     USDCRRNT                                                    EXV         N</t>
  </si>
  <si>
    <t>H110  CAD621033003152023N   ACTUALS   N        MCS        MACSS Misc Rev Entries-03     USDCRRNT                                                    EXV         N</t>
  </si>
  <si>
    <t>CAD6210426</t>
  </si>
  <si>
    <t>CAD6210601</t>
  </si>
  <si>
    <t>CAD6210628</t>
  </si>
  <si>
    <t>CAD6210706</t>
  </si>
  <si>
    <t>CAD6210728</t>
  </si>
  <si>
    <t>H110  CAD621031503152023N   ACTUALS   N        MCS        MACSS Misc Rev Entries-03     USDCRRNT                                                    EXV         N</t>
  </si>
  <si>
    <t>CAD6211102</t>
  </si>
  <si>
    <t>CAD6210705</t>
  </si>
  <si>
    <t>CAD6210906</t>
  </si>
  <si>
    <t>CAD6211018</t>
  </si>
  <si>
    <t>CAD6210117</t>
  </si>
  <si>
    <t>CAD6211017</t>
  </si>
  <si>
    <t>CAD6211014</t>
  </si>
  <si>
    <t>CAD6211130</t>
  </si>
  <si>
    <t>CAD6210201</t>
  </si>
  <si>
    <t>CAD6211129</t>
  </si>
  <si>
    <t>CAD6210131</t>
  </si>
  <si>
    <t>CAD6210118</t>
  </si>
  <si>
    <t>CAD6210401</t>
  </si>
  <si>
    <t>CAD6210919</t>
  </si>
  <si>
    <t>CAD6210802</t>
  </si>
  <si>
    <t>CAD6210603</t>
  </si>
  <si>
    <t>CAD6210915</t>
  </si>
  <si>
    <t>CAD6210916</t>
  </si>
  <si>
    <t>CAD6210914</t>
  </si>
  <si>
    <t>CAD6210913</t>
  </si>
  <si>
    <t>CAD6210104</t>
  </si>
  <si>
    <t>CAD6210520</t>
  </si>
  <si>
    <t>CAD6211004</t>
  </si>
  <si>
    <t>CAD6210921</t>
  </si>
  <si>
    <t>CAD6210526</t>
  </si>
  <si>
    <t>CAD6210523</t>
  </si>
  <si>
    <t>CAD6211230</t>
  </si>
  <si>
    <t>CAD6211024</t>
  </si>
  <si>
    <t>CAD6210116</t>
  </si>
  <si>
    <t>CAD6211220</t>
  </si>
  <si>
    <t>CAD6210819</t>
  </si>
  <si>
    <t>CAD6210929</t>
  </si>
  <si>
    <t>CAD6210930</t>
  </si>
  <si>
    <t>CAD6211209</t>
  </si>
  <si>
    <t>CAD6210926</t>
  </si>
  <si>
    <t>CAD6210221</t>
  </si>
  <si>
    <t>CAD6210130</t>
  </si>
  <si>
    <t>CAD6210429</t>
  </si>
  <si>
    <t>CAD6210901</t>
  </si>
  <si>
    <t>CAD6211013</t>
  </si>
  <si>
    <t>H110  CAD621030203152023N   ACTUALS   N        MCS        MACSS Misc Rev Entries-03     USDCRRNT                                                    EXV         N</t>
  </si>
  <si>
    <t>CAD6210307</t>
  </si>
  <si>
    <t>H110  CAD621030703152023N   ACTUALS   N        MCS        MACSS Misc Rev Entries-03     USDCRRNT                                                    EXV         N</t>
  </si>
  <si>
    <t>H110  CAD621033103152023N   ACTUALS   N        MCS        MACSS Misc Rev Entries-03     USDCRRNT                                                    EXV         N</t>
  </si>
  <si>
    <t>CAD6210531</t>
  </si>
  <si>
    <t>CAD6210803</t>
  </si>
  <si>
    <t>CAD6211212</t>
  </si>
  <si>
    <t>CAD6210428</t>
  </si>
  <si>
    <t>CAD6210110</t>
  </si>
  <si>
    <t>CAD6210708</t>
  </si>
  <si>
    <t>CAD6211228</t>
  </si>
  <si>
    <t>CAD6210213</t>
  </si>
  <si>
    <t>CAD6210907</t>
  </si>
  <si>
    <t>CAD6210209</t>
  </si>
  <si>
    <t>CAD6210210</t>
  </si>
  <si>
    <t>CAD6210126</t>
  </si>
  <si>
    <t>CAD6210630</t>
  </si>
  <si>
    <t>CAD6210801</t>
  </si>
  <si>
    <t>CAD6210922</t>
  </si>
  <si>
    <t>CAD6210831</t>
  </si>
  <si>
    <t>CAD6210513</t>
  </si>
  <si>
    <t>CAD6210509</t>
  </si>
  <si>
    <t>CAD6210404</t>
  </si>
  <si>
    <t>CAD6210406</t>
  </si>
  <si>
    <t>CAD6210408</t>
  </si>
  <si>
    <t>CAD6211201</t>
  </si>
  <si>
    <t>CAD6210920</t>
  </si>
  <si>
    <t>CAD6211109</t>
  </si>
  <si>
    <t>CAD6211025</t>
  </si>
  <si>
    <t>CAD6210818</t>
  </si>
  <si>
    <t>CAD6211206</t>
  </si>
  <si>
    <t>CAD6210519</t>
  </si>
  <si>
    <t>CAD6210928</t>
  </si>
  <si>
    <t>CAD6211118</t>
  </si>
  <si>
    <t>CAD6210902</t>
  </si>
  <si>
    <t>CAD6211110</t>
  </si>
  <si>
    <t>CAD6211111</t>
  </si>
  <si>
    <t>CAD6210103</t>
  </si>
  <si>
    <t>CAD6210405</t>
  </si>
  <si>
    <t>CAD6211107</t>
  </si>
  <si>
    <t>CAD6211104</t>
  </si>
  <si>
    <t>CAD6211103</t>
  </si>
  <si>
    <t>CAD6210527</t>
  </si>
  <si>
    <t>CAD6211216</t>
  </si>
  <si>
    <t>CAD6211117</t>
  </si>
  <si>
    <t>CAD6211213</t>
  </si>
  <si>
    <t>CAD6210624</t>
  </si>
  <si>
    <t>CAD6210422</t>
  </si>
  <si>
    <t>CAD6210407</t>
  </si>
  <si>
    <t>CAD6211115</t>
  </si>
  <si>
    <t>CAD6210715</t>
  </si>
  <si>
    <t>CAD6210829</t>
  </si>
  <si>
    <t>4510001</t>
  </si>
  <si>
    <t>MACSS Misc Service Revenues</t>
  </si>
  <si>
    <t>OAA253</t>
  </si>
  <si>
    <t>99990</t>
  </si>
  <si>
    <t>EDNANDA</t>
  </si>
  <si>
    <t>TEMPORARY FACILITIES</t>
  </si>
  <si>
    <t>DISTR</t>
  </si>
  <si>
    <t>999</t>
  </si>
  <si>
    <t>S293273</t>
  </si>
  <si>
    <t>Distribution Temporary Service Charges for July 2022</t>
  </si>
  <si>
    <t>BI03585524</t>
  </si>
  <si>
    <t>10308</t>
  </si>
  <si>
    <t>Billing Jrnls</t>
  </si>
  <si>
    <t>78</t>
  </si>
  <si>
    <t>Distribution Temporary Service Charges for May 2022</t>
  </si>
  <si>
    <t>S338178</t>
  </si>
  <si>
    <t>Distribution Temporary Service Charges for March 2023</t>
  </si>
  <si>
    <t>BI03506332</t>
  </si>
  <si>
    <t>BI03496018</t>
  </si>
  <si>
    <t>H110  CAD621030103152023N   ACTUALS   N        MCS        MACSS Misc Rev Entries-03     USDCRRNT                                                    EXV         N</t>
  </si>
  <si>
    <t>Distribution Temporary Service Charges for June 2022</t>
  </si>
  <si>
    <t>Distribution Temporary Service Charges for November 2022</t>
  </si>
  <si>
    <t>S343865</t>
  </si>
  <si>
    <t>Distribution Temporary Service Charges for April 2022</t>
  </si>
  <si>
    <t>BI03501276</t>
  </si>
  <si>
    <t>Distribution Temporary Service Charges for Aug 2022</t>
  </si>
  <si>
    <t>Distribution Temporary Service Charges for Sep 2022</t>
  </si>
  <si>
    <t>Distribution Temporary Service Charges for February 2023</t>
  </si>
  <si>
    <t>BI03603199</t>
  </si>
  <si>
    <t>Distribution Temporary Service Charges for January 2023</t>
  </si>
  <si>
    <t>Distribution Temporary Service Charges for December 2022</t>
  </si>
  <si>
    <t>S295511</t>
  </si>
  <si>
    <t>Distribution Temporary Service Charges for October 2022</t>
  </si>
  <si>
    <t>180</t>
  </si>
  <si>
    <t>GL0247IRU</t>
  </si>
  <si>
    <t>12753</t>
  </si>
  <si>
    <t>Fib Opt Ln-Indefeas Rt-of-Use</t>
  </si>
  <si>
    <t>G0000180</t>
  </si>
  <si>
    <t>35</t>
  </si>
  <si>
    <t>S354820</t>
  </si>
  <si>
    <t>Amortization of deferred revenues related to fiber optic line IRU agreements (indefeasible right-of-use - cannot be voided or undone).  Refer to attachments for additional information.</t>
  </si>
  <si>
    <t>GL0247KDL</t>
  </si>
  <si>
    <t>Fib Opt Ln-SI/Ls-KDL-Dfd Gains</t>
  </si>
  <si>
    <t>S349806</t>
  </si>
  <si>
    <t>Amortization of deferred gains related to AEP Communications sale/assignment lease of fiber optic lines to Kentucky Data Links, Inc (KDL).  Refer to attachments for additional information.</t>
  </si>
  <si>
    <t>Row Labels</t>
  </si>
  <si>
    <t>Grand Total</t>
  </si>
  <si>
    <t>Sum of Amount</t>
  </si>
  <si>
    <r>
      <rPr>
        <b/>
        <sz val="10.5"/>
        <color rgb="FF343334"/>
        <rFont val="Andale WT"/>
        <family val="2"/>
      </rPr>
      <t>MM - FERC Acct Nb</t>
    </r>
    <r>
      <rPr>
        <b/>
        <sz val="10.5"/>
        <color rgb="FF343334"/>
        <rFont val="Andale WT"/>
        <family val="2"/>
      </rPr>
      <t xml:space="preserve">: </t>
    </r>
    <r>
      <rPr>
        <b/>
        <sz val="10.5"/>
        <color rgb="FF343334"/>
        <rFont val="Andale WT"/>
        <family val="2"/>
      </rPr>
      <t>4500</t>
    </r>
  </si>
  <si>
    <t>Dollar Amt</t>
  </si>
  <si>
    <t>202204</t>
  </si>
  <si>
    <t>202205</t>
  </si>
  <si>
    <t>202206</t>
  </si>
  <si>
    <t>202207</t>
  </si>
  <si>
    <t>202208</t>
  </si>
  <si>
    <t>202209</t>
  </si>
  <si>
    <t>202210</t>
  </si>
  <si>
    <t>202211</t>
  </si>
  <si>
    <t>202212</t>
  </si>
  <si>
    <t>202301</t>
  </si>
  <si>
    <t>202302</t>
  </si>
  <si>
    <t>202303</t>
  </si>
  <si>
    <t>DPCAN</t>
  </si>
  <si>
    <t xml:space="preserve">DPC-CANCELLED                                     </t>
  </si>
  <si>
    <t>DPCED</t>
  </si>
  <si>
    <t xml:space="preserve">DPC-CHARGED                                       </t>
  </si>
  <si>
    <t>DPCR6</t>
  </si>
  <si>
    <t xml:space="preserve">DPC 6 MONTHS                                      </t>
  </si>
  <si>
    <t>Total</t>
  </si>
  <si>
    <r>
      <rPr>
        <b/>
        <sz val="10.5"/>
        <color rgb="FF343334"/>
        <rFont val="Andale WT"/>
        <family val="2"/>
      </rPr>
      <t>MM - FERC Acct Nb</t>
    </r>
    <r>
      <rPr>
        <b/>
        <sz val="10.5"/>
        <color rgb="FF343334"/>
        <rFont val="Andale WT"/>
        <family val="2"/>
      </rPr>
      <t xml:space="preserve">: </t>
    </r>
    <r>
      <rPr>
        <b/>
        <sz val="10.5"/>
        <color rgb="FF343334"/>
        <rFont val="Andale WT"/>
        <family val="2"/>
      </rPr>
      <t>4510</t>
    </r>
  </si>
  <si>
    <t xml:space="preserve">TEMP </t>
  </si>
  <si>
    <t xml:space="preserve">TEMPORARY SERVICE                                 </t>
  </si>
  <si>
    <t>CKCHG</t>
  </si>
  <si>
    <t xml:space="preserve">RETURNED CHECK CHARGE                             </t>
  </si>
  <si>
    <t>ENDIV</t>
  </si>
  <si>
    <t xml:space="preserve">ENERGY DIVERSION                                  </t>
  </si>
  <si>
    <t>RECON</t>
  </si>
  <si>
    <t xml:space="preserve">RECONNECT CHARGE                                  </t>
  </si>
  <si>
    <t>ONPRM</t>
  </si>
  <si>
    <t xml:space="preserve">ON PREMISE COLL CHG                               </t>
  </si>
  <si>
    <t>MTEST</t>
  </si>
  <si>
    <t xml:space="preserve">METER TEST CHARGE                                 </t>
  </si>
  <si>
    <t>MRCHK</t>
  </si>
  <si>
    <t xml:space="preserve">METER READING CHECK                               </t>
  </si>
  <si>
    <t>4500000</t>
  </si>
  <si>
    <t>MACSS Forfeited Discounts</t>
  </si>
  <si>
    <t>H110  CAD621030102152023N   ACTUALS   N        MCS        MACSS Misc Rev Entries-03     USDCRRNT                                                    EXV         N</t>
  </si>
  <si>
    <t>CAD6210403</t>
  </si>
  <si>
    <t>H110  CAD621040303152023N   ACTUALS   N        MCS        MACSS Misc Rev Entries-03     USDCRRNT                                                    EXV         N</t>
  </si>
  <si>
    <t>Reverse query signs to tie to ledger</t>
  </si>
  <si>
    <t>11</t>
  </si>
  <si>
    <t>12</t>
  </si>
  <si>
    <t>14</t>
  </si>
  <si>
    <t>15</t>
  </si>
  <si>
    <t>17</t>
  </si>
  <si>
    <t>22</t>
  </si>
  <si>
    <t>30</t>
  </si>
  <si>
    <t>32</t>
  </si>
  <si>
    <t>93</t>
  </si>
  <si>
    <t>94</t>
  </si>
  <si>
    <t>97</t>
  </si>
  <si>
    <t>107</t>
  </si>
  <si>
    <t>109</t>
  </si>
  <si>
    <t>113</t>
  </si>
  <si>
    <t>116</t>
  </si>
  <si>
    <t>150</t>
  </si>
  <si>
    <t>204</t>
  </si>
  <si>
    <t>211</t>
  </si>
  <si>
    <t>213</t>
  </si>
  <si>
    <t>215</t>
  </si>
  <si>
    <t>217</t>
  </si>
  <si>
    <t>220</t>
  </si>
  <si>
    <t>236</t>
  </si>
  <si>
    <t>240</t>
  </si>
  <si>
    <t>244</t>
  </si>
  <si>
    <t>248</t>
  </si>
  <si>
    <t>251</t>
  </si>
  <si>
    <t>Tariff Code</t>
  </si>
  <si>
    <t>Residential</t>
  </si>
  <si>
    <t>Sum of Dollar Amt</t>
  </si>
  <si>
    <t>Column Labels</t>
  </si>
  <si>
    <t>(blank)</t>
  </si>
  <si>
    <t>Co Cd</t>
  </si>
  <si>
    <t>Jursd Cd</t>
  </si>
  <si>
    <t>State Cd</t>
  </si>
  <si>
    <t>Revn Yr/Mo</t>
  </si>
  <si>
    <t>Revn Sorc Cd</t>
  </si>
  <si>
    <t>A/R Sorc Cd</t>
  </si>
  <si>
    <t>Revn Sorc Grp Desc</t>
  </si>
  <si>
    <t>Revn Class Cd</t>
  </si>
  <si>
    <t>Tariff Cd</t>
  </si>
  <si>
    <t>Sales of ELE Amt</t>
  </si>
  <si>
    <t>03</t>
  </si>
  <si>
    <t>NETFD</t>
  </si>
  <si>
    <t xml:space="preserve">FORFEITED DISCOUNTS                               </t>
  </si>
  <si>
    <t>(tariff codes 011-032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43" formatCode="_(* #,##0.00_);_(* \(#,##0.00\);_(* &quot;-&quot;??_);_(@_)"/>
    <numFmt numFmtId="164" formatCode="0.000"/>
    <numFmt numFmtId="165" formatCode="_(* #,##0_);_(* \(#,##0\);_(* &quot;-&quot;??_);_(@_)"/>
    <numFmt numFmtId="166" formatCode="#,##0.##"/>
    <numFmt numFmtId="167" formatCode="#0"/>
    <numFmt numFmtId="168" formatCode="[$$-409]#,##0.00;\([$$-409]#,##0.00\)"/>
  </numFmts>
  <fonts count="32">
    <font>
      <sz val="11"/>
      <color indexed="8"/>
      <name val="Calibri"/>
      <family val="2"/>
      <scheme val="minor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b/>
      <sz val="10"/>
      <color indexed="0"/>
      <name val="Arial"/>
      <family val="2"/>
    </font>
    <font>
      <sz val="11"/>
      <color indexed="8"/>
      <name val="Calibri"/>
      <family val="2"/>
      <scheme val="minor"/>
    </font>
    <font>
      <sz val="10"/>
      <color theme="1"/>
      <name val="Tahoma"/>
      <family val="2"/>
    </font>
    <font>
      <b/>
      <sz val="10.5"/>
      <color rgb="FF343334"/>
      <name val="Andale WT"/>
      <family val="2"/>
    </font>
    <font>
      <sz val="10.5"/>
      <color rgb="FF343334"/>
      <name val="Andale WT"/>
      <family val="2"/>
    </font>
    <font>
      <b/>
      <sz val="11"/>
      <color indexed="8"/>
      <name val="Calibri"/>
      <family val="2"/>
      <scheme val="minor"/>
    </font>
  </fonts>
  <fills count="7">
    <fill>
      <patternFill patternType="none"/>
    </fill>
    <fill>
      <patternFill patternType="gray125"/>
    </fill>
    <fill>
      <patternFill patternType="solid">
        <fgColor indexed="22"/>
        <bgColor indexed="55"/>
      </patternFill>
    </fill>
    <fill>
      <patternFill patternType="solid">
        <fgColor rgb="FFEAEAEA"/>
      </patternFill>
    </fill>
    <fill>
      <patternFill patternType="solid">
        <fgColor rgb="FFD0EBE6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theme="9" tint="0.59999389629810485"/>
        <bgColor indexed="64"/>
      </patternFill>
    </fill>
  </fills>
  <borders count="7">
    <border>
      <left/>
      <right/>
      <top/>
      <bottom/>
      <diagonal/>
    </border>
    <border>
      <left style="double">
        <color auto="1"/>
      </left>
      <right style="double">
        <color auto="1"/>
      </right>
      <top style="double">
        <color auto="1"/>
      </top>
      <bottom style="double">
        <color auto="1"/>
      </bottom>
      <diagonal/>
    </border>
    <border>
      <left/>
      <right/>
      <top/>
      <bottom style="medium">
        <color rgb="FF949394"/>
      </bottom>
      <diagonal/>
    </border>
    <border>
      <left style="medium">
        <color rgb="FFC0BFC0"/>
      </left>
      <right style="medium">
        <color rgb="FFC0BFC0"/>
      </right>
      <top style="medium">
        <color rgb="FFC0BFC0"/>
      </top>
      <bottom style="medium">
        <color rgb="FFC0BFC0"/>
      </bottom>
      <diagonal/>
    </border>
    <border>
      <left style="medium">
        <color rgb="FFC0BFC0"/>
      </left>
      <right style="medium">
        <color rgb="FFC0BFC0"/>
      </right>
      <top/>
      <bottom style="medium">
        <color rgb="FFC0BFC0"/>
      </bottom>
      <diagonal/>
    </border>
    <border>
      <left/>
      <right style="medium">
        <color rgb="FFC0BFC0"/>
      </right>
      <top/>
      <bottom style="medium">
        <color rgb="FFC0BFC0"/>
      </bottom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43" fontId="27" fillId="0" borderId="0" applyFont="0" applyFill="0" applyBorder="0" applyAlignment="0" applyProtection="0"/>
    <xf numFmtId="0" fontId="28" fillId="0" borderId="0"/>
  </cellStyleXfs>
  <cellXfs count="80">
    <xf numFmtId="0" fontId="0" fillId="0" borderId="0" xfId="0"/>
    <xf numFmtId="0" fontId="1" fillId="2" borderId="1" xfId="0" applyFont="1" applyFill="1" applyBorder="1"/>
    <xf numFmtId="0" fontId="2" fillId="2" borderId="1" xfId="0" applyFont="1" applyFill="1" applyBorder="1"/>
    <xf numFmtId="0" fontId="3" fillId="2" borderId="1" xfId="0" applyFont="1" applyFill="1" applyBorder="1"/>
    <xf numFmtId="0" fontId="4" fillId="2" borderId="1" xfId="0" applyFont="1" applyFill="1" applyBorder="1"/>
    <xf numFmtId="0" fontId="5" fillId="2" borderId="1" xfId="0" applyFont="1" applyFill="1" applyBorder="1"/>
    <xf numFmtId="0" fontId="6" fillId="2" borderId="1" xfId="0" applyFont="1" applyFill="1" applyBorder="1"/>
    <xf numFmtId="0" fontId="7" fillId="2" borderId="1" xfId="0" applyFont="1" applyFill="1" applyBorder="1"/>
    <xf numFmtId="0" fontId="8" fillId="2" borderId="1" xfId="0" applyFont="1" applyFill="1" applyBorder="1"/>
    <xf numFmtId="0" fontId="9" fillId="2" borderId="1" xfId="0" applyFont="1" applyFill="1" applyBorder="1"/>
    <xf numFmtId="0" fontId="10" fillId="2" borderId="1" xfId="0" applyFont="1" applyFill="1" applyBorder="1"/>
    <xf numFmtId="0" fontId="11" fillId="2" borderId="1" xfId="0" applyFont="1" applyFill="1" applyBorder="1"/>
    <xf numFmtId="0" fontId="12" fillId="2" borderId="1" xfId="0" applyFont="1" applyFill="1" applyBorder="1"/>
    <xf numFmtId="0" fontId="13" fillId="2" borderId="1" xfId="0" applyFont="1" applyFill="1" applyBorder="1"/>
    <xf numFmtId="0" fontId="14" fillId="2" borderId="1" xfId="0" applyFont="1" applyFill="1" applyBorder="1"/>
    <xf numFmtId="0" fontId="15" fillId="2" borderId="1" xfId="0" applyFont="1" applyFill="1" applyBorder="1"/>
    <xf numFmtId="0" fontId="16" fillId="2" borderId="1" xfId="0" applyFont="1" applyFill="1" applyBorder="1"/>
    <xf numFmtId="0" fontId="17" fillId="2" borderId="1" xfId="0" applyFont="1" applyFill="1" applyBorder="1"/>
    <xf numFmtId="0" fontId="18" fillId="2" borderId="1" xfId="0" applyFont="1" applyFill="1" applyBorder="1"/>
    <xf numFmtId="0" fontId="19" fillId="2" borderId="1" xfId="0" applyFont="1" applyFill="1" applyBorder="1"/>
    <xf numFmtId="0" fontId="20" fillId="2" borderId="1" xfId="0" applyFont="1" applyFill="1" applyBorder="1"/>
    <xf numFmtId="0" fontId="21" fillId="2" borderId="1" xfId="0" applyFont="1" applyFill="1" applyBorder="1"/>
    <xf numFmtId="0" fontId="22" fillId="2" borderId="1" xfId="0" applyFont="1" applyFill="1" applyBorder="1"/>
    <xf numFmtId="0" fontId="23" fillId="2" borderId="1" xfId="0" applyFont="1" applyFill="1" applyBorder="1"/>
    <xf numFmtId="0" fontId="24" fillId="2" borderId="1" xfId="0" applyFont="1" applyFill="1" applyBorder="1"/>
    <xf numFmtId="0" fontId="25" fillId="2" borderId="1" xfId="0" applyFont="1" applyFill="1" applyBorder="1"/>
    <xf numFmtId="0" fontId="26" fillId="2" borderId="1" xfId="0" applyFont="1" applyFill="1" applyBorder="1"/>
    <xf numFmtId="14" fontId="0" fillId="0" borderId="0" xfId="0" applyNumberFormat="1"/>
    <xf numFmtId="1" fontId="0" fillId="0" borderId="0" xfId="0" applyNumberFormat="1"/>
    <xf numFmtId="164" fontId="0" fillId="0" borderId="0" xfId="0" applyNumberFormat="1"/>
    <xf numFmtId="1" fontId="0" fillId="0" borderId="0" xfId="0" applyNumberFormat="1"/>
    <xf numFmtId="14" fontId="0" fillId="0" borderId="0" xfId="0" applyNumberFormat="1"/>
    <xf numFmtId="22" fontId="0" fillId="0" borderId="0" xfId="0" applyNumberFormat="1"/>
    <xf numFmtId="0" fontId="0" fillId="0" borderId="0" xfId="0" pivotButton="1"/>
    <xf numFmtId="0" fontId="0" fillId="0" borderId="0" xfId="0" applyAlignment="1">
      <alignment horizontal="left"/>
    </xf>
    <xf numFmtId="0" fontId="0" fillId="0" borderId="0" xfId="0" applyNumberFormat="1"/>
    <xf numFmtId="165" fontId="0" fillId="0" borderId="0" xfId="0" applyNumberFormat="1"/>
    <xf numFmtId="0" fontId="28" fillId="0" borderId="0" xfId="2"/>
    <xf numFmtId="0" fontId="28" fillId="0" borderId="0" xfId="2"/>
    <xf numFmtId="0" fontId="30" fillId="3" borderId="3" xfId="2" applyFont="1" applyFill="1" applyBorder="1" applyAlignment="1">
      <alignment horizontal="left" vertical="top"/>
    </xf>
    <xf numFmtId="166" fontId="30" fillId="0" borderId="4" xfId="2" applyNumberFormat="1" applyFont="1" applyBorder="1" applyAlignment="1">
      <alignment horizontal="right" vertical="top"/>
    </xf>
    <xf numFmtId="3" fontId="28" fillId="0" borderId="0" xfId="2" applyNumberFormat="1"/>
    <xf numFmtId="0" fontId="30" fillId="3" borderId="4" xfId="2" applyFont="1" applyFill="1" applyBorder="1" applyAlignment="1">
      <alignment horizontal="left" vertical="top"/>
    </xf>
    <xf numFmtId="3" fontId="30" fillId="0" borderId="4" xfId="2" applyNumberFormat="1" applyFont="1" applyBorder="1" applyAlignment="1">
      <alignment horizontal="right" vertical="top"/>
    </xf>
    <xf numFmtId="0" fontId="29" fillId="4" borderId="4" xfId="2" applyFont="1" applyFill="1" applyBorder="1" applyAlignment="1">
      <alignment horizontal="left" vertical="top"/>
    </xf>
    <xf numFmtId="166" fontId="29" fillId="4" borderId="4" xfId="2" applyNumberFormat="1" applyFont="1" applyFill="1" applyBorder="1" applyAlignment="1">
      <alignment horizontal="right" vertical="top"/>
    </xf>
    <xf numFmtId="0" fontId="29" fillId="4" borderId="0" xfId="2" applyFont="1" applyFill="1" applyAlignment="1">
      <alignment horizontal="left" vertical="top"/>
    </xf>
    <xf numFmtId="0" fontId="28" fillId="4" borderId="0" xfId="2" applyFill="1"/>
    <xf numFmtId="166" fontId="29" fillId="4" borderId="0" xfId="2" applyNumberFormat="1" applyFont="1" applyFill="1" applyAlignment="1">
      <alignment horizontal="right" vertical="top"/>
    </xf>
    <xf numFmtId="0" fontId="28" fillId="0" borderId="4" xfId="2" applyBorder="1"/>
    <xf numFmtId="165" fontId="0" fillId="0" borderId="0" xfId="1" applyNumberFormat="1" applyFont="1"/>
    <xf numFmtId="165" fontId="0" fillId="0" borderId="6" xfId="1" applyNumberFormat="1" applyFont="1" applyBorder="1"/>
    <xf numFmtId="0" fontId="28" fillId="0" borderId="0" xfId="2"/>
    <xf numFmtId="3" fontId="29" fillId="4" borderId="4" xfId="2" applyNumberFormat="1" applyFont="1" applyFill="1" applyBorder="1" applyAlignment="1">
      <alignment horizontal="right" vertical="top"/>
    </xf>
    <xf numFmtId="0" fontId="29" fillId="4" borderId="3" xfId="2" applyFont="1" applyFill="1" applyBorder="1" applyAlignment="1">
      <alignment vertical="top"/>
    </xf>
    <xf numFmtId="43" fontId="28" fillId="0" borderId="0" xfId="1" applyFont="1"/>
    <xf numFmtId="43" fontId="28" fillId="0" borderId="0" xfId="2" applyNumberFormat="1"/>
    <xf numFmtId="0" fontId="28" fillId="0" borderId="0" xfId="2" applyAlignment="1">
      <alignment horizontal="left"/>
    </xf>
    <xf numFmtId="0" fontId="30" fillId="3" borderId="3" xfId="2" applyFont="1" applyFill="1" applyBorder="1" applyAlignment="1">
      <alignment horizontal="center" vertical="top"/>
    </xf>
    <xf numFmtId="0" fontId="30" fillId="0" borderId="4" xfId="2" applyFont="1" applyBorder="1" applyAlignment="1">
      <alignment horizontal="left" vertical="top"/>
    </xf>
    <xf numFmtId="167" fontId="30" fillId="0" borderId="4" xfId="2" applyNumberFormat="1" applyFont="1" applyBorder="1" applyAlignment="1">
      <alignment horizontal="left" vertical="top"/>
    </xf>
    <xf numFmtId="168" fontId="30" fillId="0" borderId="4" xfId="2" applyNumberFormat="1" applyFont="1" applyBorder="1" applyAlignment="1">
      <alignment horizontal="right" vertical="top"/>
    </xf>
    <xf numFmtId="165" fontId="28" fillId="0" borderId="0" xfId="1" applyNumberFormat="1" applyFont="1"/>
    <xf numFmtId="0" fontId="31" fillId="0" borderId="0" xfId="0" applyFont="1"/>
    <xf numFmtId="0" fontId="28" fillId="0" borderId="0" xfId="2" applyFill="1"/>
    <xf numFmtId="165" fontId="0" fillId="0" borderId="0" xfId="1" applyNumberFormat="1" applyFont="1" applyFill="1"/>
    <xf numFmtId="0" fontId="28" fillId="5" borderId="0" xfId="2" applyFill="1"/>
    <xf numFmtId="165" fontId="28" fillId="5" borderId="0" xfId="1" applyNumberFormat="1" applyFont="1" applyFill="1"/>
    <xf numFmtId="0" fontId="29" fillId="4" borderId="4" xfId="2" applyFont="1" applyFill="1" applyBorder="1" applyAlignment="1">
      <alignment horizontal="left" vertical="top"/>
    </xf>
    <xf numFmtId="0" fontId="28" fillId="4" borderId="5" xfId="2" applyFill="1" applyBorder="1"/>
    <xf numFmtId="0" fontId="29" fillId="0" borderId="2" xfId="2" applyFont="1" applyBorder="1" applyAlignment="1">
      <alignment horizontal="left" vertical="center"/>
    </xf>
    <xf numFmtId="0" fontId="28" fillId="0" borderId="2" xfId="2" applyBorder="1"/>
    <xf numFmtId="0" fontId="29" fillId="0" borderId="0" xfId="2" applyFont="1" applyAlignment="1">
      <alignment horizontal="center" vertical="top"/>
    </xf>
    <xf numFmtId="0" fontId="28" fillId="0" borderId="0" xfId="2"/>
    <xf numFmtId="0" fontId="30" fillId="6" borderId="4" xfId="2" applyFont="1" applyFill="1" applyBorder="1" applyAlignment="1">
      <alignment horizontal="left" vertical="top"/>
    </xf>
    <xf numFmtId="3" fontId="30" fillId="6" borderId="4" xfId="2" applyNumberFormat="1" applyFont="1" applyFill="1" applyBorder="1" applyAlignment="1">
      <alignment horizontal="right" vertical="top"/>
    </xf>
    <xf numFmtId="0" fontId="28" fillId="6" borderId="4" xfId="2" applyFill="1" applyBorder="1"/>
    <xf numFmtId="166" fontId="30" fillId="6" borderId="4" xfId="2" applyNumberFormat="1" applyFont="1" applyFill="1" applyBorder="1" applyAlignment="1">
      <alignment horizontal="right" vertical="top"/>
    </xf>
    <xf numFmtId="166" fontId="29" fillId="6" borderId="4" xfId="2" applyNumberFormat="1" applyFont="1" applyFill="1" applyBorder="1" applyAlignment="1">
      <alignment horizontal="right" vertical="top"/>
    </xf>
    <xf numFmtId="3" fontId="29" fillId="6" borderId="4" xfId="2" applyNumberFormat="1" applyFont="1" applyFill="1" applyBorder="1" applyAlignment="1">
      <alignment horizontal="right" vertical="top"/>
    </xf>
  </cellXfs>
  <cellStyles count="3">
    <cellStyle name="Comma" xfId="1" builtinId="3"/>
    <cellStyle name="Normal" xfId="0" builtinId="0"/>
    <cellStyle name="Normal 2" xfId="2" xr:uid="{417385F5-D0A6-4B9D-BB0F-66B50848BE59}"/>
  </cellStyles>
  <dxfs count="1">
    <dxf>
      <numFmt numFmtId="165" formatCode="_(* #,##0_);_(* \(#,##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18" Type="http://schemas.openxmlformats.org/officeDocument/2006/relationships/customXml" Target="../customXml/item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1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1.xml"/><Relationship Id="rId20" Type="http://schemas.openxmlformats.org/officeDocument/2006/relationships/customXml" Target="../customXml/item5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pivotCacheDefinition" Target="pivotCache/pivotCacheDefinition3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pivotCacheDefinition" Target="pivotCache/pivotCacheDefinition2.xml"/><Relationship Id="rId19" Type="http://schemas.openxmlformats.org/officeDocument/2006/relationships/customXml" Target="../customXml/item4.xml"/><Relationship Id="rId4" Type="http://schemas.openxmlformats.org/officeDocument/2006/relationships/worksheet" Target="worksheets/sheet4.xml"/><Relationship Id="rId9" Type="http://schemas.openxmlformats.org/officeDocument/2006/relationships/pivotCacheDefinition" Target="pivotCache/pivotCacheDefinition1.xml"/><Relationship Id="rId1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5</xdr:col>
      <xdr:colOff>88900</xdr:colOff>
      <xdr:row>2</xdr:row>
      <xdr:rowOff>171450</xdr:rowOff>
    </xdr:from>
    <xdr:to>
      <xdr:col>10</xdr:col>
      <xdr:colOff>308143</xdr:colOff>
      <xdr:row>12</xdr:row>
      <xdr:rowOff>41361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3BF378CF-135C-2E04-3D25-51B3C8825A7F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5556250" y="539750"/>
          <a:ext cx="3267243" cy="1711411"/>
        </a:xfrm>
        <a:prstGeom prst="rect">
          <a:avLst/>
        </a:prstGeom>
      </xdr:spPr>
    </xdr:pic>
    <xdr:clientData/>
  </xdr:twoCellAnchor>
  <xdr:twoCellAnchor editAs="oneCell">
    <xdr:from>
      <xdr:col>10</xdr:col>
      <xdr:colOff>520700</xdr:colOff>
      <xdr:row>3</xdr:row>
      <xdr:rowOff>107950</xdr:rowOff>
    </xdr:from>
    <xdr:to>
      <xdr:col>17</xdr:col>
      <xdr:colOff>168275</xdr:colOff>
      <xdr:row>13</xdr:row>
      <xdr:rowOff>9434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86C60585-BAA1-466C-ED1B-C9E958DDA73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9036050" y="660400"/>
          <a:ext cx="3914775" cy="1742984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0</xdr:rowOff>
    </xdr:from>
    <xdr:to>
      <xdr:col>11</xdr:col>
      <xdr:colOff>333549</xdr:colOff>
      <xdr:row>9</xdr:row>
      <xdr:rowOff>65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44F07C81-C23E-9E8F-73F6-CD6ECE7CDF2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6696075" y="361950"/>
          <a:ext cx="3378374" cy="1263715"/>
        </a:xfrm>
        <a:prstGeom prst="rect">
          <a:avLst/>
        </a:prstGeom>
      </xdr:spPr>
    </xdr:pic>
    <xdr:clientData/>
  </xdr:twoCellAnchor>
</xdr:wsDr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_rels/pivotCacheDefinition2.xml.rels><?xml version="1.0" encoding="UTF-8" standalone="yes"?>
<Relationships xmlns="http://schemas.openxmlformats.org/package/2006/relationships"><Relationship Id="rId2" Type="http://schemas.openxmlformats.org/officeDocument/2006/relationships/externalLinkPath" Target="Copy%20of%20JOURNAL_LINES_REV_DIFF_KYPCO_4500000.xlsx" TargetMode="External"/><Relationship Id="rId1" Type="http://schemas.openxmlformats.org/officeDocument/2006/relationships/pivotCacheRecords" Target="pivotCacheRecords2.xml"/></Relationships>
</file>

<file path=xl/pivotCache/_rels/pivotCacheDefinition3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C:\Users\s203707\Downloads\Forfeited%20Disc_Late%20Fees_DPC%20Activity%20Monthly%20by%20AR%20Source%20Code.xlsx" TargetMode="External"/><Relationship Id="rId1" Type="http://schemas.openxmlformats.org/officeDocument/2006/relationships/pivotCacheRecords" Target="pivotCacheRecords3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s203707" refreshedDate="45161.406722800923" createdVersion="8" refreshedVersion="8" minRefreshableVersion="3" recordCount="295" xr:uid="{721A1011-87A8-4578-AD4B-D8DBE64A0B8B}">
  <cacheSource type="worksheet">
    <worksheetSource ref="A1:Y1048576" sheet="451 ledger"/>
  </cacheSource>
  <cacheFields count="25">
    <cacheField name="Unit" numFmtId="0">
      <sharedItems containsBlank="1"/>
    </cacheField>
    <cacheField name="Journal ID" numFmtId="0">
      <sharedItems containsBlank="1" count="261">
        <s v="BI03496018"/>
        <s v="CAD6210420"/>
        <s v="CAD6210419"/>
        <s v="CAD6210418"/>
        <s v="CAD6210411"/>
        <s v="CAD6210413"/>
        <s v="CAD6210412"/>
        <s v="CAD6210427"/>
        <s v="CAD6210421"/>
        <s v="CAD6210401"/>
        <s v="CAD6210429"/>
        <s v="CAD6210428"/>
        <s v="CAD6210404"/>
        <s v="CAD6210406"/>
        <s v="CAD6210408"/>
        <s v="CAD6210405"/>
        <s v="CAD6210425"/>
        <s v="CAD6210426"/>
        <s v="CAD6210414"/>
        <s v="CAD6210422"/>
        <s v="CAD6210407"/>
        <s v="BI03501276"/>
        <s v="OAA253"/>
        <s v="GL0247IRU"/>
        <s v="GL0247KDL"/>
        <s v="BI03506332"/>
        <s v="CAD6210503"/>
        <s v="CAD6210505"/>
        <s v="CAD6210510"/>
        <s v="CAD6210512"/>
        <s v="CAD6210516"/>
        <s v="CAD6210511"/>
        <s v="CAD6210506"/>
        <s v="CAD6210504"/>
        <s v="CAD6210517"/>
        <s v="CAD6210518"/>
        <s v="CAD6210524"/>
        <s v="CAD6210520"/>
        <s v="CAD6210526"/>
        <s v="CAD6210523"/>
        <s v="CAD6210513"/>
        <s v="CAD6210509"/>
        <s v="CAD6210531"/>
        <s v="CAD6210519"/>
        <s v="CAD6210502"/>
        <s v="CAD6210527"/>
        <s v="CAD6210525"/>
        <s v="CAD6210627"/>
        <s v="CAD6210606"/>
        <s v="CAD6210608"/>
        <s v="CAD6210615"/>
        <s v="CAD6210607"/>
        <s v="CAD6210614"/>
        <s v="CAD6210609"/>
        <s v="CAD6210610"/>
        <s v="CAD6210613"/>
        <s v="CAD6210602"/>
        <s v="CAD6210617"/>
        <s v="CAD6210616"/>
        <s v="CAD6210629"/>
        <s v="CAD6210620"/>
        <s v="CAD6210621"/>
        <s v="CAD6210601"/>
        <s v="CAD6210603"/>
        <s v="CAD6210630"/>
        <s v="CAD6210628"/>
        <s v="CAD6210622"/>
        <s v="CAD6210623"/>
        <s v="CAD6210624"/>
        <s v="CAD6210712"/>
        <s v="CAD6210714"/>
        <s v="CAD6210727"/>
        <s v="CAD6210713"/>
        <s v="CAD6210711"/>
        <s v="CAD6210726"/>
        <s v="CAD6210718"/>
        <s v="CAD6210719"/>
        <s v="CAD6210701"/>
        <s v="CAD6210707"/>
        <s v="CAD6210720"/>
        <s v="CAD6210722"/>
        <s v="CAD6210721"/>
        <s v="CAD6210729"/>
        <s v="CAD6210706"/>
        <s v="CAD6210705"/>
        <s v="CAD6210725"/>
        <s v="CAD6210708"/>
        <s v="CAD6210728"/>
        <s v="CAD6210715"/>
        <s v="CAD6210822"/>
        <s v="CAD6210823"/>
        <s v="CAD6210824"/>
        <s v="CAD6210830"/>
        <s v="CAD6210810"/>
        <s v="CAD6210816"/>
        <s v="CAD6210817"/>
        <s v="CAD6210825"/>
        <s v="CAD6210809"/>
        <s v="CAD6210826"/>
        <s v="CAD6210805"/>
        <s v="CAD6210811"/>
        <s v="CAD6210812"/>
        <s v="CAD6210815"/>
        <s v="CAD6210802"/>
        <s v="CAD6210808"/>
        <s v="CAD6210819"/>
        <s v="CAD6210803"/>
        <s v="CAD6210804"/>
        <s v="CAD6210801"/>
        <s v="CAD6210831"/>
        <s v="CAD6210818"/>
        <s v="CAD6210829"/>
        <s v="BI03585524"/>
        <s v="CAD6210908"/>
        <s v="CAD6210909"/>
        <s v="CAD6210912"/>
        <s v="CAD6210923"/>
        <s v="CAD6210927"/>
        <s v="CAD6210906"/>
        <s v="CAD6210915"/>
        <s v="CAD6210916"/>
        <s v="CAD6210914"/>
        <s v="CAD6210913"/>
        <s v="CAD6210919"/>
        <s v="CAD6210921"/>
        <s v="CAD6210929"/>
        <s v="CAD6210930"/>
        <s v="CAD6210926"/>
        <s v="CAD6210901"/>
        <s v="CAD6210922"/>
        <s v="CAD6210907"/>
        <s v="CAD6210920"/>
        <s v="CAD6210928"/>
        <s v="CAD6210902"/>
        <s v="BI03603199"/>
        <s v="CAD6211019"/>
        <s v="CAD6211005"/>
        <s v="CAD6211007"/>
        <s v="CAD6211020"/>
        <s v="CAD6211028"/>
        <s v="CAD6211031"/>
        <s v="CAD6211027"/>
        <s v="CAD6211010"/>
        <s v="CAD6211011"/>
        <s v="CAD6211003"/>
        <s v="CAD6211006"/>
        <s v="CAD6211026"/>
        <s v="CAD6211012"/>
        <s v="CAD6211021"/>
        <s v="CAD6211017"/>
        <s v="CAD6211014"/>
        <s v="CAD6211004"/>
        <s v="CAD6211018"/>
        <s v="CAD6211024"/>
        <s v="CAD6211013"/>
        <s v="CAD6211025"/>
        <s v="CAD6211122"/>
        <s v="CAD6211123"/>
        <s v="CAD6211121"/>
        <s v="CAD6211128"/>
        <s v="CAD6211101"/>
        <s v="CAD6211108"/>
        <s v="CAD6211116"/>
        <s v="CAD6211114"/>
        <s v="CAD6211102"/>
        <s v="CAD6211130"/>
        <s v="CAD6211129"/>
        <s v="CAD6211109"/>
        <s v="CAD6211118"/>
        <s v="CAD6211110"/>
        <s v="CAD6211111"/>
        <s v="CAD6211107"/>
        <s v="CAD6211104"/>
        <s v="CAD6211103"/>
        <s v="CAD6211117"/>
        <s v="CAD6211115"/>
        <s v="CAD6211215"/>
        <s v="CAD6211214"/>
        <s v="CAD6211207"/>
        <s v="CAD6211202"/>
        <s v="CAD6211222"/>
        <s v="CAD6211221"/>
        <s v="CAD6211219"/>
        <s v="CAD6211205"/>
        <s v="CAD6211227"/>
        <s v="CAD6211229"/>
        <s v="CAD6211208"/>
        <s v="CAD6211230"/>
        <s v="CAD6211220"/>
        <s v="CAD6211209"/>
        <s v="CAD6211212"/>
        <s v="CAD6211228"/>
        <s v="CAD6211201"/>
        <s v="CAD6211206"/>
        <s v="CAD6211216"/>
        <s v="CAD6211213"/>
        <s v="CAD6210120"/>
        <s v="CAD6210111"/>
        <s v="CAD6210119"/>
        <s v="CAD6210112"/>
        <s v="CAD6210124"/>
        <s v="CAD6210123"/>
        <s v="CAD6210105"/>
        <s v="CAD6210106"/>
        <s v="CAD6210125"/>
        <s v="CAD6210109"/>
        <s v="CAD6210131"/>
        <s v="CAD6210113"/>
        <s v="CAD6210118"/>
        <s v="CAD6210117"/>
        <s v="CAD6210116"/>
        <s v="CAD6210130"/>
        <s v="CAD6210110"/>
        <s v="CAD6210126"/>
        <s v="CAD6210127"/>
        <s v="CAD6210103"/>
        <s v="CAD6210104"/>
        <s v="CAD6210220"/>
        <s v="CAD6210228"/>
        <s v="CAD6210227"/>
        <s v="CAD6210215"/>
        <s v="CAD6210217"/>
        <s v="CAD6210216"/>
        <s v="CAD6210222"/>
        <s v="CAD6210214"/>
        <s v="CAD6210224"/>
        <s v="CAD6210223"/>
        <s v="CAD6210202"/>
        <s v="CAD6210208"/>
        <s v="CAD6210201"/>
        <s v="CAD6210206"/>
        <s v="CAD6210203"/>
        <s v="CAD6210207"/>
        <s v="CAD6210221"/>
        <s v="CAD6210209"/>
        <s v="CAD6210210"/>
        <s v="CAD6210213"/>
        <s v="CAD6210314"/>
        <s v="CAD6210306"/>
        <s v="CAD6210303"/>
        <s v="CAD6210327"/>
        <s v="CAD6210323"/>
        <s v="CAD6210317"/>
        <s v="CAD6210324"/>
        <s v="CAD6210301"/>
        <s v="CAD6210313"/>
        <s v="CAD6210308"/>
        <s v="CAD6210309"/>
        <s v="CAD6210316"/>
        <s v="CAD6210320"/>
        <s v="CAD6210322"/>
        <s v="CAD6210328"/>
        <s v="CAD6210310"/>
        <s v="CAD6210321"/>
        <s v="CAD6210329"/>
        <s v="CAD6210330"/>
        <s v="CAD6210315"/>
        <s v="CAD6210302"/>
        <s v="CAD6210307"/>
        <s v="CAD6210331"/>
        <m/>
      </sharedItems>
    </cacheField>
    <cacheField name="Date" numFmtId="14">
      <sharedItems containsNonDate="0" containsDate="1" containsString="0" containsBlank="1" minDate="2022-04-14T00:00:00" maxDate="2023-04-01T00:00:00"/>
    </cacheField>
    <cacheField name="Status" numFmtId="0">
      <sharedItems containsBlank="1"/>
    </cacheField>
    <cacheField name="State/Jurisdict" numFmtId="0">
      <sharedItems containsBlank="1"/>
    </cacheField>
    <cacheField name="Account" numFmtId="0">
      <sharedItems containsBlank="1" count="2">
        <s v="4510001"/>
        <m/>
      </sharedItems>
    </cacheField>
    <cacheField name="Period" numFmtId="1">
      <sharedItems containsString="0" containsBlank="1" containsNumber="1" containsInteger="1" minValue="1" maxValue="12"/>
    </cacheField>
    <cacheField name="Dept" numFmtId="0">
      <sharedItems containsBlank="1"/>
    </cacheField>
    <cacheField name="Project" numFmtId="0">
      <sharedItems containsBlank="1"/>
    </cacheField>
    <cacheField name="Affiliate" numFmtId="0">
      <sharedItems containsNonDate="0" containsString="0" containsBlank="1"/>
    </cacheField>
    <cacheField name="Currency" numFmtId="0">
      <sharedItems containsBlank="1"/>
    </cacheField>
    <cacheField name="Amount" numFmtId="164">
      <sharedItems containsString="0" containsBlank="1" containsNumber="1" minValue="-2807.07" maxValue="19355.63"/>
    </cacheField>
    <cacheField name="Line Descr" numFmtId="0">
      <sharedItems containsBlank="1" count="6">
        <s v="Billing Jrnls"/>
        <s v="MACSS Misc Service Revenues"/>
        <s v="TEMPORARY FACILITIES"/>
        <s v="Fib Opt Ln-Indefeas Rt-of-Use"/>
        <s v="Fib Opt Ln-SI/Ls-KDL-Dfd Gains"/>
        <m/>
      </sharedItems>
    </cacheField>
    <cacheField name="PC Bus Unit" numFmtId="0">
      <sharedItems containsBlank="1"/>
    </cacheField>
    <cacheField name="W/O" numFmtId="0">
      <sharedItems containsBlank="1"/>
    </cacheField>
    <cacheField name="An Type" numFmtId="0">
      <sharedItems containsBlank="1"/>
    </cacheField>
    <cacheField name="Cost Comp" numFmtId="0">
      <sharedItems containsBlank="1" count="3">
        <s v="REV"/>
        <s v="999"/>
        <m/>
      </sharedItems>
    </cacheField>
    <cacheField name="ABM Act" numFmtId="0">
      <sharedItems containsBlank="1"/>
    </cacheField>
    <cacheField name="Subcategory" numFmtId="0">
      <sharedItems containsNonDate="0" containsString="0" containsBlank="1"/>
    </cacheField>
    <cacheField name="Ledger" numFmtId="0">
      <sharedItems containsNonDate="0" containsString="0" containsBlank="1" count="1">
        <m/>
      </sharedItems>
    </cacheField>
    <cacheField name="User" numFmtId="0">
      <sharedItems containsBlank="1"/>
    </cacheField>
    <cacheField name="Year" numFmtId="1">
      <sharedItems containsString="0" containsBlank="1" containsNumber="1" containsInteger="1" minValue="2022" maxValue="2023"/>
    </cacheField>
    <cacheField name="Posted" numFmtId="14">
      <sharedItems containsNonDate="0" containsDate="1" containsString="0" containsBlank="1" minDate="2022-04-14T00:00:00" maxDate="2023-04-08T00:00:00"/>
    </cacheField>
    <cacheField name="DateTime" numFmtId="22">
      <sharedItems containsNonDate="0" containsDate="1" containsString="0" containsBlank="1" minDate="2022-04-14T07:57:56" maxDate="2023-04-07T11:20:52"/>
    </cacheField>
    <cacheField name="Long Descr" numFmtId="0">
      <sharedItems containsBlank="1" count="44">
        <s v="Billing Jrnls"/>
        <s v="MACSS Misc Rev Entries-03"/>
        <s v="Distribution Temporary Service Charges for April 2022"/>
        <s v="Amortization of deferred revenues related to fiber optic line IRU agreements (indefeasible right-of-use - cannot be voided or undone).  Refer to attachments for additional information."/>
        <s v="Amortization of deferred gains related to AEP Communications sale/assignment lease of fiber optic lines to Kentucky Data Links, Inc (KDL).  Refer to attachments for additional information."/>
        <s v="Distribution Temporary Service Charges for May 2022"/>
        <s v="Distribution Temporary Service Charges for June 2022"/>
        <s v="Distribution Temporary Service Charges for July 2022"/>
        <s v="Distribution Temporary Service Charges for Aug 2022"/>
        <s v="Distribution Temporary Service Charges for Sep 2022"/>
        <s v="Distribution Temporary Service Charges for October 2022"/>
        <s v="Distribution Temporary Service Charges for November 2022"/>
        <s v="Distribution Temporary Service Charges for December 2022"/>
        <s v="Distribution Temporary Service Charges for January 2023"/>
        <s v="H110  CAD621022802152023N   ACTUALS   N        MCS        MACSS Misc Rev Entries-03     USDCRRNT                                                    EXV         N"/>
        <s v="H110  CAD621022702152023N   ACTUALS   N        MCS        MACSS Misc Rev Entries-03     USDCRRNT                                                    EXV         N"/>
        <s v="H110  CAD621022402152023N   ACTUALS   N        MCS        MACSS Misc Rev Entries-03     USDCRRNT                                                    EXV         N"/>
        <s v="H110  CAD621022302152023N   ACTUALS   N        MCS        MACSS Misc Rev Entries-03     USDCRRNT                                                    EXV         N"/>
        <s v="Distribution Temporary Service Charges for February 2023"/>
        <s v="H110  CAD621031403152023N   ACTUALS   N        MCS        MACSS Misc Rev Entries-03     USDCRRNT                                                    EXV         N"/>
        <s v="H110  CAD621030603152023N   ACTUALS   N        MCS        MACSS Misc Rev Entries-03     USDCRRNT                                                    EXV         N"/>
        <s v="H110  CAD621030303152023N   ACTUALS   N        MCS        MACSS Misc Rev Entries-03     USDCRRNT                                                    EXV         N"/>
        <s v="H110  CAD621032703152023N   ACTUALS   N        MCS        MACSS Misc Rev Entries-03     USDCRRNT                                                    EXV         N"/>
        <s v="H110  CAD621032303152023N   ACTUALS   N        MCS        MACSS Misc Rev Entries-03     USDCRRNT                                                    EXV         N"/>
        <s v="H110  CAD621031703152023N   ACTUALS   N        MCS        MACSS Misc Rev Entries-03     USDCRRNT                                                    EXV         N"/>
        <s v="H110  CAD621032403152023N   ACTUALS   N        MCS        MACSS Misc Rev Entries-03     USDCRRNT                                                    EXV         N"/>
        <s v="H110  CAD621030103152023N   ACTUALS   N        MCS        MACSS Misc Rev Entries-03     USDCRRNT                                                    EXV         N"/>
        <s v="H110  CAD621031303152023N   ACTUALS   N        MCS        MACSS Misc Rev Entries-03     USDCRRNT                                                    EXV         N"/>
        <s v="H110  CAD621030803152023N   ACTUALS   N        MCS        MACSS Misc Rev Entries-03     USDCRRNT                                                    EXV         N"/>
        <s v="H110  CAD621030903152023N   ACTUALS   N        MCS        MACSS Misc Rev Entries-03     USDCRRNT                                                    EXV         N"/>
        <s v="H110  CAD621031603152023N   ACTUALS   N        MCS        MACSS Misc Rev Entries-03     USDCRRNT                                                    EXV         N"/>
        <s v="H110  CAD621032003152023N   ACTUALS   N        MCS        MACSS Misc Rev Entries-03     USDCRRNT                                                    EXV         N"/>
        <s v="H110  CAD621032203152023N   ACTUALS   N        MCS        MACSS Misc Rev Entries-03     USDCRRNT                                                    EXV         N"/>
        <s v="H110  CAD621032803152023N   ACTUALS   N        MCS        MACSS Misc Rev Entries-03     USDCRRNT                                                    EXV         N"/>
        <s v="H110  CAD621031003152023N   ACTUALS   N        MCS        MACSS Misc Rev Entries-03     USDCRRNT                                                    EXV         N"/>
        <s v="H110  CAD621032103152023N   ACTUALS   N        MCS        MACSS Misc Rev Entries-03     USDCRRNT                                                    EXV         N"/>
        <s v="H110  CAD621032903152023N   ACTUALS   N        MCS        MACSS Misc Rev Entries-03     USDCRRNT                                                    EXV         N"/>
        <s v="H110  CAD621033003152023N   ACTUALS   N        MCS        MACSS Misc Rev Entries-03     USDCRRNT                                                    EXV         N"/>
        <s v="H110  CAD621031503152023N   ACTUALS   N        MCS        MACSS Misc Rev Entries-03     USDCRRNT                                                    EXV         N"/>
        <s v="H110  CAD621030203152023N   ACTUALS   N        MCS        MACSS Misc Rev Entries-03     USDCRRNT                                                    EXV         N"/>
        <s v="H110  CAD621030703152023N   ACTUALS   N        MCS        MACSS Misc Rev Entries-03     USDCRRNT                                                    EXV         N"/>
        <s v="H110  CAD621033103152023N   ACTUALS   N        MCS        MACSS Misc Rev Entries-03     USDCRRNT                                                    EXV         N"/>
        <s v="Distribution Temporary Service Charges for March 2023"/>
        <m/>
      </sharedItems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Definition2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s203707" refreshedDate="45161.414453472222" createdVersion="8" refreshedVersion="8" minRefreshableVersion="3" recordCount="254" xr:uid="{0BC95664-CA0B-4CA0-89F6-6E42FEF70B07}">
  <cacheSource type="worksheet">
    <worksheetSource ref="A1:Y1048576" sheet="450" r:id="rId2"/>
  </cacheSource>
  <cacheFields count="25">
    <cacheField name="Unit" numFmtId="0">
      <sharedItems containsBlank="1"/>
    </cacheField>
    <cacheField name="Journal ID" numFmtId="0">
      <sharedItems containsBlank="1"/>
    </cacheField>
    <cacheField name="Date" numFmtId="14">
      <sharedItems containsNonDate="0" containsDate="1" containsString="0" containsBlank="1" minDate="2022-04-15T00:00:00" maxDate="2023-03-16T00:00:00"/>
    </cacheField>
    <cacheField name="Status" numFmtId="0">
      <sharedItems containsBlank="1"/>
    </cacheField>
    <cacheField name="State/Jurisdict" numFmtId="0">
      <sharedItems containsBlank="1"/>
    </cacheField>
    <cacheField name="Account" numFmtId="0">
      <sharedItems containsBlank="1" count="2">
        <s v="4500000"/>
        <m/>
      </sharedItems>
    </cacheField>
    <cacheField name="Period" numFmtId="1">
      <sharedItems containsString="0" containsBlank="1" containsNumber="1" containsInteger="1" minValue="1" maxValue="12"/>
    </cacheField>
    <cacheField name="Dept" numFmtId="0">
      <sharedItems containsBlank="1"/>
    </cacheField>
    <cacheField name="Project" numFmtId="0">
      <sharedItems containsBlank="1"/>
    </cacheField>
    <cacheField name="Affiliate" numFmtId="0">
      <sharedItems containsNonDate="0" containsString="0" containsBlank="1"/>
    </cacheField>
    <cacheField name="Currency" numFmtId="0">
      <sharedItems containsBlank="1"/>
    </cacheField>
    <cacheField name="Amount" numFmtId="164">
      <sharedItems containsString="0" containsBlank="1" containsNumber="1" minValue="-130181.09" maxValue="77973.47"/>
    </cacheField>
    <cacheField name="Line Descr" numFmtId="0">
      <sharedItems containsBlank="1" count="2">
        <s v="MACSS Forfeited Discounts"/>
        <m/>
      </sharedItems>
    </cacheField>
    <cacheField name="PC Bus Unit" numFmtId="0">
      <sharedItems containsBlank="1"/>
    </cacheField>
    <cacheField name="W/O" numFmtId="0">
      <sharedItems containsBlank="1"/>
    </cacheField>
    <cacheField name="An Type" numFmtId="0">
      <sharedItems containsBlank="1"/>
    </cacheField>
    <cacheField name="Cost Comp" numFmtId="0">
      <sharedItems containsBlank="1"/>
    </cacheField>
    <cacheField name="ABM Act" numFmtId="0">
      <sharedItems containsBlank="1"/>
    </cacheField>
    <cacheField name="Subcategory" numFmtId="0">
      <sharedItems containsNonDate="0" containsString="0" containsBlank="1"/>
    </cacheField>
    <cacheField name="Ledger" numFmtId="0">
      <sharedItems containsNonDate="0" containsString="0" containsBlank="1"/>
    </cacheField>
    <cacheField name="User" numFmtId="0">
      <sharedItems containsBlank="1"/>
    </cacheField>
    <cacheField name="Year" numFmtId="1">
      <sharedItems containsString="0" containsBlank="1" containsNumber="1" containsInteger="1" minValue="2022" maxValue="2023"/>
    </cacheField>
    <cacheField name="Posted" numFmtId="14">
      <sharedItems containsNonDate="0" containsDate="1" containsString="0" containsBlank="1" minDate="2022-04-14T00:00:00" maxDate="2023-04-05T00:00:00"/>
    </cacheField>
    <cacheField name="DateTime" numFmtId="22">
      <sharedItems containsNonDate="0" containsDate="1" containsString="0" containsBlank="1" minDate="2022-04-14T07:57:57" maxDate="2023-04-04T11:58:45"/>
    </cacheField>
    <cacheField name="Long Descr" numFmtId="0">
      <sharedItems containsBlank="1" count="30">
        <s v="MACSS Misc Rev Entries-03"/>
        <s v="H110  CAD621022802152023N   ACTUALS   N        MCS        MACSS Misc Rev Entries-03     USDCRRNT                                                    EXV         N"/>
        <s v="H110  CAD621022702152023N   ACTUALS   N        MCS        MACSS Misc Rev Entries-03     USDCRRNT                                                    EXV         N"/>
        <s v="H110  CAD621030102152023N   ACTUALS   N        MCS        MACSS Misc Rev Entries-03     USDCRRNT                                                    EXV         N"/>
        <s v="H110  CAD621022402152023N   ACTUALS   N        MCS        MACSS Misc Rev Entries-03     USDCRRNT                                                    EXV         N"/>
        <s v="H110  CAD621022302152023N   ACTUALS   N        MCS        MACSS Misc Rev Entries-03     USDCRRNT                                                    EXV         N"/>
        <s v="H110  CAD621031403152023N   ACTUALS   N        MCS        MACSS Misc Rev Entries-03     USDCRRNT                                                    EXV         N"/>
        <s v="H110  CAD621030603152023N   ACTUALS   N        MCS        MACSS Misc Rev Entries-03     USDCRRNT                                                    EXV         N"/>
        <s v="H110  CAD621030303152023N   ACTUALS   N        MCS        MACSS Misc Rev Entries-03     USDCRRNT                                                    EXV         N"/>
        <s v="H110  CAD621032703152023N   ACTUALS   N        MCS        MACSS Misc Rev Entries-03     USDCRRNT                                                    EXV         N"/>
        <s v="H110  CAD621032303152023N   ACTUALS   N        MCS        MACSS Misc Rev Entries-03     USDCRRNT                                                    EXV         N"/>
        <s v="H110  CAD621031703152023N   ACTUALS   N        MCS        MACSS Misc Rev Entries-03     USDCRRNT                                                    EXV         N"/>
        <s v="H110  CAD621032403152023N   ACTUALS   N        MCS        MACSS Misc Rev Entries-03     USDCRRNT                                                    EXV         N"/>
        <s v="H110  CAD621031303152023N   ACTUALS   N        MCS        MACSS Misc Rev Entries-03     USDCRRNT                                                    EXV         N"/>
        <s v="H110  CAD621030803152023N   ACTUALS   N        MCS        MACSS Misc Rev Entries-03     USDCRRNT                                                    EXV         N"/>
        <s v="H110  CAD621030903152023N   ACTUALS   N        MCS        MACSS Misc Rev Entries-03     USDCRRNT                                                    EXV         N"/>
        <s v="H110  CAD621040303152023N   ACTUALS   N        MCS        MACSS Misc Rev Entries-03     USDCRRNT                                                    EXV         N"/>
        <s v="H110  CAD621031603152023N   ACTUALS   N        MCS        MACSS Misc Rev Entries-03     USDCRRNT                                                    EXV         N"/>
        <s v="H110  CAD621032003152023N   ACTUALS   N        MCS        MACSS Misc Rev Entries-03     USDCRRNT                                                    EXV         N"/>
        <s v="H110  CAD621032203152023N   ACTUALS   N        MCS        MACSS Misc Rev Entries-03     USDCRRNT                                                    EXV         N"/>
        <s v="H110  CAD621032803152023N   ACTUALS   N        MCS        MACSS Misc Rev Entries-03     USDCRRNT                                                    EXV         N"/>
        <s v="H110  CAD621031003152023N   ACTUALS   N        MCS        MACSS Misc Rev Entries-03     USDCRRNT                                                    EXV         N"/>
        <s v="H110  CAD621032103152023N   ACTUALS   N        MCS        MACSS Misc Rev Entries-03     USDCRRNT                                                    EXV         N"/>
        <s v="H110  CAD621032903152023N   ACTUALS   N        MCS        MACSS Misc Rev Entries-03     USDCRRNT                                                    EXV         N"/>
        <s v="H110  CAD621033003152023N   ACTUALS   N        MCS        MACSS Misc Rev Entries-03     USDCRRNT                                                    EXV         N"/>
        <s v="H110  CAD621031503152023N   ACTUALS   N        MCS        MACSS Misc Rev Entries-03     USDCRRNT                                                    EXV         N"/>
        <s v="H110  CAD621030203152023N   ACTUALS   N        MCS        MACSS Misc Rev Entries-03     USDCRRNT                                                    EXV         N"/>
        <s v="H110  CAD621030703152023N   ACTUALS   N        MCS        MACSS Misc Rev Entries-03     USDCRRNT                                                    EXV         N"/>
        <s v="H110  CAD621033103152023N   ACTUALS   N        MCS        MACSS Misc Rev Entries-03     USDCRRNT                                                    EXV         N"/>
        <m/>
      </sharedItems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Definition3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s203707" refreshedDate="45162.780739467591" createdVersion="8" refreshedVersion="8" minRefreshableVersion="3" recordCount="2184" xr:uid="{FA754703-BDA8-498F-B29D-F4ECFAA9F206}">
  <cacheSource type="worksheet">
    <worksheetSource ref="A1:K1048576" sheet="450 data w tariff" r:id="rId2"/>
  </cacheSource>
  <cacheFields count="11">
    <cacheField name="Co Cd" numFmtId="0">
      <sharedItems containsBlank="1"/>
    </cacheField>
    <cacheField name="Jursd Cd" numFmtId="0">
      <sharedItems containsBlank="1"/>
    </cacheField>
    <cacheField name="State Cd" numFmtId="0">
      <sharedItems containsBlank="1"/>
    </cacheField>
    <cacheField name="Revn Yr/Mo" numFmtId="0">
      <sharedItems containsBlank="1"/>
    </cacheField>
    <cacheField name="Revn Sorc Cd" numFmtId="0">
      <sharedItems containsBlank="1" count="4">
        <s v="DPCAN"/>
        <s v="DPCED"/>
        <s v="DPCR6"/>
        <m/>
      </sharedItems>
    </cacheField>
    <cacheField name="A/R Sorc Cd" numFmtId="0">
      <sharedItems containsBlank="1" count="2">
        <s v="NETFD"/>
        <m/>
      </sharedItems>
    </cacheField>
    <cacheField name="Revn Sorc Grp Desc" numFmtId="0">
      <sharedItems containsBlank="1" count="2">
        <s v="FORFEITED DISCOUNTS                               "/>
        <m/>
      </sharedItems>
    </cacheField>
    <cacheField name="Revn Class Cd" numFmtId="0">
      <sharedItems containsString="0" containsBlank="1" containsNumber="1" containsInteger="1" minValue="0" maxValue="230" count="10">
        <n v="10"/>
        <n v="20"/>
        <n v="211"/>
        <n v="212"/>
        <n v="216"/>
        <n v="221"/>
        <n v="222"/>
        <n v="230"/>
        <n v="0"/>
        <m/>
      </sharedItems>
    </cacheField>
    <cacheField name="Tariff Cd" numFmtId="0">
      <sharedItems containsString="0" containsBlank="1" containsNumber="1" containsInteger="1" minValue="0" maxValue="372" count="53">
        <n v="15"/>
        <n v="22"/>
        <n v="94"/>
        <n v="97"/>
        <n v="107"/>
        <n v="109"/>
        <n v="113"/>
        <n v="150"/>
        <n v="111"/>
        <n v="93"/>
        <n v="95"/>
        <n v="116"/>
        <n v="122"/>
        <n v="131"/>
        <n v="204"/>
        <n v="211"/>
        <n v="213"/>
        <n v="215"/>
        <n v="217"/>
        <n v="227"/>
        <n v="229"/>
        <n v="240"/>
        <n v="248"/>
        <n v="359"/>
        <n v="225"/>
        <n v="220"/>
        <n v="244"/>
        <n v="358"/>
        <n v="236"/>
        <n v="0"/>
        <n v="11"/>
        <n v="17"/>
        <n v="98"/>
        <n v="110"/>
        <n v="212"/>
        <n v="223"/>
        <n v="356"/>
        <n v="360"/>
        <n v="251"/>
        <n v="257"/>
        <n v="330"/>
        <n v="30"/>
        <n v="214"/>
        <n v="256"/>
        <n v="14"/>
        <n v="166"/>
        <n v="332"/>
        <n v="32"/>
        <n v="165"/>
        <n v="371"/>
        <n v="372"/>
        <n v="99"/>
        <m/>
      </sharedItems>
    </cacheField>
    <cacheField name="Sales of ELE Amt" numFmtId="0">
      <sharedItems containsString="0" containsBlank="1" containsNumber="1" containsInteger="1" minValue="0" maxValue="0"/>
    </cacheField>
    <cacheField name="Dollar Amt" numFmtId="0">
      <sharedItems containsString="0" containsBlank="1" containsNumber="1" minValue="-83225.37" maxValue="83225.37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295">
  <r>
    <s v="110"/>
    <x v="0"/>
    <d v="2022-04-14T00:00:00"/>
    <s v="P"/>
    <s v="KY"/>
    <x v="0"/>
    <n v="4"/>
    <s v="10308"/>
    <s v="EDNANDA"/>
    <m/>
    <s v="USD"/>
    <n v="-100"/>
    <x v="0"/>
    <s v="DISTR"/>
    <s v="G0000110"/>
    <m/>
    <x v="0"/>
    <s v="78"/>
    <m/>
    <x v="0"/>
    <s v="GLBATCH"/>
    <n v="2022"/>
    <d v="2022-04-15T00:00:00"/>
    <d v="2022-04-15T12:26:49"/>
    <x v="0"/>
  </r>
  <r>
    <s v="110"/>
    <x v="1"/>
    <d v="2022-04-15T00:00:00"/>
    <s v="P"/>
    <s v="KY"/>
    <x v="0"/>
    <n v="4"/>
    <s v="10828"/>
    <s v="GLNANDA"/>
    <m/>
    <s v="USD"/>
    <n v="-1236"/>
    <x v="1"/>
    <s v="NONBU"/>
    <s v="G0000110"/>
    <s v="ACT"/>
    <x v="0"/>
    <s v="974"/>
    <m/>
    <x v="0"/>
    <s v="GLBATCH"/>
    <n v="2022"/>
    <d v="2022-04-22T00:00:00"/>
    <d v="2022-04-22T16:39:04"/>
    <x v="1"/>
  </r>
  <r>
    <s v="110"/>
    <x v="2"/>
    <d v="2022-04-15T00:00:00"/>
    <s v="P"/>
    <s v="KY"/>
    <x v="0"/>
    <n v="4"/>
    <s v="10828"/>
    <s v="GLNANDA"/>
    <m/>
    <s v="USD"/>
    <n v="-959.62"/>
    <x v="1"/>
    <s v="NONBU"/>
    <s v="G0000110"/>
    <s v="ACT"/>
    <x v="0"/>
    <s v="974"/>
    <m/>
    <x v="0"/>
    <s v="GLBATCH"/>
    <n v="2022"/>
    <d v="2022-04-22T00:00:00"/>
    <d v="2022-04-22T16:39:04"/>
    <x v="1"/>
  </r>
  <r>
    <s v="110"/>
    <x v="3"/>
    <d v="2022-04-15T00:00:00"/>
    <s v="P"/>
    <s v="KY"/>
    <x v="0"/>
    <n v="4"/>
    <s v="10828"/>
    <s v="GLNANDA"/>
    <m/>
    <s v="USD"/>
    <n v="-1212.9000000000001"/>
    <x v="1"/>
    <s v="NONBU"/>
    <s v="G0000110"/>
    <s v="ACT"/>
    <x v="0"/>
    <s v="974"/>
    <m/>
    <x v="0"/>
    <s v="GLBATCH"/>
    <n v="2022"/>
    <d v="2022-04-22T00:00:00"/>
    <d v="2022-04-22T16:39:03"/>
    <x v="1"/>
  </r>
  <r>
    <s v="110"/>
    <x v="4"/>
    <d v="2022-04-15T00:00:00"/>
    <s v="P"/>
    <s v="KY"/>
    <x v="0"/>
    <n v="4"/>
    <s v="10828"/>
    <s v="GLNANDA"/>
    <m/>
    <s v="USD"/>
    <n v="-1409.78"/>
    <x v="1"/>
    <s v="NONBU"/>
    <s v="G0000110"/>
    <s v="ACT"/>
    <x v="0"/>
    <s v="974"/>
    <m/>
    <x v="0"/>
    <s v="GLBATCH"/>
    <n v="2022"/>
    <d v="2022-04-14T00:00:00"/>
    <d v="2022-04-14T07:58:00"/>
    <x v="1"/>
  </r>
  <r>
    <s v="110"/>
    <x v="5"/>
    <d v="2022-04-15T00:00:00"/>
    <s v="P"/>
    <s v="KY"/>
    <x v="0"/>
    <n v="4"/>
    <s v="10828"/>
    <s v="GLNANDA"/>
    <m/>
    <s v="USD"/>
    <n v="-693.1"/>
    <x v="1"/>
    <s v="NONBU"/>
    <s v="G0000110"/>
    <s v="ACT"/>
    <x v="0"/>
    <s v="974"/>
    <m/>
    <x v="0"/>
    <s v="GLBATCH"/>
    <n v="2022"/>
    <d v="2022-04-22T00:00:00"/>
    <d v="2022-04-22T16:39:02"/>
    <x v="1"/>
  </r>
  <r>
    <s v="110"/>
    <x v="6"/>
    <d v="2022-04-15T00:00:00"/>
    <s v="P"/>
    <s v="KY"/>
    <x v="0"/>
    <n v="4"/>
    <s v="10828"/>
    <s v="GLNANDA"/>
    <m/>
    <s v="USD"/>
    <n v="-787.3"/>
    <x v="1"/>
    <s v="NONBU"/>
    <s v="G0000110"/>
    <s v="ACT"/>
    <x v="0"/>
    <s v="974"/>
    <m/>
    <x v="0"/>
    <s v="GLBATCH"/>
    <n v="2022"/>
    <d v="2022-04-14T00:00:00"/>
    <d v="2022-04-14T07:58:01"/>
    <x v="1"/>
  </r>
  <r>
    <s v="110"/>
    <x v="7"/>
    <d v="2022-04-15T00:00:00"/>
    <s v="P"/>
    <s v="KY"/>
    <x v="0"/>
    <n v="4"/>
    <s v="10828"/>
    <s v="GLNANDA"/>
    <m/>
    <s v="USD"/>
    <n v="-1029.25"/>
    <x v="1"/>
    <s v="NONBU"/>
    <s v="G0000110"/>
    <s v="ACT"/>
    <x v="0"/>
    <s v="974"/>
    <m/>
    <x v="0"/>
    <s v="GLBATCH"/>
    <n v="2022"/>
    <d v="2022-04-29T00:00:00"/>
    <d v="2022-04-29T16:21:04"/>
    <x v="1"/>
  </r>
  <r>
    <s v="110"/>
    <x v="8"/>
    <d v="2022-04-15T00:00:00"/>
    <s v="P"/>
    <s v="KY"/>
    <x v="0"/>
    <n v="4"/>
    <s v="10828"/>
    <s v="GLNANDA"/>
    <m/>
    <s v="USD"/>
    <n v="-475.75"/>
    <x v="1"/>
    <s v="NONBU"/>
    <s v="G0000110"/>
    <s v="ACT"/>
    <x v="0"/>
    <s v="974"/>
    <m/>
    <x v="0"/>
    <s v="GLBATCH"/>
    <n v="2022"/>
    <d v="2022-04-29T00:00:00"/>
    <d v="2022-04-29T16:21:02"/>
    <x v="1"/>
  </r>
  <r>
    <s v="110"/>
    <x v="9"/>
    <d v="2022-04-15T00:00:00"/>
    <s v="P"/>
    <s v="KY"/>
    <x v="0"/>
    <n v="4"/>
    <s v="10828"/>
    <s v="GLNANDA"/>
    <m/>
    <s v="USD"/>
    <n v="-708.1"/>
    <x v="1"/>
    <s v="NONBU"/>
    <s v="G0000110"/>
    <s v="ACT"/>
    <x v="0"/>
    <s v="974"/>
    <m/>
    <x v="0"/>
    <s v="GLBATCH"/>
    <n v="2022"/>
    <d v="2022-04-14T00:00:00"/>
    <d v="2022-04-14T07:57:56"/>
    <x v="1"/>
  </r>
  <r>
    <s v="110"/>
    <x v="10"/>
    <d v="2022-04-15T00:00:00"/>
    <s v="P"/>
    <s v="KY"/>
    <x v="0"/>
    <n v="4"/>
    <s v="10828"/>
    <s v="GLNANDA"/>
    <m/>
    <s v="USD"/>
    <n v="-738.05"/>
    <x v="1"/>
    <s v="NONBU"/>
    <s v="G0000110"/>
    <s v="ACT"/>
    <x v="0"/>
    <s v="974"/>
    <m/>
    <x v="0"/>
    <s v="GLBATCH"/>
    <n v="2022"/>
    <d v="2022-05-02T00:00:00"/>
    <d v="2022-05-02T14:33:39"/>
    <x v="1"/>
  </r>
  <r>
    <s v="110"/>
    <x v="11"/>
    <d v="2022-04-15T00:00:00"/>
    <s v="P"/>
    <s v="KY"/>
    <x v="0"/>
    <n v="4"/>
    <s v="10828"/>
    <s v="GLNANDA"/>
    <m/>
    <s v="USD"/>
    <n v="-1145.6500000000001"/>
    <x v="1"/>
    <s v="NONBU"/>
    <s v="G0000110"/>
    <s v="ACT"/>
    <x v="0"/>
    <s v="974"/>
    <m/>
    <x v="0"/>
    <s v="GLBATCH"/>
    <n v="2022"/>
    <d v="2022-05-02T00:00:00"/>
    <d v="2022-05-02T14:33:38"/>
    <x v="1"/>
  </r>
  <r>
    <s v="110"/>
    <x v="12"/>
    <d v="2022-04-15T00:00:00"/>
    <s v="P"/>
    <s v="KY"/>
    <x v="0"/>
    <n v="4"/>
    <s v="10828"/>
    <s v="GLNANDA"/>
    <m/>
    <s v="USD"/>
    <n v="-836.8"/>
    <x v="1"/>
    <s v="NONBU"/>
    <s v="G0000110"/>
    <s v="ACT"/>
    <x v="0"/>
    <s v="974"/>
    <m/>
    <x v="0"/>
    <s v="GLBATCH"/>
    <n v="2022"/>
    <d v="2022-04-14T00:00:00"/>
    <d v="2022-04-14T07:57:57"/>
    <x v="1"/>
  </r>
  <r>
    <s v="110"/>
    <x v="13"/>
    <d v="2022-04-15T00:00:00"/>
    <s v="P"/>
    <s v="KY"/>
    <x v="0"/>
    <n v="4"/>
    <s v="10828"/>
    <s v="GLNANDA"/>
    <m/>
    <s v="USD"/>
    <n v="-892"/>
    <x v="1"/>
    <s v="NONBU"/>
    <s v="G0000110"/>
    <s v="ACT"/>
    <x v="0"/>
    <s v="974"/>
    <m/>
    <x v="0"/>
    <s v="GLBATCH"/>
    <n v="2022"/>
    <d v="2022-04-14T00:00:00"/>
    <d v="2022-04-14T07:57:58"/>
    <x v="1"/>
  </r>
  <r>
    <s v="110"/>
    <x v="14"/>
    <d v="2022-04-15T00:00:00"/>
    <s v="P"/>
    <s v="KY"/>
    <x v="0"/>
    <n v="4"/>
    <s v="10828"/>
    <s v="GLNANDA"/>
    <m/>
    <s v="USD"/>
    <n v="-802.1"/>
    <x v="1"/>
    <s v="NONBU"/>
    <s v="G0000110"/>
    <s v="ACT"/>
    <x v="0"/>
    <s v="974"/>
    <m/>
    <x v="0"/>
    <s v="GLBATCH"/>
    <n v="2022"/>
    <d v="2022-04-14T00:00:00"/>
    <d v="2022-04-14T07:57:59"/>
    <x v="1"/>
  </r>
  <r>
    <s v="110"/>
    <x v="15"/>
    <d v="2022-04-15T00:00:00"/>
    <s v="P"/>
    <s v="KY"/>
    <x v="0"/>
    <n v="4"/>
    <s v="10828"/>
    <s v="GLNANDA"/>
    <m/>
    <s v="USD"/>
    <n v="-893.05"/>
    <x v="1"/>
    <s v="NONBU"/>
    <s v="G0000110"/>
    <s v="ACT"/>
    <x v="0"/>
    <s v="974"/>
    <m/>
    <x v="0"/>
    <s v="GLBATCH"/>
    <n v="2022"/>
    <d v="2022-04-14T00:00:00"/>
    <d v="2022-04-14T07:57:57"/>
    <x v="1"/>
  </r>
  <r>
    <s v="110"/>
    <x v="16"/>
    <d v="2022-04-15T00:00:00"/>
    <s v="P"/>
    <s v="KY"/>
    <x v="0"/>
    <n v="4"/>
    <s v="10828"/>
    <s v="GLNANDA"/>
    <m/>
    <s v="USD"/>
    <n v="-833.3"/>
    <x v="1"/>
    <s v="NONBU"/>
    <s v="G0000110"/>
    <s v="ACT"/>
    <x v="0"/>
    <s v="974"/>
    <m/>
    <x v="0"/>
    <s v="GLBATCH"/>
    <n v="2022"/>
    <d v="2022-04-29T00:00:00"/>
    <d v="2022-04-29T16:21:03"/>
    <x v="1"/>
  </r>
  <r>
    <s v="110"/>
    <x v="17"/>
    <d v="2022-04-15T00:00:00"/>
    <s v="P"/>
    <s v="KY"/>
    <x v="0"/>
    <n v="4"/>
    <s v="10828"/>
    <s v="GLNANDA"/>
    <m/>
    <s v="USD"/>
    <n v="-1402.94"/>
    <x v="1"/>
    <s v="NONBU"/>
    <s v="G0000110"/>
    <s v="ACT"/>
    <x v="0"/>
    <s v="974"/>
    <m/>
    <x v="0"/>
    <s v="GLBATCH"/>
    <n v="2022"/>
    <d v="2022-04-29T00:00:00"/>
    <d v="2022-04-29T16:21:04"/>
    <x v="1"/>
  </r>
  <r>
    <s v="110"/>
    <x v="18"/>
    <d v="2022-04-15T00:00:00"/>
    <s v="P"/>
    <s v="KY"/>
    <x v="0"/>
    <n v="4"/>
    <s v="10828"/>
    <s v="GLNANDA"/>
    <m/>
    <s v="USD"/>
    <n v="-1505.04"/>
    <x v="1"/>
    <s v="NONBU"/>
    <s v="G0000110"/>
    <s v="ACT"/>
    <x v="0"/>
    <s v="974"/>
    <m/>
    <x v="0"/>
    <s v="GLBATCH"/>
    <n v="2022"/>
    <d v="2022-04-22T00:00:00"/>
    <d v="2022-04-22T16:39:02"/>
    <x v="1"/>
  </r>
  <r>
    <s v="110"/>
    <x v="19"/>
    <d v="2022-04-15T00:00:00"/>
    <s v="P"/>
    <s v="KY"/>
    <x v="0"/>
    <n v="4"/>
    <s v="10828"/>
    <s v="GLNANDA"/>
    <m/>
    <s v="USD"/>
    <n v="-899.35"/>
    <x v="1"/>
    <s v="NONBU"/>
    <s v="G0000110"/>
    <s v="ACT"/>
    <x v="0"/>
    <s v="974"/>
    <m/>
    <x v="0"/>
    <s v="GLBATCH"/>
    <n v="2022"/>
    <d v="2022-04-29T00:00:00"/>
    <d v="2022-04-29T16:21:02"/>
    <x v="1"/>
  </r>
  <r>
    <s v="110"/>
    <x v="20"/>
    <d v="2022-04-15T00:00:00"/>
    <s v="P"/>
    <s v="KY"/>
    <x v="0"/>
    <n v="4"/>
    <s v="10828"/>
    <s v="GLNANDA"/>
    <m/>
    <s v="USD"/>
    <n v="-855.5"/>
    <x v="1"/>
    <s v="NONBU"/>
    <s v="G0000110"/>
    <s v="ACT"/>
    <x v="0"/>
    <s v="974"/>
    <m/>
    <x v="0"/>
    <s v="GLBATCH"/>
    <n v="2022"/>
    <d v="2022-04-14T00:00:00"/>
    <d v="2022-04-14T07:57:59"/>
    <x v="1"/>
  </r>
  <r>
    <s v="110"/>
    <x v="21"/>
    <d v="2022-04-27T00:00:00"/>
    <s v="P"/>
    <s v="KY"/>
    <x v="0"/>
    <n v="4"/>
    <s v="10308"/>
    <s v="EDNANDA"/>
    <m/>
    <s v="USD"/>
    <n v="-100"/>
    <x v="0"/>
    <s v="DISTR"/>
    <s v="G0000110"/>
    <m/>
    <x v="0"/>
    <s v="78"/>
    <m/>
    <x v="0"/>
    <s v="GLBATCH"/>
    <n v="2022"/>
    <d v="2022-04-28T00:00:00"/>
    <d v="2022-04-28T05:34:29"/>
    <x v="0"/>
  </r>
  <r>
    <s v="110"/>
    <x v="22"/>
    <d v="2022-04-30T00:00:00"/>
    <s v="P"/>
    <s v="KY"/>
    <x v="0"/>
    <n v="4"/>
    <s v="99990"/>
    <s v="EDNANDA"/>
    <m/>
    <s v="USD"/>
    <n v="2416.58"/>
    <x v="2"/>
    <s v="DISTR"/>
    <s v="G0000110"/>
    <s v="ACT"/>
    <x v="1"/>
    <s v="974"/>
    <m/>
    <x v="0"/>
    <s v="S343865"/>
    <n v="2022"/>
    <d v="2022-05-06T00:00:00"/>
    <d v="2022-05-06T10:04:34"/>
    <x v="2"/>
  </r>
  <r>
    <s v="180"/>
    <x v="23"/>
    <d v="2022-04-30T00:00:00"/>
    <s v="P"/>
    <s v="KY"/>
    <x v="0"/>
    <n v="4"/>
    <s v="12753"/>
    <s v="GLNANDA"/>
    <m/>
    <s v="USD"/>
    <n v="0"/>
    <x v="3"/>
    <s v="NONBU"/>
    <s v="G0000180"/>
    <s v="ACT"/>
    <x v="1"/>
    <s v="35"/>
    <m/>
    <x v="0"/>
    <s v="S349806"/>
    <n v="2022"/>
    <d v="2022-05-02T00:00:00"/>
    <d v="2022-05-02T15:15:03"/>
    <x v="3"/>
  </r>
  <r>
    <s v="180"/>
    <x v="24"/>
    <d v="2022-04-30T00:00:00"/>
    <s v="P"/>
    <s v="KY"/>
    <x v="0"/>
    <n v="4"/>
    <s v="12753"/>
    <s v="GLNANDA"/>
    <m/>
    <s v="USD"/>
    <n v="-74.02"/>
    <x v="4"/>
    <s v="NONBU"/>
    <s v="G0000180"/>
    <s v="ACT"/>
    <x v="1"/>
    <s v="35"/>
    <m/>
    <x v="0"/>
    <s v="S349806"/>
    <n v="2022"/>
    <d v="2022-05-02T00:00:00"/>
    <d v="2022-05-02T15:15:05"/>
    <x v="4"/>
  </r>
  <r>
    <s v="110"/>
    <x v="25"/>
    <d v="2022-05-03T00:00:00"/>
    <s v="P"/>
    <s v="KY"/>
    <x v="0"/>
    <n v="5"/>
    <s v="10308"/>
    <s v="EDNANDA"/>
    <m/>
    <s v="USD"/>
    <n v="-100"/>
    <x v="0"/>
    <s v="DISTR"/>
    <s v="G0000110"/>
    <m/>
    <x v="0"/>
    <s v="78"/>
    <m/>
    <x v="0"/>
    <s v="GLBATCH"/>
    <n v="2022"/>
    <d v="2022-05-04T00:00:00"/>
    <d v="2022-05-04T06:55:07"/>
    <x v="0"/>
  </r>
  <r>
    <s v="110"/>
    <x v="26"/>
    <d v="2022-05-15T00:00:00"/>
    <s v="P"/>
    <s v="KY"/>
    <x v="0"/>
    <n v="5"/>
    <s v="10828"/>
    <s v="GLNANDA"/>
    <m/>
    <s v="USD"/>
    <n v="-963.5"/>
    <x v="1"/>
    <s v="NONBU"/>
    <s v="G0000110"/>
    <s v="ACT"/>
    <x v="0"/>
    <s v="974"/>
    <m/>
    <x v="0"/>
    <s v="GLBATCH"/>
    <n v="2022"/>
    <d v="2022-05-19T00:00:00"/>
    <d v="2022-05-19T17:06:12"/>
    <x v="1"/>
  </r>
  <r>
    <s v="110"/>
    <x v="27"/>
    <d v="2022-05-15T00:00:00"/>
    <s v="P"/>
    <s v="KY"/>
    <x v="0"/>
    <n v="5"/>
    <s v="10828"/>
    <s v="GLNANDA"/>
    <m/>
    <s v="USD"/>
    <n v="-1089.3599999999999"/>
    <x v="1"/>
    <s v="NONBU"/>
    <s v="G0000110"/>
    <s v="ACT"/>
    <x v="0"/>
    <s v="974"/>
    <m/>
    <x v="0"/>
    <s v="GLBATCH"/>
    <n v="2022"/>
    <d v="2022-05-19T00:00:00"/>
    <d v="2022-05-19T17:06:14"/>
    <x v="1"/>
  </r>
  <r>
    <s v="110"/>
    <x v="28"/>
    <d v="2022-05-15T00:00:00"/>
    <s v="P"/>
    <s v="KY"/>
    <x v="0"/>
    <n v="5"/>
    <s v="10828"/>
    <s v="GLNANDA"/>
    <m/>
    <s v="USD"/>
    <n v="-1009.7"/>
    <x v="1"/>
    <s v="NONBU"/>
    <s v="G0000110"/>
    <s v="ACT"/>
    <x v="0"/>
    <s v="974"/>
    <m/>
    <x v="0"/>
    <s v="GLBATCH"/>
    <n v="2022"/>
    <d v="2022-05-19T00:00:00"/>
    <d v="2022-05-19T17:06:16"/>
    <x v="1"/>
  </r>
  <r>
    <s v="110"/>
    <x v="29"/>
    <d v="2022-05-15T00:00:00"/>
    <s v="P"/>
    <s v="KY"/>
    <x v="0"/>
    <n v="5"/>
    <s v="10828"/>
    <s v="GLNANDA"/>
    <m/>
    <s v="USD"/>
    <n v="-1173.08"/>
    <x v="1"/>
    <s v="NONBU"/>
    <s v="G0000110"/>
    <s v="ACT"/>
    <x v="0"/>
    <s v="974"/>
    <m/>
    <x v="0"/>
    <s v="GLBATCH"/>
    <n v="2022"/>
    <d v="2022-05-31T00:00:00"/>
    <d v="2022-05-31T17:08:48"/>
    <x v="1"/>
  </r>
  <r>
    <s v="110"/>
    <x v="30"/>
    <d v="2022-05-15T00:00:00"/>
    <s v="P"/>
    <s v="KY"/>
    <x v="0"/>
    <n v="5"/>
    <s v="10828"/>
    <s v="GLNANDA"/>
    <m/>
    <s v="USD"/>
    <n v="-750.32"/>
    <x v="1"/>
    <s v="NONBU"/>
    <s v="G0000110"/>
    <s v="ACT"/>
    <x v="0"/>
    <s v="974"/>
    <m/>
    <x v="0"/>
    <s v="GLBATCH"/>
    <n v="2022"/>
    <d v="2022-05-31T00:00:00"/>
    <d v="2022-05-31T17:08:50"/>
    <x v="1"/>
  </r>
  <r>
    <s v="110"/>
    <x v="31"/>
    <d v="2022-05-15T00:00:00"/>
    <s v="P"/>
    <s v="KY"/>
    <x v="0"/>
    <n v="5"/>
    <s v="10828"/>
    <s v="GLNANDA"/>
    <m/>
    <s v="USD"/>
    <n v="-704.15"/>
    <x v="1"/>
    <s v="NONBU"/>
    <s v="G0000110"/>
    <s v="ACT"/>
    <x v="0"/>
    <s v="974"/>
    <m/>
    <x v="0"/>
    <s v="GLBATCH"/>
    <n v="2022"/>
    <d v="2022-05-19T00:00:00"/>
    <d v="2022-05-19T17:06:16"/>
    <x v="1"/>
  </r>
  <r>
    <s v="110"/>
    <x v="32"/>
    <d v="2022-05-15T00:00:00"/>
    <s v="P"/>
    <s v="KY"/>
    <x v="0"/>
    <n v="5"/>
    <s v="10828"/>
    <s v="GLNANDA"/>
    <m/>
    <s v="USD"/>
    <n v="-670.4"/>
    <x v="1"/>
    <s v="NONBU"/>
    <s v="G0000110"/>
    <s v="ACT"/>
    <x v="0"/>
    <s v="974"/>
    <m/>
    <x v="0"/>
    <s v="GLBATCH"/>
    <n v="2022"/>
    <d v="2022-05-19T00:00:00"/>
    <d v="2022-05-19T17:06:14"/>
    <x v="1"/>
  </r>
  <r>
    <s v="110"/>
    <x v="33"/>
    <d v="2022-05-15T00:00:00"/>
    <s v="P"/>
    <s v="KY"/>
    <x v="0"/>
    <n v="5"/>
    <s v="10828"/>
    <s v="GLNANDA"/>
    <m/>
    <s v="USD"/>
    <n v="-1059.07"/>
    <x v="1"/>
    <s v="NONBU"/>
    <s v="G0000110"/>
    <s v="ACT"/>
    <x v="0"/>
    <s v="974"/>
    <m/>
    <x v="0"/>
    <s v="GLBATCH"/>
    <n v="2022"/>
    <d v="2022-05-19T00:00:00"/>
    <d v="2022-05-19T17:06:13"/>
    <x v="1"/>
  </r>
  <r>
    <s v="110"/>
    <x v="34"/>
    <d v="2022-05-15T00:00:00"/>
    <s v="P"/>
    <s v="KY"/>
    <x v="0"/>
    <n v="5"/>
    <s v="10828"/>
    <s v="GLNANDA"/>
    <m/>
    <s v="USD"/>
    <n v="-797.64"/>
    <x v="1"/>
    <s v="NONBU"/>
    <s v="G0000110"/>
    <s v="ACT"/>
    <x v="0"/>
    <s v="974"/>
    <m/>
    <x v="0"/>
    <s v="GLBATCH"/>
    <n v="2022"/>
    <d v="2022-05-31T00:00:00"/>
    <d v="2022-05-31T17:08:50"/>
    <x v="1"/>
  </r>
  <r>
    <s v="110"/>
    <x v="35"/>
    <d v="2022-05-15T00:00:00"/>
    <s v="P"/>
    <s v="KY"/>
    <x v="0"/>
    <n v="5"/>
    <s v="10828"/>
    <s v="GLNANDA"/>
    <m/>
    <s v="USD"/>
    <n v="-1101.69"/>
    <x v="1"/>
    <s v="NONBU"/>
    <s v="G0000110"/>
    <s v="ACT"/>
    <x v="0"/>
    <s v="974"/>
    <m/>
    <x v="0"/>
    <s v="GLBATCH"/>
    <n v="2022"/>
    <d v="2022-05-31T00:00:00"/>
    <d v="2022-05-31T17:08:51"/>
    <x v="1"/>
  </r>
  <r>
    <s v="110"/>
    <x v="36"/>
    <d v="2022-05-15T00:00:00"/>
    <s v="P"/>
    <s v="KY"/>
    <x v="0"/>
    <n v="5"/>
    <s v="10828"/>
    <s v="GLNANDA"/>
    <m/>
    <s v="USD"/>
    <n v="-1074.3"/>
    <x v="1"/>
    <s v="NONBU"/>
    <s v="G0000110"/>
    <s v="ACT"/>
    <x v="0"/>
    <s v="974"/>
    <m/>
    <x v="0"/>
    <s v="GLBATCH"/>
    <n v="2022"/>
    <d v="2022-05-31T00:00:00"/>
    <d v="2022-05-31T17:08:53"/>
    <x v="1"/>
  </r>
  <r>
    <s v="110"/>
    <x v="37"/>
    <d v="2022-05-15T00:00:00"/>
    <s v="P"/>
    <s v="KY"/>
    <x v="0"/>
    <n v="5"/>
    <s v="10828"/>
    <s v="GLNANDA"/>
    <m/>
    <s v="USD"/>
    <n v="-1069.02"/>
    <x v="1"/>
    <s v="NONBU"/>
    <s v="G0000110"/>
    <s v="ACT"/>
    <x v="0"/>
    <s v="974"/>
    <m/>
    <x v="0"/>
    <s v="GLBATCH"/>
    <n v="2022"/>
    <d v="2022-05-31T00:00:00"/>
    <d v="2022-05-31T17:08:52"/>
    <x v="1"/>
  </r>
  <r>
    <s v="110"/>
    <x v="38"/>
    <d v="2022-05-15T00:00:00"/>
    <s v="P"/>
    <s v="KY"/>
    <x v="0"/>
    <n v="5"/>
    <s v="10828"/>
    <s v="GLNANDA"/>
    <m/>
    <s v="USD"/>
    <n v="-1143.0999999999999"/>
    <x v="1"/>
    <s v="NONBU"/>
    <s v="G0000110"/>
    <s v="ACT"/>
    <x v="0"/>
    <s v="974"/>
    <m/>
    <x v="0"/>
    <s v="GLBATCH"/>
    <n v="2022"/>
    <d v="2022-05-31T00:00:00"/>
    <d v="2022-05-31T17:08:54"/>
    <x v="1"/>
  </r>
  <r>
    <s v="110"/>
    <x v="39"/>
    <d v="2022-05-15T00:00:00"/>
    <s v="P"/>
    <s v="KY"/>
    <x v="0"/>
    <n v="5"/>
    <s v="10828"/>
    <s v="GLNANDA"/>
    <m/>
    <s v="USD"/>
    <n v="-1430.86"/>
    <x v="1"/>
    <s v="NONBU"/>
    <s v="G0000110"/>
    <s v="ACT"/>
    <x v="0"/>
    <s v="974"/>
    <m/>
    <x v="0"/>
    <s v="GLBATCH"/>
    <n v="2022"/>
    <d v="2022-05-31T00:00:00"/>
    <d v="2022-05-31T17:08:53"/>
    <x v="1"/>
  </r>
  <r>
    <s v="110"/>
    <x v="40"/>
    <d v="2022-05-15T00:00:00"/>
    <s v="P"/>
    <s v="KY"/>
    <x v="0"/>
    <n v="5"/>
    <s v="10828"/>
    <s v="GLNANDA"/>
    <m/>
    <s v="USD"/>
    <n v="-1318.4"/>
    <x v="1"/>
    <s v="NONBU"/>
    <s v="G0000110"/>
    <s v="ACT"/>
    <x v="0"/>
    <s v="974"/>
    <m/>
    <x v="0"/>
    <s v="GLBATCH"/>
    <n v="2022"/>
    <d v="2022-05-31T00:00:00"/>
    <d v="2022-05-31T17:08:49"/>
    <x v="1"/>
  </r>
  <r>
    <s v="110"/>
    <x v="41"/>
    <d v="2022-05-15T00:00:00"/>
    <s v="P"/>
    <s v="KY"/>
    <x v="0"/>
    <n v="5"/>
    <s v="10828"/>
    <s v="GLNANDA"/>
    <m/>
    <s v="USD"/>
    <n v="-1501.98"/>
    <x v="1"/>
    <s v="NONBU"/>
    <s v="G0000110"/>
    <s v="ACT"/>
    <x v="0"/>
    <s v="974"/>
    <m/>
    <x v="0"/>
    <s v="GLBATCH"/>
    <n v="2022"/>
    <d v="2022-05-19T00:00:00"/>
    <d v="2022-05-19T17:06:15"/>
    <x v="1"/>
  </r>
  <r>
    <s v="110"/>
    <x v="42"/>
    <d v="2022-05-15T00:00:00"/>
    <s v="P"/>
    <s v="KY"/>
    <x v="0"/>
    <n v="5"/>
    <s v="10828"/>
    <s v="GLNANDA"/>
    <m/>
    <s v="USD"/>
    <n v="-1499.25"/>
    <x v="1"/>
    <s v="NONBU"/>
    <s v="G0000110"/>
    <s v="ACT"/>
    <x v="0"/>
    <s v="974"/>
    <m/>
    <x v="0"/>
    <s v="GLBATCH"/>
    <n v="2022"/>
    <d v="2022-06-01T00:00:00"/>
    <d v="2022-06-01T16:53:37"/>
    <x v="1"/>
  </r>
  <r>
    <s v="110"/>
    <x v="43"/>
    <d v="2022-05-15T00:00:00"/>
    <s v="P"/>
    <s v="KY"/>
    <x v="0"/>
    <n v="5"/>
    <s v="10828"/>
    <s v="GLNANDA"/>
    <m/>
    <s v="USD"/>
    <n v="-1345.94"/>
    <x v="1"/>
    <s v="NONBU"/>
    <s v="G0000110"/>
    <s v="ACT"/>
    <x v="0"/>
    <s v="974"/>
    <m/>
    <x v="0"/>
    <s v="GLBATCH"/>
    <n v="2022"/>
    <d v="2022-05-31T00:00:00"/>
    <d v="2022-05-31T17:08:52"/>
    <x v="1"/>
  </r>
  <r>
    <s v="110"/>
    <x v="44"/>
    <d v="2022-05-15T00:00:00"/>
    <s v="P"/>
    <s v="KY"/>
    <x v="0"/>
    <n v="5"/>
    <s v="10828"/>
    <s v="GLNANDA"/>
    <m/>
    <s v="USD"/>
    <n v="-1505.55"/>
    <x v="1"/>
    <s v="NONBU"/>
    <s v="G0000110"/>
    <s v="ACT"/>
    <x v="0"/>
    <s v="974"/>
    <m/>
    <x v="0"/>
    <s v="GLBATCH"/>
    <n v="2022"/>
    <d v="2022-05-19T00:00:00"/>
    <d v="2022-05-19T17:06:12"/>
    <x v="1"/>
  </r>
  <r>
    <s v="110"/>
    <x v="45"/>
    <d v="2022-05-15T00:00:00"/>
    <s v="P"/>
    <s v="KY"/>
    <x v="0"/>
    <n v="5"/>
    <s v="10828"/>
    <s v="GLNANDA"/>
    <m/>
    <s v="USD"/>
    <n v="-1942.36"/>
    <x v="1"/>
    <s v="NONBU"/>
    <s v="G0000110"/>
    <s v="ACT"/>
    <x v="0"/>
    <s v="974"/>
    <m/>
    <x v="0"/>
    <s v="GLBATCH"/>
    <n v="2022"/>
    <d v="2022-05-31T00:00:00"/>
    <d v="2022-05-31T17:08:55"/>
    <x v="1"/>
  </r>
  <r>
    <s v="110"/>
    <x v="46"/>
    <d v="2022-05-15T00:00:00"/>
    <s v="P"/>
    <s v="KY"/>
    <x v="0"/>
    <n v="5"/>
    <s v="10828"/>
    <s v="GLNANDA"/>
    <m/>
    <s v="USD"/>
    <n v="-923.75"/>
    <x v="1"/>
    <s v="NONBU"/>
    <s v="G0000110"/>
    <s v="ACT"/>
    <x v="0"/>
    <s v="974"/>
    <m/>
    <x v="0"/>
    <s v="GLBATCH"/>
    <n v="2022"/>
    <d v="2022-05-31T00:00:00"/>
    <d v="2022-05-31T17:08:54"/>
    <x v="1"/>
  </r>
  <r>
    <s v="110"/>
    <x v="22"/>
    <d v="2022-05-31T00:00:00"/>
    <s v="P"/>
    <s v="KY"/>
    <x v="0"/>
    <n v="5"/>
    <s v="99990"/>
    <s v="EDNANDA"/>
    <m/>
    <s v="USD"/>
    <n v="12790.1"/>
    <x v="2"/>
    <s v="DISTR"/>
    <s v="G0000110"/>
    <s v="ACT"/>
    <x v="1"/>
    <s v="974"/>
    <m/>
    <x v="0"/>
    <s v="S293273"/>
    <n v="2022"/>
    <d v="2022-06-07T00:00:00"/>
    <d v="2022-06-07T11:54:15"/>
    <x v="5"/>
  </r>
  <r>
    <s v="180"/>
    <x v="24"/>
    <d v="2022-05-31T00:00:00"/>
    <s v="P"/>
    <s v="KY"/>
    <x v="0"/>
    <n v="5"/>
    <s v="12753"/>
    <s v="GLNANDA"/>
    <m/>
    <s v="USD"/>
    <n v="-74.02"/>
    <x v="4"/>
    <s v="NONBU"/>
    <s v="G0000180"/>
    <s v="ACT"/>
    <x v="1"/>
    <s v="35"/>
    <m/>
    <x v="0"/>
    <s v="S354820"/>
    <n v="2022"/>
    <d v="2022-05-31T00:00:00"/>
    <d v="2022-05-31T16:43:28"/>
    <x v="4"/>
  </r>
  <r>
    <s v="180"/>
    <x v="23"/>
    <d v="2022-05-31T00:00:00"/>
    <s v="P"/>
    <s v="KY"/>
    <x v="0"/>
    <n v="5"/>
    <s v="12753"/>
    <s v="GLNANDA"/>
    <m/>
    <s v="USD"/>
    <n v="0"/>
    <x v="3"/>
    <s v="NONBU"/>
    <s v="G0000180"/>
    <s v="ACT"/>
    <x v="1"/>
    <s v="35"/>
    <m/>
    <x v="0"/>
    <s v="S354820"/>
    <n v="2022"/>
    <d v="2022-05-31T00:00:00"/>
    <d v="2022-05-31T16:42:41"/>
    <x v="3"/>
  </r>
  <r>
    <s v="110"/>
    <x v="47"/>
    <d v="2022-06-15T00:00:00"/>
    <s v="P"/>
    <s v="KY"/>
    <x v="0"/>
    <n v="6"/>
    <s v="10828"/>
    <s v="GLNANDA"/>
    <m/>
    <s v="USD"/>
    <n v="-1622.65"/>
    <x v="1"/>
    <s v="NONBU"/>
    <s v="G0000110"/>
    <s v="ACT"/>
    <x v="0"/>
    <s v="974"/>
    <m/>
    <x v="0"/>
    <s v="GLBATCH"/>
    <n v="2022"/>
    <d v="2022-06-29T00:00:00"/>
    <d v="2022-06-29T13:17:04"/>
    <x v="1"/>
  </r>
  <r>
    <s v="110"/>
    <x v="48"/>
    <d v="2022-06-15T00:00:00"/>
    <s v="P"/>
    <s v="KY"/>
    <x v="0"/>
    <n v="6"/>
    <s v="10828"/>
    <s v="GLNANDA"/>
    <m/>
    <s v="USD"/>
    <n v="-1488.32"/>
    <x v="1"/>
    <s v="NONBU"/>
    <s v="G0000110"/>
    <s v="ACT"/>
    <x v="0"/>
    <s v="974"/>
    <m/>
    <x v="0"/>
    <s v="GLBATCH"/>
    <n v="2022"/>
    <d v="2022-06-20T00:00:00"/>
    <d v="2022-06-20T15:26:54"/>
    <x v="1"/>
  </r>
  <r>
    <s v="110"/>
    <x v="49"/>
    <d v="2022-06-15T00:00:00"/>
    <s v="P"/>
    <s v="KY"/>
    <x v="0"/>
    <n v="6"/>
    <s v="10828"/>
    <s v="GLNANDA"/>
    <m/>
    <s v="USD"/>
    <n v="-1196.05"/>
    <x v="1"/>
    <s v="NONBU"/>
    <s v="G0000110"/>
    <s v="ACT"/>
    <x v="0"/>
    <s v="974"/>
    <m/>
    <x v="0"/>
    <s v="GLBATCH"/>
    <n v="2022"/>
    <d v="2022-06-20T00:00:00"/>
    <d v="2022-06-20T15:26:54"/>
    <x v="1"/>
  </r>
  <r>
    <s v="110"/>
    <x v="50"/>
    <d v="2022-06-15T00:00:00"/>
    <s v="P"/>
    <s v="KY"/>
    <x v="0"/>
    <n v="6"/>
    <s v="10828"/>
    <s v="GLNANDA"/>
    <m/>
    <s v="USD"/>
    <n v="-185.05"/>
    <x v="1"/>
    <s v="NONBU"/>
    <s v="G0000110"/>
    <s v="ACT"/>
    <x v="0"/>
    <s v="974"/>
    <m/>
    <x v="0"/>
    <s v="GLBATCH"/>
    <n v="2022"/>
    <d v="2022-06-20T00:00:00"/>
    <d v="2022-06-20T15:26:56"/>
    <x v="1"/>
  </r>
  <r>
    <s v="110"/>
    <x v="51"/>
    <d v="2022-06-15T00:00:00"/>
    <s v="P"/>
    <s v="KY"/>
    <x v="0"/>
    <n v="6"/>
    <s v="10828"/>
    <s v="GLNANDA"/>
    <m/>
    <s v="USD"/>
    <n v="-1323.95"/>
    <x v="1"/>
    <s v="NONBU"/>
    <s v="G0000110"/>
    <s v="ACT"/>
    <x v="0"/>
    <s v="974"/>
    <m/>
    <x v="0"/>
    <s v="GLBATCH"/>
    <n v="2022"/>
    <d v="2022-06-20T00:00:00"/>
    <d v="2022-06-20T15:26:54"/>
    <x v="1"/>
  </r>
  <r>
    <s v="110"/>
    <x v="52"/>
    <d v="2022-06-15T00:00:00"/>
    <s v="P"/>
    <s v="KY"/>
    <x v="0"/>
    <n v="6"/>
    <s v="10828"/>
    <s v="GLNANDA"/>
    <m/>
    <s v="USD"/>
    <n v="-916"/>
    <x v="1"/>
    <s v="NONBU"/>
    <s v="G0000110"/>
    <s v="ACT"/>
    <x v="0"/>
    <s v="974"/>
    <m/>
    <x v="0"/>
    <s v="GLBATCH"/>
    <n v="2022"/>
    <d v="2022-06-20T00:00:00"/>
    <d v="2022-06-20T15:26:55"/>
    <x v="1"/>
  </r>
  <r>
    <s v="110"/>
    <x v="53"/>
    <d v="2022-06-15T00:00:00"/>
    <s v="P"/>
    <s v="KY"/>
    <x v="0"/>
    <n v="6"/>
    <s v="10828"/>
    <s v="GLNANDA"/>
    <m/>
    <s v="USD"/>
    <n v="-1586.54"/>
    <x v="1"/>
    <s v="NONBU"/>
    <s v="G0000110"/>
    <s v="ACT"/>
    <x v="0"/>
    <s v="974"/>
    <m/>
    <x v="0"/>
    <s v="GLBATCH"/>
    <n v="2022"/>
    <d v="2022-06-20T00:00:00"/>
    <d v="2022-06-20T15:26:54"/>
    <x v="1"/>
  </r>
  <r>
    <s v="110"/>
    <x v="54"/>
    <d v="2022-06-15T00:00:00"/>
    <s v="P"/>
    <s v="KY"/>
    <x v="0"/>
    <n v="6"/>
    <s v="10828"/>
    <s v="GLNANDA"/>
    <m/>
    <s v="USD"/>
    <n v="-1878.05"/>
    <x v="1"/>
    <s v="NONBU"/>
    <s v="G0000110"/>
    <s v="ACT"/>
    <x v="0"/>
    <s v="974"/>
    <m/>
    <x v="0"/>
    <s v="GLBATCH"/>
    <n v="2022"/>
    <d v="2022-06-20T00:00:00"/>
    <d v="2022-06-20T15:26:55"/>
    <x v="1"/>
  </r>
  <r>
    <s v="110"/>
    <x v="55"/>
    <d v="2022-06-15T00:00:00"/>
    <s v="P"/>
    <s v="KY"/>
    <x v="0"/>
    <n v="6"/>
    <s v="10828"/>
    <s v="GLNANDA"/>
    <m/>
    <s v="USD"/>
    <n v="-894.05"/>
    <x v="1"/>
    <s v="NONBU"/>
    <s v="G0000110"/>
    <s v="ACT"/>
    <x v="0"/>
    <s v="974"/>
    <m/>
    <x v="0"/>
    <s v="GLBATCH"/>
    <n v="2022"/>
    <d v="2022-06-20T00:00:00"/>
    <d v="2022-06-20T15:26:55"/>
    <x v="1"/>
  </r>
  <r>
    <s v="110"/>
    <x v="56"/>
    <d v="2022-06-15T00:00:00"/>
    <s v="P"/>
    <s v="KY"/>
    <x v="0"/>
    <n v="6"/>
    <s v="10828"/>
    <s v="GLNANDA"/>
    <m/>
    <s v="USD"/>
    <n v="-1046.2"/>
    <x v="1"/>
    <s v="NONBU"/>
    <s v="G0000110"/>
    <s v="ACT"/>
    <x v="0"/>
    <s v="974"/>
    <m/>
    <x v="0"/>
    <s v="GLBATCH"/>
    <n v="2022"/>
    <d v="2022-06-20T00:00:00"/>
    <d v="2022-06-20T15:26:53"/>
    <x v="1"/>
  </r>
  <r>
    <s v="110"/>
    <x v="57"/>
    <d v="2022-06-15T00:00:00"/>
    <s v="P"/>
    <s v="KY"/>
    <x v="0"/>
    <n v="6"/>
    <s v="10828"/>
    <s v="GLNANDA"/>
    <m/>
    <s v="USD"/>
    <n v="-347.35"/>
    <x v="1"/>
    <s v="NONBU"/>
    <s v="G0000110"/>
    <s v="ACT"/>
    <x v="0"/>
    <s v="974"/>
    <m/>
    <x v="0"/>
    <s v="GLBATCH"/>
    <n v="2022"/>
    <d v="2022-06-29T00:00:00"/>
    <d v="2022-06-29T13:17:00"/>
    <x v="1"/>
  </r>
  <r>
    <s v="110"/>
    <x v="58"/>
    <d v="2022-06-15T00:00:00"/>
    <s v="P"/>
    <s v="KY"/>
    <x v="0"/>
    <n v="6"/>
    <s v="10828"/>
    <s v="GLNANDA"/>
    <m/>
    <s v="USD"/>
    <n v="-341.95"/>
    <x v="1"/>
    <s v="NONBU"/>
    <s v="G0000110"/>
    <s v="ACT"/>
    <x v="0"/>
    <s v="974"/>
    <m/>
    <x v="0"/>
    <s v="GLBATCH"/>
    <n v="2022"/>
    <d v="2022-06-29T00:00:00"/>
    <d v="2022-06-29T13:16:59"/>
    <x v="1"/>
  </r>
  <r>
    <s v="110"/>
    <x v="59"/>
    <d v="2022-06-15T00:00:00"/>
    <s v="P"/>
    <s v="KY"/>
    <x v="0"/>
    <n v="6"/>
    <s v="10828"/>
    <s v="GLNANDA"/>
    <m/>
    <s v="USD"/>
    <n v="-1978.43"/>
    <x v="1"/>
    <s v="NONBU"/>
    <s v="G0000110"/>
    <s v="ACT"/>
    <x v="0"/>
    <s v="974"/>
    <m/>
    <x v="0"/>
    <s v="GLBATCH"/>
    <n v="2022"/>
    <d v="2022-07-01T00:00:00"/>
    <d v="2022-07-01T08:58:33"/>
    <x v="1"/>
  </r>
  <r>
    <s v="110"/>
    <x v="60"/>
    <d v="2022-06-15T00:00:00"/>
    <s v="P"/>
    <s v="KY"/>
    <x v="0"/>
    <n v="6"/>
    <s v="10828"/>
    <s v="GLNANDA"/>
    <m/>
    <s v="USD"/>
    <n v="-651.02"/>
    <x v="1"/>
    <s v="NONBU"/>
    <s v="G0000110"/>
    <s v="ACT"/>
    <x v="0"/>
    <s v="974"/>
    <m/>
    <x v="0"/>
    <s v="GLBATCH"/>
    <n v="2022"/>
    <d v="2022-06-29T00:00:00"/>
    <d v="2022-06-29T13:17:01"/>
    <x v="1"/>
  </r>
  <r>
    <s v="110"/>
    <x v="61"/>
    <d v="2022-06-15T00:00:00"/>
    <s v="P"/>
    <s v="KY"/>
    <x v="0"/>
    <n v="6"/>
    <s v="10828"/>
    <s v="GLNANDA"/>
    <m/>
    <s v="USD"/>
    <n v="-122.3"/>
    <x v="1"/>
    <s v="NONBU"/>
    <s v="G0000110"/>
    <s v="ACT"/>
    <x v="0"/>
    <s v="974"/>
    <m/>
    <x v="0"/>
    <s v="GLBATCH"/>
    <n v="2022"/>
    <d v="2022-06-29T00:00:00"/>
    <d v="2022-06-29T13:17:02"/>
    <x v="1"/>
  </r>
  <r>
    <s v="110"/>
    <x v="62"/>
    <d v="2022-06-15T00:00:00"/>
    <s v="P"/>
    <s v="KY"/>
    <x v="0"/>
    <n v="6"/>
    <s v="10828"/>
    <s v="GLNANDA"/>
    <m/>
    <s v="USD"/>
    <n v="-1216.67"/>
    <x v="1"/>
    <s v="NONBU"/>
    <s v="G0000110"/>
    <s v="ACT"/>
    <x v="0"/>
    <s v="974"/>
    <m/>
    <x v="0"/>
    <s v="GLBATCH"/>
    <n v="2022"/>
    <d v="2022-06-20T00:00:00"/>
    <d v="2022-06-20T15:26:52"/>
    <x v="1"/>
  </r>
  <r>
    <s v="110"/>
    <x v="63"/>
    <d v="2022-06-15T00:00:00"/>
    <s v="P"/>
    <s v="KY"/>
    <x v="0"/>
    <n v="6"/>
    <s v="10828"/>
    <s v="GLNANDA"/>
    <m/>
    <s v="USD"/>
    <n v="-2191.34"/>
    <x v="1"/>
    <s v="NONBU"/>
    <s v="G0000110"/>
    <s v="ACT"/>
    <x v="0"/>
    <s v="974"/>
    <m/>
    <x v="0"/>
    <s v="GLBATCH"/>
    <n v="2022"/>
    <d v="2022-06-20T00:00:00"/>
    <d v="2022-06-20T15:26:53"/>
    <x v="1"/>
  </r>
  <r>
    <s v="110"/>
    <x v="64"/>
    <d v="2022-06-15T00:00:00"/>
    <s v="P"/>
    <s v="KY"/>
    <x v="0"/>
    <n v="6"/>
    <s v="10828"/>
    <s v="GLNANDA"/>
    <m/>
    <s v="USD"/>
    <n v="-405.85"/>
    <x v="1"/>
    <s v="NONBU"/>
    <s v="G0000110"/>
    <s v="ACT"/>
    <x v="0"/>
    <s v="974"/>
    <m/>
    <x v="0"/>
    <s v="GLBATCH"/>
    <n v="2022"/>
    <d v="2022-07-01T00:00:00"/>
    <d v="2022-07-01T12:36:21"/>
    <x v="1"/>
  </r>
  <r>
    <s v="110"/>
    <x v="65"/>
    <d v="2022-06-15T00:00:00"/>
    <s v="P"/>
    <s v="KY"/>
    <x v="0"/>
    <n v="6"/>
    <s v="10828"/>
    <s v="GLNANDA"/>
    <m/>
    <s v="USD"/>
    <n v="-1141.1500000000001"/>
    <x v="1"/>
    <s v="NONBU"/>
    <s v="G0000110"/>
    <s v="ACT"/>
    <x v="0"/>
    <s v="974"/>
    <m/>
    <x v="0"/>
    <s v="GLBATCH"/>
    <n v="2022"/>
    <d v="2022-07-01T00:00:00"/>
    <d v="2022-07-01T08:58:32"/>
    <x v="1"/>
  </r>
  <r>
    <s v="110"/>
    <x v="66"/>
    <d v="2022-06-15T00:00:00"/>
    <s v="P"/>
    <s v="KY"/>
    <x v="0"/>
    <n v="6"/>
    <s v="10828"/>
    <s v="GLNANDA"/>
    <m/>
    <s v="USD"/>
    <n v="-588.47"/>
    <x v="1"/>
    <s v="NONBU"/>
    <s v="G0000110"/>
    <s v="ACT"/>
    <x v="0"/>
    <s v="974"/>
    <m/>
    <x v="0"/>
    <s v="GLBATCH"/>
    <n v="2022"/>
    <d v="2022-06-29T00:00:00"/>
    <d v="2022-06-29T13:17:02"/>
    <x v="1"/>
  </r>
  <r>
    <s v="110"/>
    <x v="67"/>
    <d v="2022-06-15T00:00:00"/>
    <s v="P"/>
    <s v="KY"/>
    <x v="0"/>
    <n v="6"/>
    <s v="10828"/>
    <s v="GLNANDA"/>
    <m/>
    <s v="USD"/>
    <n v="-1448.81"/>
    <x v="1"/>
    <s v="NONBU"/>
    <s v="G0000110"/>
    <s v="ACT"/>
    <x v="0"/>
    <s v="974"/>
    <m/>
    <x v="0"/>
    <s v="GLBATCH"/>
    <n v="2022"/>
    <d v="2022-06-29T00:00:00"/>
    <d v="2022-06-29T13:17:03"/>
    <x v="1"/>
  </r>
  <r>
    <s v="110"/>
    <x v="68"/>
    <d v="2022-06-15T00:00:00"/>
    <s v="P"/>
    <s v="KY"/>
    <x v="0"/>
    <n v="6"/>
    <s v="10828"/>
    <s v="GLNANDA"/>
    <m/>
    <s v="USD"/>
    <n v="-646.9"/>
    <x v="1"/>
    <s v="NONBU"/>
    <s v="G0000110"/>
    <s v="ACT"/>
    <x v="0"/>
    <s v="974"/>
    <m/>
    <x v="0"/>
    <s v="GLBATCH"/>
    <n v="2022"/>
    <d v="2022-06-29T00:00:00"/>
    <d v="2022-06-29T13:17:03"/>
    <x v="1"/>
  </r>
  <r>
    <s v="110"/>
    <x v="22"/>
    <d v="2022-06-30T00:00:00"/>
    <s v="P"/>
    <s v="KY"/>
    <x v="0"/>
    <n v="6"/>
    <s v="99990"/>
    <s v="EDNANDA"/>
    <m/>
    <s v="USD"/>
    <n v="3802.46"/>
    <x v="2"/>
    <s v="DISTR"/>
    <s v="G0000110"/>
    <s v="ACT"/>
    <x v="1"/>
    <s v="974"/>
    <m/>
    <x v="0"/>
    <s v="S293273"/>
    <n v="2022"/>
    <d v="2022-07-07T00:00:00"/>
    <d v="2022-07-07T09:47:47"/>
    <x v="6"/>
  </r>
  <r>
    <s v="180"/>
    <x v="24"/>
    <d v="2022-06-30T00:00:00"/>
    <s v="P"/>
    <s v="KY"/>
    <x v="0"/>
    <n v="6"/>
    <s v="12753"/>
    <s v="GLNANDA"/>
    <m/>
    <s v="USD"/>
    <n v="-74.02"/>
    <x v="4"/>
    <s v="NONBU"/>
    <s v="G0000180"/>
    <s v="ACT"/>
    <x v="1"/>
    <s v="35"/>
    <m/>
    <x v="0"/>
    <s v="S354820"/>
    <n v="2022"/>
    <d v="2022-06-30T00:00:00"/>
    <d v="2022-06-30T17:50:12"/>
    <x v="4"/>
  </r>
  <r>
    <s v="180"/>
    <x v="23"/>
    <d v="2022-06-30T00:00:00"/>
    <s v="P"/>
    <s v="KY"/>
    <x v="0"/>
    <n v="6"/>
    <s v="12753"/>
    <s v="GLNANDA"/>
    <m/>
    <s v="USD"/>
    <n v="0"/>
    <x v="3"/>
    <s v="NONBU"/>
    <s v="G0000180"/>
    <s v="ACT"/>
    <x v="1"/>
    <s v="35"/>
    <m/>
    <x v="0"/>
    <s v="S354820"/>
    <n v="2022"/>
    <d v="2022-06-30T00:00:00"/>
    <d v="2022-06-30T17:50:09"/>
    <x v="3"/>
  </r>
  <r>
    <s v="110"/>
    <x v="69"/>
    <d v="2022-07-15T00:00:00"/>
    <s v="P"/>
    <s v="KY"/>
    <x v="0"/>
    <n v="7"/>
    <s v="10828"/>
    <s v="GLNANDA"/>
    <m/>
    <s v="USD"/>
    <n v="-1330.56"/>
    <x v="1"/>
    <s v="NONBU"/>
    <s v="G0000110"/>
    <s v="ACT"/>
    <x v="0"/>
    <s v="974"/>
    <m/>
    <x v="0"/>
    <s v="GLBATCH"/>
    <n v="2022"/>
    <d v="2022-07-25T00:00:00"/>
    <d v="2022-07-25T15:41:05"/>
    <x v="1"/>
  </r>
  <r>
    <s v="110"/>
    <x v="70"/>
    <d v="2022-07-15T00:00:00"/>
    <s v="P"/>
    <s v="KY"/>
    <x v="0"/>
    <n v="7"/>
    <s v="10828"/>
    <s v="GLNANDA"/>
    <m/>
    <s v="USD"/>
    <n v="-1102.55"/>
    <x v="1"/>
    <s v="NONBU"/>
    <s v="G0000110"/>
    <s v="ACT"/>
    <x v="0"/>
    <s v="974"/>
    <m/>
    <x v="0"/>
    <s v="GLBATCH"/>
    <n v="2022"/>
    <d v="2022-07-25T00:00:00"/>
    <d v="2022-07-25T15:44:06"/>
    <x v="1"/>
  </r>
  <r>
    <s v="110"/>
    <x v="71"/>
    <d v="2022-07-15T00:00:00"/>
    <s v="P"/>
    <s v="KY"/>
    <x v="0"/>
    <n v="7"/>
    <s v="10828"/>
    <s v="GLNANDA"/>
    <m/>
    <s v="USD"/>
    <n v="-1807.58"/>
    <x v="1"/>
    <s v="NONBU"/>
    <s v="G0000110"/>
    <s v="ACT"/>
    <x v="0"/>
    <s v="974"/>
    <m/>
    <x v="0"/>
    <s v="GLBATCH"/>
    <n v="2022"/>
    <d v="2022-08-01T00:00:00"/>
    <d v="2022-08-01T07:44:53"/>
    <x v="1"/>
  </r>
  <r>
    <s v="110"/>
    <x v="72"/>
    <d v="2022-07-15T00:00:00"/>
    <s v="P"/>
    <s v="KY"/>
    <x v="0"/>
    <n v="7"/>
    <s v="10828"/>
    <s v="GLNANDA"/>
    <m/>
    <s v="USD"/>
    <n v="-1538.25"/>
    <x v="1"/>
    <s v="NONBU"/>
    <s v="G0000110"/>
    <s v="ACT"/>
    <x v="0"/>
    <s v="974"/>
    <m/>
    <x v="0"/>
    <s v="GLBATCH"/>
    <n v="2022"/>
    <d v="2022-07-25T00:00:00"/>
    <d v="2022-07-25T15:44:05"/>
    <x v="1"/>
  </r>
  <r>
    <s v="110"/>
    <x v="73"/>
    <d v="2022-07-15T00:00:00"/>
    <s v="P"/>
    <s v="KY"/>
    <x v="0"/>
    <n v="7"/>
    <s v="10828"/>
    <s v="GLNANDA"/>
    <m/>
    <s v="USD"/>
    <n v="-1912.04"/>
    <x v="1"/>
    <s v="NONBU"/>
    <s v="G0000110"/>
    <s v="ACT"/>
    <x v="0"/>
    <s v="974"/>
    <m/>
    <x v="0"/>
    <s v="GLBATCH"/>
    <n v="2022"/>
    <d v="2022-07-25T00:00:00"/>
    <d v="2022-07-25T15:41:05"/>
    <x v="1"/>
  </r>
  <r>
    <s v="110"/>
    <x v="74"/>
    <d v="2022-07-15T00:00:00"/>
    <s v="P"/>
    <s v="KY"/>
    <x v="0"/>
    <n v="7"/>
    <s v="10828"/>
    <s v="GLNANDA"/>
    <m/>
    <s v="USD"/>
    <n v="-1572.69"/>
    <x v="1"/>
    <s v="NONBU"/>
    <s v="G0000110"/>
    <s v="ACT"/>
    <x v="0"/>
    <s v="974"/>
    <m/>
    <x v="0"/>
    <s v="GLBATCH"/>
    <n v="2022"/>
    <d v="2022-08-01T00:00:00"/>
    <d v="2022-08-01T07:44:52"/>
    <x v="1"/>
  </r>
  <r>
    <s v="110"/>
    <x v="75"/>
    <d v="2022-07-15T00:00:00"/>
    <s v="P"/>
    <s v="KY"/>
    <x v="0"/>
    <n v="7"/>
    <s v="10828"/>
    <s v="GLNANDA"/>
    <m/>
    <s v="USD"/>
    <n v="-1451.48"/>
    <x v="1"/>
    <s v="NONBU"/>
    <s v="G0000110"/>
    <s v="ACT"/>
    <x v="0"/>
    <s v="974"/>
    <m/>
    <x v="0"/>
    <s v="GLBATCH"/>
    <n v="2022"/>
    <d v="2022-08-01T00:00:00"/>
    <d v="2022-08-01T07:44:47"/>
    <x v="1"/>
  </r>
  <r>
    <s v="110"/>
    <x v="76"/>
    <d v="2022-07-15T00:00:00"/>
    <s v="P"/>
    <s v="KY"/>
    <x v="0"/>
    <n v="7"/>
    <s v="10828"/>
    <s v="GLNANDA"/>
    <m/>
    <s v="USD"/>
    <n v="-615.4"/>
    <x v="1"/>
    <s v="NONBU"/>
    <s v="G0000110"/>
    <s v="ACT"/>
    <x v="0"/>
    <s v="974"/>
    <m/>
    <x v="0"/>
    <s v="GLBATCH"/>
    <n v="2022"/>
    <d v="2022-08-01T00:00:00"/>
    <d v="2022-08-01T07:44:48"/>
    <x v="1"/>
  </r>
  <r>
    <s v="110"/>
    <x v="77"/>
    <d v="2022-07-15T00:00:00"/>
    <s v="P"/>
    <s v="KY"/>
    <x v="0"/>
    <n v="7"/>
    <s v="10828"/>
    <s v="GLNANDA"/>
    <m/>
    <s v="USD"/>
    <n v="-773.12"/>
    <x v="1"/>
    <s v="NONBU"/>
    <s v="G0000110"/>
    <s v="ACT"/>
    <x v="0"/>
    <s v="974"/>
    <m/>
    <x v="0"/>
    <s v="GLBATCH"/>
    <n v="2022"/>
    <d v="2022-07-25T00:00:00"/>
    <d v="2022-07-25T15:41:01"/>
    <x v="1"/>
  </r>
  <r>
    <s v="110"/>
    <x v="78"/>
    <d v="2022-07-15T00:00:00"/>
    <s v="P"/>
    <s v="KY"/>
    <x v="0"/>
    <n v="7"/>
    <s v="10828"/>
    <s v="GLNANDA"/>
    <m/>
    <s v="USD"/>
    <n v="-1130.74"/>
    <x v="1"/>
    <s v="NONBU"/>
    <s v="G0000110"/>
    <s v="ACT"/>
    <x v="0"/>
    <s v="974"/>
    <m/>
    <x v="0"/>
    <s v="GLBATCH"/>
    <n v="2022"/>
    <d v="2022-07-25T00:00:00"/>
    <d v="2022-07-25T15:41:04"/>
    <x v="1"/>
  </r>
  <r>
    <s v="110"/>
    <x v="79"/>
    <d v="2022-07-15T00:00:00"/>
    <s v="P"/>
    <s v="KY"/>
    <x v="0"/>
    <n v="7"/>
    <s v="10828"/>
    <s v="GLNANDA"/>
    <m/>
    <s v="USD"/>
    <n v="-937.07"/>
    <x v="1"/>
    <s v="NONBU"/>
    <s v="G0000110"/>
    <s v="ACT"/>
    <x v="0"/>
    <s v="974"/>
    <m/>
    <x v="0"/>
    <s v="GLBATCH"/>
    <n v="2022"/>
    <d v="2022-08-01T00:00:00"/>
    <d v="2022-08-01T07:44:49"/>
    <x v="1"/>
  </r>
  <r>
    <s v="110"/>
    <x v="80"/>
    <d v="2022-07-15T00:00:00"/>
    <s v="P"/>
    <s v="KY"/>
    <x v="0"/>
    <n v="7"/>
    <s v="10828"/>
    <s v="GLNANDA"/>
    <m/>
    <s v="USD"/>
    <n v="-2800.2"/>
    <x v="1"/>
    <s v="NONBU"/>
    <s v="G0000110"/>
    <s v="ACT"/>
    <x v="0"/>
    <s v="974"/>
    <m/>
    <x v="0"/>
    <s v="GLBATCH"/>
    <n v="2022"/>
    <d v="2022-08-01T00:00:00"/>
    <d v="2022-08-01T07:44:51"/>
    <x v="1"/>
  </r>
  <r>
    <s v="110"/>
    <x v="81"/>
    <d v="2022-07-15T00:00:00"/>
    <s v="P"/>
    <s v="KY"/>
    <x v="0"/>
    <n v="7"/>
    <s v="10828"/>
    <s v="GLNANDA"/>
    <m/>
    <s v="USD"/>
    <n v="-1787.33"/>
    <x v="1"/>
    <s v="NONBU"/>
    <s v="G0000110"/>
    <s v="ACT"/>
    <x v="0"/>
    <s v="974"/>
    <m/>
    <x v="0"/>
    <s v="GLBATCH"/>
    <n v="2022"/>
    <d v="2022-08-01T00:00:00"/>
    <d v="2022-08-01T07:44:50"/>
    <x v="1"/>
  </r>
  <r>
    <s v="110"/>
    <x v="82"/>
    <d v="2022-07-15T00:00:00"/>
    <s v="P"/>
    <s v="KY"/>
    <x v="0"/>
    <n v="7"/>
    <s v="10828"/>
    <s v="GLNANDA"/>
    <m/>
    <s v="USD"/>
    <n v="-439.9"/>
    <x v="1"/>
    <s v="NONBU"/>
    <s v="G0000110"/>
    <s v="ACT"/>
    <x v="0"/>
    <s v="974"/>
    <m/>
    <x v="0"/>
    <s v="GLBATCH"/>
    <n v="2022"/>
    <d v="2022-08-01T00:00:00"/>
    <d v="2022-08-01T17:10:10"/>
    <x v="1"/>
  </r>
  <r>
    <s v="110"/>
    <x v="83"/>
    <d v="2022-07-15T00:00:00"/>
    <s v="P"/>
    <s v="KY"/>
    <x v="0"/>
    <n v="7"/>
    <s v="10828"/>
    <s v="GLNANDA"/>
    <m/>
    <s v="USD"/>
    <n v="-563.75"/>
    <x v="1"/>
    <s v="NONBU"/>
    <s v="G0000110"/>
    <s v="ACT"/>
    <x v="0"/>
    <s v="974"/>
    <m/>
    <x v="0"/>
    <s v="GLBATCH"/>
    <n v="2022"/>
    <d v="2022-07-25T00:00:00"/>
    <d v="2022-07-25T15:41:03"/>
    <x v="1"/>
  </r>
  <r>
    <s v="110"/>
    <x v="84"/>
    <d v="2022-07-15T00:00:00"/>
    <s v="P"/>
    <s v="KY"/>
    <x v="0"/>
    <n v="7"/>
    <s v="10828"/>
    <s v="GLNANDA"/>
    <m/>
    <s v="USD"/>
    <n v="-1144.79"/>
    <x v="1"/>
    <s v="NONBU"/>
    <s v="G0000110"/>
    <s v="ACT"/>
    <x v="0"/>
    <s v="974"/>
    <m/>
    <x v="0"/>
    <s v="GLBATCH"/>
    <n v="2022"/>
    <d v="2022-07-25T00:00:00"/>
    <d v="2022-07-25T15:41:02"/>
    <x v="1"/>
  </r>
  <r>
    <s v="110"/>
    <x v="85"/>
    <d v="2022-07-15T00:00:00"/>
    <s v="P"/>
    <s v="KY"/>
    <x v="0"/>
    <n v="7"/>
    <s v="10828"/>
    <s v="GLNANDA"/>
    <m/>
    <s v="USD"/>
    <n v="-1477.1"/>
    <x v="1"/>
    <s v="NONBU"/>
    <s v="G0000110"/>
    <s v="ACT"/>
    <x v="0"/>
    <s v="974"/>
    <m/>
    <x v="0"/>
    <s v="GLBATCH"/>
    <n v="2022"/>
    <d v="2022-08-01T00:00:00"/>
    <d v="2022-08-01T07:44:52"/>
    <x v="1"/>
  </r>
  <r>
    <s v="110"/>
    <x v="86"/>
    <d v="2022-07-15T00:00:00"/>
    <s v="P"/>
    <s v="KY"/>
    <x v="0"/>
    <n v="7"/>
    <s v="10828"/>
    <s v="GLNANDA"/>
    <m/>
    <s v="USD"/>
    <n v="-938.75"/>
    <x v="1"/>
    <s v="NONBU"/>
    <s v="G0000110"/>
    <s v="ACT"/>
    <x v="0"/>
    <s v="974"/>
    <m/>
    <x v="0"/>
    <s v="GLBATCH"/>
    <n v="2022"/>
    <d v="2022-07-25T00:00:00"/>
    <d v="2022-07-25T15:41:04"/>
    <x v="1"/>
  </r>
  <r>
    <s v="110"/>
    <x v="87"/>
    <d v="2022-07-15T00:00:00"/>
    <s v="P"/>
    <s v="KY"/>
    <x v="0"/>
    <n v="7"/>
    <s v="10828"/>
    <s v="GLNANDA"/>
    <m/>
    <s v="USD"/>
    <n v="-422.15"/>
    <x v="1"/>
    <s v="NONBU"/>
    <s v="G0000110"/>
    <s v="ACT"/>
    <x v="0"/>
    <s v="974"/>
    <m/>
    <x v="0"/>
    <s v="GLBATCH"/>
    <n v="2022"/>
    <d v="2022-08-01T00:00:00"/>
    <d v="2022-08-01T07:44:54"/>
    <x v="1"/>
  </r>
  <r>
    <s v="110"/>
    <x v="88"/>
    <d v="2022-07-15T00:00:00"/>
    <s v="P"/>
    <s v="KY"/>
    <x v="0"/>
    <n v="7"/>
    <s v="10828"/>
    <s v="GLNANDA"/>
    <m/>
    <s v="USD"/>
    <n v="-1221.25"/>
    <x v="1"/>
    <s v="NONBU"/>
    <s v="G0000110"/>
    <s v="ACT"/>
    <x v="0"/>
    <s v="974"/>
    <m/>
    <x v="0"/>
    <s v="GLBATCH"/>
    <n v="2022"/>
    <d v="2022-07-25T00:00:00"/>
    <d v="2022-07-25T15:44:07"/>
    <x v="1"/>
  </r>
  <r>
    <s v="110"/>
    <x v="22"/>
    <d v="2022-07-31T00:00:00"/>
    <s v="P"/>
    <s v="KY"/>
    <x v="0"/>
    <n v="7"/>
    <s v="99990"/>
    <s v="EDNANDA"/>
    <m/>
    <s v="USD"/>
    <n v="3305.63"/>
    <x v="2"/>
    <s v="DISTR"/>
    <s v="G0000110"/>
    <s v="ACT"/>
    <x v="1"/>
    <s v="974"/>
    <m/>
    <x v="0"/>
    <s v="S293273"/>
    <n v="2022"/>
    <d v="2022-08-04T00:00:00"/>
    <d v="2022-08-04T12:20:35"/>
    <x v="7"/>
  </r>
  <r>
    <s v="180"/>
    <x v="24"/>
    <d v="2022-07-31T00:00:00"/>
    <s v="P"/>
    <s v="KY"/>
    <x v="0"/>
    <n v="7"/>
    <s v="12753"/>
    <s v="GLNANDA"/>
    <m/>
    <s v="USD"/>
    <n v="-74.02"/>
    <x v="4"/>
    <s v="NONBU"/>
    <s v="G0000180"/>
    <s v="ACT"/>
    <x v="1"/>
    <s v="35"/>
    <m/>
    <x v="0"/>
    <s v="S354820"/>
    <n v="2022"/>
    <d v="2022-07-31T00:00:00"/>
    <d v="2022-07-31T12:51:22"/>
    <x v="4"/>
  </r>
  <r>
    <s v="180"/>
    <x v="23"/>
    <d v="2022-07-31T00:00:00"/>
    <s v="P"/>
    <s v="KY"/>
    <x v="0"/>
    <n v="7"/>
    <s v="12753"/>
    <s v="GLNANDA"/>
    <m/>
    <s v="USD"/>
    <n v="0"/>
    <x v="3"/>
    <s v="NONBU"/>
    <s v="G0000180"/>
    <s v="ACT"/>
    <x v="1"/>
    <s v="35"/>
    <m/>
    <x v="0"/>
    <s v="S354820"/>
    <n v="2022"/>
    <d v="2022-07-31T00:00:00"/>
    <d v="2022-07-31T12:49:03"/>
    <x v="3"/>
  </r>
  <r>
    <s v="110"/>
    <x v="89"/>
    <d v="2022-08-15T00:00:00"/>
    <s v="P"/>
    <s v="KY"/>
    <x v="0"/>
    <n v="8"/>
    <s v="10828"/>
    <s v="GLNANDA"/>
    <m/>
    <s v="USD"/>
    <n v="-1533.4"/>
    <x v="1"/>
    <s v="NONBU"/>
    <s v="G0000110"/>
    <s v="ACT"/>
    <x v="0"/>
    <s v="974"/>
    <m/>
    <x v="0"/>
    <s v="GLBATCH"/>
    <n v="2022"/>
    <d v="2022-08-31T00:00:00"/>
    <d v="2022-08-31T11:28:34"/>
    <x v="1"/>
  </r>
  <r>
    <s v="110"/>
    <x v="90"/>
    <d v="2022-08-15T00:00:00"/>
    <s v="P"/>
    <s v="KY"/>
    <x v="0"/>
    <n v="8"/>
    <s v="10828"/>
    <s v="GLNANDA"/>
    <m/>
    <s v="USD"/>
    <n v="-726"/>
    <x v="1"/>
    <s v="NONBU"/>
    <s v="G0000110"/>
    <s v="ACT"/>
    <x v="0"/>
    <s v="974"/>
    <m/>
    <x v="0"/>
    <s v="GLBATCH"/>
    <n v="2022"/>
    <d v="2022-08-31T00:00:00"/>
    <d v="2022-08-31T11:28:35"/>
    <x v="1"/>
  </r>
  <r>
    <s v="110"/>
    <x v="91"/>
    <d v="2022-08-15T00:00:00"/>
    <s v="P"/>
    <s v="KY"/>
    <x v="0"/>
    <n v="8"/>
    <s v="10828"/>
    <s v="GLNANDA"/>
    <m/>
    <s v="USD"/>
    <n v="-708.4"/>
    <x v="1"/>
    <s v="NONBU"/>
    <s v="G0000110"/>
    <s v="ACT"/>
    <x v="0"/>
    <s v="974"/>
    <m/>
    <x v="0"/>
    <s v="GLBATCH"/>
    <n v="2022"/>
    <d v="2022-08-31T00:00:00"/>
    <d v="2022-08-31T11:28:36"/>
    <x v="1"/>
  </r>
  <r>
    <s v="110"/>
    <x v="92"/>
    <d v="2022-08-15T00:00:00"/>
    <s v="P"/>
    <s v="KY"/>
    <x v="0"/>
    <n v="8"/>
    <s v="10828"/>
    <s v="GLNANDA"/>
    <m/>
    <s v="USD"/>
    <n v="-1060.6600000000001"/>
    <x v="1"/>
    <s v="NONBU"/>
    <s v="G0000110"/>
    <s v="ACT"/>
    <x v="0"/>
    <s v="974"/>
    <m/>
    <x v="0"/>
    <s v="GLBATCH"/>
    <n v="2022"/>
    <d v="2022-09-02T00:00:00"/>
    <d v="2022-09-02T11:15:10"/>
    <x v="1"/>
  </r>
  <r>
    <s v="110"/>
    <x v="93"/>
    <d v="2022-08-15T00:00:00"/>
    <s v="P"/>
    <s v="KY"/>
    <x v="0"/>
    <n v="8"/>
    <s v="10828"/>
    <s v="GLNANDA"/>
    <m/>
    <s v="USD"/>
    <n v="-293.8"/>
    <x v="1"/>
    <s v="NONBU"/>
    <s v="G0000110"/>
    <s v="ACT"/>
    <x v="0"/>
    <s v="974"/>
    <m/>
    <x v="0"/>
    <s v="GLBATCH"/>
    <n v="2022"/>
    <d v="2022-08-19T00:00:00"/>
    <d v="2022-08-19T12:05:13"/>
    <x v="1"/>
  </r>
  <r>
    <s v="110"/>
    <x v="94"/>
    <d v="2022-08-15T00:00:00"/>
    <s v="P"/>
    <s v="KY"/>
    <x v="0"/>
    <n v="8"/>
    <s v="10828"/>
    <s v="GLNANDA"/>
    <m/>
    <s v="USD"/>
    <n v="-1458.66"/>
    <x v="1"/>
    <s v="NONBU"/>
    <s v="G0000110"/>
    <s v="ACT"/>
    <x v="0"/>
    <s v="974"/>
    <m/>
    <x v="0"/>
    <s v="GLBATCH"/>
    <n v="2022"/>
    <d v="2022-08-31T00:00:00"/>
    <d v="2022-08-31T11:28:32"/>
    <x v="1"/>
  </r>
  <r>
    <s v="110"/>
    <x v="95"/>
    <d v="2022-08-15T00:00:00"/>
    <s v="P"/>
    <s v="KY"/>
    <x v="0"/>
    <n v="8"/>
    <s v="10828"/>
    <s v="GLNANDA"/>
    <m/>
    <s v="USD"/>
    <n v="-1214.04"/>
    <x v="1"/>
    <s v="NONBU"/>
    <s v="G0000110"/>
    <s v="ACT"/>
    <x v="0"/>
    <s v="974"/>
    <m/>
    <x v="0"/>
    <s v="GLBATCH"/>
    <n v="2022"/>
    <d v="2022-08-31T00:00:00"/>
    <d v="2022-08-31T11:28:33"/>
    <x v="1"/>
  </r>
  <r>
    <s v="110"/>
    <x v="96"/>
    <d v="2022-08-15T00:00:00"/>
    <s v="P"/>
    <s v="KY"/>
    <x v="0"/>
    <n v="8"/>
    <s v="10828"/>
    <s v="GLNANDA"/>
    <m/>
    <s v="USD"/>
    <n v="-1543.17"/>
    <x v="1"/>
    <s v="NONBU"/>
    <s v="G0000110"/>
    <s v="ACT"/>
    <x v="0"/>
    <s v="974"/>
    <m/>
    <x v="0"/>
    <s v="GLBATCH"/>
    <n v="2022"/>
    <d v="2022-09-02T00:00:00"/>
    <d v="2022-09-02T11:15:08"/>
    <x v="1"/>
  </r>
  <r>
    <s v="110"/>
    <x v="97"/>
    <d v="2022-08-15T00:00:00"/>
    <s v="P"/>
    <s v="KY"/>
    <x v="0"/>
    <n v="8"/>
    <s v="10828"/>
    <s v="GLNANDA"/>
    <m/>
    <s v="USD"/>
    <n v="-694.77"/>
    <x v="1"/>
    <s v="NONBU"/>
    <s v="G0000110"/>
    <s v="ACT"/>
    <x v="0"/>
    <s v="974"/>
    <m/>
    <x v="0"/>
    <s v="GLBATCH"/>
    <n v="2022"/>
    <d v="2022-08-19T00:00:00"/>
    <d v="2022-08-19T12:05:13"/>
    <x v="1"/>
  </r>
  <r>
    <s v="110"/>
    <x v="98"/>
    <d v="2022-08-15T00:00:00"/>
    <s v="P"/>
    <s v="KY"/>
    <x v="0"/>
    <n v="8"/>
    <s v="10828"/>
    <s v="GLNANDA"/>
    <m/>
    <s v="USD"/>
    <n v="-719.45"/>
    <x v="1"/>
    <s v="NONBU"/>
    <s v="G0000110"/>
    <s v="ACT"/>
    <x v="0"/>
    <s v="974"/>
    <m/>
    <x v="0"/>
    <s v="GLBATCH"/>
    <n v="2022"/>
    <d v="2022-09-02T00:00:00"/>
    <d v="2022-09-02T11:15:08"/>
    <x v="1"/>
  </r>
  <r>
    <s v="110"/>
    <x v="99"/>
    <d v="2022-08-15T00:00:00"/>
    <s v="P"/>
    <s v="KY"/>
    <x v="0"/>
    <n v="8"/>
    <s v="10828"/>
    <s v="GLNANDA"/>
    <m/>
    <s v="USD"/>
    <n v="-298.5"/>
    <x v="1"/>
    <s v="NONBU"/>
    <s v="G0000110"/>
    <s v="ACT"/>
    <x v="0"/>
    <s v="974"/>
    <m/>
    <x v="0"/>
    <s v="GLBATCH"/>
    <n v="2022"/>
    <d v="2022-08-19T00:00:00"/>
    <d v="2022-08-19T12:05:12"/>
    <x v="1"/>
  </r>
  <r>
    <s v="110"/>
    <x v="100"/>
    <d v="2022-08-15T00:00:00"/>
    <s v="P"/>
    <s v="KY"/>
    <x v="0"/>
    <n v="8"/>
    <s v="10828"/>
    <s v="GLNANDA"/>
    <m/>
    <s v="USD"/>
    <n v="-223.9"/>
    <x v="1"/>
    <s v="NONBU"/>
    <s v="G0000110"/>
    <s v="ACT"/>
    <x v="0"/>
    <s v="974"/>
    <m/>
    <x v="0"/>
    <s v="GLBATCH"/>
    <n v="2022"/>
    <d v="2022-08-31T00:00:00"/>
    <d v="2022-08-31T11:28:30"/>
    <x v="1"/>
  </r>
  <r>
    <s v="110"/>
    <x v="101"/>
    <d v="2022-08-15T00:00:00"/>
    <s v="P"/>
    <s v="KY"/>
    <x v="0"/>
    <n v="8"/>
    <s v="10828"/>
    <s v="GLNANDA"/>
    <m/>
    <s v="USD"/>
    <n v="-322.7"/>
    <x v="1"/>
    <s v="NONBU"/>
    <s v="G0000110"/>
    <s v="ACT"/>
    <x v="0"/>
    <s v="974"/>
    <m/>
    <x v="0"/>
    <s v="GLBATCH"/>
    <n v="2022"/>
    <d v="2022-08-31T00:00:00"/>
    <d v="2022-08-31T11:28:31"/>
    <x v="1"/>
  </r>
  <r>
    <s v="110"/>
    <x v="102"/>
    <d v="2022-08-15T00:00:00"/>
    <s v="P"/>
    <s v="KY"/>
    <x v="0"/>
    <n v="8"/>
    <s v="10828"/>
    <s v="GLNANDA"/>
    <m/>
    <s v="USD"/>
    <n v="-919.83"/>
    <x v="1"/>
    <s v="NONBU"/>
    <s v="G0000110"/>
    <s v="ACT"/>
    <x v="0"/>
    <s v="974"/>
    <m/>
    <x v="0"/>
    <s v="GLBATCH"/>
    <n v="2022"/>
    <d v="2022-08-31T00:00:00"/>
    <d v="2022-08-31T11:28:31"/>
    <x v="1"/>
  </r>
  <r>
    <s v="110"/>
    <x v="103"/>
    <d v="2022-08-15T00:00:00"/>
    <s v="P"/>
    <s v="KY"/>
    <x v="0"/>
    <n v="8"/>
    <s v="10828"/>
    <s v="GLNANDA"/>
    <m/>
    <s v="USD"/>
    <n v="-291.89999999999998"/>
    <x v="1"/>
    <s v="NONBU"/>
    <s v="G0000110"/>
    <s v="ACT"/>
    <x v="0"/>
    <s v="974"/>
    <m/>
    <x v="0"/>
    <s v="GLBATCH"/>
    <n v="2022"/>
    <d v="2022-08-19T00:00:00"/>
    <d v="2022-08-19T12:05:11"/>
    <x v="1"/>
  </r>
  <r>
    <s v="110"/>
    <x v="104"/>
    <d v="2022-08-15T00:00:00"/>
    <s v="P"/>
    <s v="KY"/>
    <x v="0"/>
    <n v="8"/>
    <s v="10828"/>
    <s v="GLNANDA"/>
    <m/>
    <s v="USD"/>
    <n v="-1130.33"/>
    <x v="1"/>
    <s v="NONBU"/>
    <s v="G0000110"/>
    <s v="ACT"/>
    <x v="0"/>
    <s v="974"/>
    <m/>
    <x v="0"/>
    <s v="GLBATCH"/>
    <n v="2022"/>
    <d v="2022-08-19T00:00:00"/>
    <d v="2022-08-19T12:05:12"/>
    <x v="1"/>
  </r>
  <r>
    <s v="110"/>
    <x v="105"/>
    <d v="2022-08-15T00:00:00"/>
    <s v="P"/>
    <s v="KY"/>
    <x v="0"/>
    <n v="8"/>
    <s v="10828"/>
    <s v="GLNANDA"/>
    <m/>
    <s v="USD"/>
    <n v="-906.25"/>
    <x v="1"/>
    <s v="NONBU"/>
    <s v="G0000110"/>
    <s v="ACT"/>
    <x v="0"/>
    <s v="974"/>
    <m/>
    <x v="0"/>
    <s v="GLBATCH"/>
    <n v="2022"/>
    <d v="2022-08-31T00:00:00"/>
    <d v="2022-08-31T11:28:34"/>
    <x v="1"/>
  </r>
  <r>
    <s v="110"/>
    <x v="106"/>
    <d v="2022-08-15T00:00:00"/>
    <s v="P"/>
    <s v="KY"/>
    <x v="0"/>
    <n v="8"/>
    <s v="10828"/>
    <s v="GLNANDA"/>
    <m/>
    <s v="USD"/>
    <n v="-414.75"/>
    <x v="1"/>
    <s v="NONBU"/>
    <s v="G0000110"/>
    <s v="ACT"/>
    <x v="0"/>
    <s v="974"/>
    <m/>
    <x v="0"/>
    <s v="GLBATCH"/>
    <n v="2022"/>
    <d v="2022-08-19T00:00:00"/>
    <d v="2022-08-19T12:05:11"/>
    <x v="1"/>
  </r>
  <r>
    <s v="110"/>
    <x v="107"/>
    <d v="2022-08-15T00:00:00"/>
    <s v="P"/>
    <s v="KY"/>
    <x v="0"/>
    <n v="8"/>
    <s v="10828"/>
    <s v="GLNANDA"/>
    <m/>
    <s v="USD"/>
    <n v="-199.3"/>
    <x v="1"/>
    <s v="NONBU"/>
    <s v="G0000110"/>
    <s v="ACT"/>
    <x v="0"/>
    <s v="974"/>
    <m/>
    <x v="0"/>
    <s v="GLBATCH"/>
    <n v="2022"/>
    <d v="2022-08-19T00:00:00"/>
    <d v="2022-08-19T12:05:12"/>
    <x v="1"/>
  </r>
  <r>
    <s v="110"/>
    <x v="108"/>
    <d v="2022-08-15T00:00:00"/>
    <s v="P"/>
    <s v="KY"/>
    <x v="0"/>
    <n v="8"/>
    <s v="10828"/>
    <s v="GLNANDA"/>
    <m/>
    <s v="USD"/>
    <n v="-426.8"/>
    <x v="1"/>
    <s v="NONBU"/>
    <s v="G0000110"/>
    <s v="ACT"/>
    <x v="0"/>
    <s v="974"/>
    <m/>
    <x v="0"/>
    <s v="GLBATCH"/>
    <n v="2022"/>
    <d v="2022-08-19T00:00:00"/>
    <d v="2022-08-19T12:05:11"/>
    <x v="1"/>
  </r>
  <r>
    <s v="110"/>
    <x v="109"/>
    <d v="2022-08-15T00:00:00"/>
    <s v="P"/>
    <s v="KY"/>
    <x v="0"/>
    <n v="8"/>
    <s v="10828"/>
    <s v="GLNANDA"/>
    <m/>
    <s v="USD"/>
    <n v="-984.15"/>
    <x v="1"/>
    <s v="NONBU"/>
    <s v="G0000110"/>
    <s v="ACT"/>
    <x v="0"/>
    <s v="974"/>
    <m/>
    <x v="0"/>
    <s v="GLBATCH"/>
    <n v="2022"/>
    <d v="2022-09-02T00:00:00"/>
    <d v="2022-09-02T11:15:10"/>
    <x v="1"/>
  </r>
  <r>
    <s v="110"/>
    <x v="110"/>
    <d v="2022-08-15T00:00:00"/>
    <s v="P"/>
    <s v="KY"/>
    <x v="0"/>
    <n v="8"/>
    <s v="10828"/>
    <s v="GLNANDA"/>
    <m/>
    <s v="USD"/>
    <n v="-2060.0100000000002"/>
    <x v="1"/>
    <s v="NONBU"/>
    <s v="G0000110"/>
    <s v="ACT"/>
    <x v="0"/>
    <s v="974"/>
    <m/>
    <x v="0"/>
    <s v="GLBATCH"/>
    <n v="2022"/>
    <d v="2022-08-31T00:00:00"/>
    <d v="2022-08-31T11:28:33"/>
    <x v="1"/>
  </r>
  <r>
    <s v="110"/>
    <x v="111"/>
    <d v="2022-08-15T00:00:00"/>
    <s v="P"/>
    <s v="KY"/>
    <x v="0"/>
    <n v="8"/>
    <s v="10828"/>
    <s v="GLNANDA"/>
    <m/>
    <s v="USD"/>
    <n v="-1383.92"/>
    <x v="1"/>
    <s v="NONBU"/>
    <s v="G0000110"/>
    <s v="ACT"/>
    <x v="0"/>
    <s v="974"/>
    <m/>
    <x v="0"/>
    <s v="GLBATCH"/>
    <n v="2022"/>
    <d v="2022-09-02T00:00:00"/>
    <d v="2022-09-02T11:15:09"/>
    <x v="1"/>
  </r>
  <r>
    <s v="110"/>
    <x v="22"/>
    <d v="2022-08-31T00:00:00"/>
    <s v="P"/>
    <s v="KY"/>
    <x v="0"/>
    <n v="8"/>
    <s v="99990"/>
    <s v="EDNANDA"/>
    <m/>
    <s v="USD"/>
    <n v="1436.74"/>
    <x v="2"/>
    <s v="DISTR"/>
    <s v="G0000110"/>
    <s v="ACT"/>
    <x v="1"/>
    <s v="974"/>
    <m/>
    <x v="0"/>
    <s v="S293273"/>
    <n v="2022"/>
    <d v="2022-09-08T00:00:00"/>
    <d v="2022-09-08T08:52:52"/>
    <x v="8"/>
  </r>
  <r>
    <s v="180"/>
    <x v="24"/>
    <d v="2022-08-31T00:00:00"/>
    <s v="P"/>
    <s v="KY"/>
    <x v="0"/>
    <n v="8"/>
    <s v="12753"/>
    <s v="GLNANDA"/>
    <m/>
    <s v="USD"/>
    <n v="-74.02"/>
    <x v="4"/>
    <s v="NONBU"/>
    <s v="G0000180"/>
    <s v="ACT"/>
    <x v="1"/>
    <s v="35"/>
    <m/>
    <x v="0"/>
    <s v="S354820"/>
    <n v="2022"/>
    <d v="2022-08-31T00:00:00"/>
    <d v="2022-08-31T17:19:56"/>
    <x v="4"/>
  </r>
  <r>
    <s v="180"/>
    <x v="23"/>
    <d v="2022-08-31T00:00:00"/>
    <s v="P"/>
    <s v="KY"/>
    <x v="0"/>
    <n v="8"/>
    <s v="12753"/>
    <s v="GLNANDA"/>
    <m/>
    <s v="USD"/>
    <n v="0"/>
    <x v="3"/>
    <s v="NONBU"/>
    <s v="G0000180"/>
    <s v="ACT"/>
    <x v="1"/>
    <s v="35"/>
    <m/>
    <x v="0"/>
    <s v="S354820"/>
    <n v="2022"/>
    <d v="2022-08-31T00:00:00"/>
    <d v="2022-08-31T17:19:09"/>
    <x v="3"/>
  </r>
  <r>
    <s v="110"/>
    <x v="112"/>
    <d v="2022-09-12T00:00:00"/>
    <s v="P"/>
    <s v="KY"/>
    <x v="0"/>
    <n v="9"/>
    <s v="10308"/>
    <s v="EDNANDA"/>
    <m/>
    <s v="USD"/>
    <n v="-100"/>
    <x v="0"/>
    <s v="DISTR"/>
    <s v="G0000110"/>
    <m/>
    <x v="0"/>
    <s v="78"/>
    <m/>
    <x v="0"/>
    <s v="GLBATCH"/>
    <n v="2022"/>
    <d v="2022-09-13T00:00:00"/>
    <d v="2022-09-13T07:14:47"/>
    <x v="0"/>
  </r>
  <r>
    <s v="110"/>
    <x v="113"/>
    <d v="2022-09-15T00:00:00"/>
    <s v="P"/>
    <s v="KY"/>
    <x v="0"/>
    <n v="9"/>
    <s v="10828"/>
    <s v="GLNANDA"/>
    <m/>
    <s v="USD"/>
    <n v="-956.1"/>
    <x v="1"/>
    <s v="NONBU"/>
    <s v="G0000110"/>
    <s v="ACT"/>
    <x v="0"/>
    <s v="974"/>
    <m/>
    <x v="0"/>
    <s v="GLBATCH"/>
    <n v="2022"/>
    <d v="2022-09-21T00:00:00"/>
    <d v="2022-09-21T16:35:39"/>
    <x v="1"/>
  </r>
  <r>
    <s v="110"/>
    <x v="114"/>
    <d v="2022-09-15T00:00:00"/>
    <s v="P"/>
    <s v="KY"/>
    <x v="0"/>
    <n v="9"/>
    <s v="10828"/>
    <s v="GLNANDA"/>
    <m/>
    <s v="USD"/>
    <n v="-928.7"/>
    <x v="1"/>
    <s v="NONBU"/>
    <s v="G0000110"/>
    <s v="ACT"/>
    <x v="0"/>
    <s v="974"/>
    <m/>
    <x v="0"/>
    <s v="GLBATCH"/>
    <n v="2022"/>
    <d v="2022-10-03T00:00:00"/>
    <d v="2022-10-03T06:54:13"/>
    <x v="1"/>
  </r>
  <r>
    <s v="110"/>
    <x v="115"/>
    <d v="2022-09-15T00:00:00"/>
    <s v="P"/>
    <s v="KY"/>
    <x v="0"/>
    <n v="9"/>
    <s v="10828"/>
    <s v="GLNANDA"/>
    <m/>
    <s v="USD"/>
    <n v="-844.95"/>
    <x v="1"/>
    <s v="NONBU"/>
    <s v="G0000110"/>
    <s v="ACT"/>
    <x v="0"/>
    <s v="974"/>
    <m/>
    <x v="0"/>
    <s v="GLBATCH"/>
    <n v="2022"/>
    <d v="2022-10-03T00:00:00"/>
    <d v="2022-10-03T06:54:14"/>
    <x v="1"/>
  </r>
  <r>
    <s v="110"/>
    <x v="116"/>
    <d v="2022-09-15T00:00:00"/>
    <s v="P"/>
    <s v="KY"/>
    <x v="0"/>
    <n v="9"/>
    <s v="10828"/>
    <s v="GLNANDA"/>
    <m/>
    <s v="USD"/>
    <n v="-1402.75"/>
    <x v="1"/>
    <s v="NONBU"/>
    <s v="G0000110"/>
    <s v="ACT"/>
    <x v="0"/>
    <s v="974"/>
    <m/>
    <x v="0"/>
    <s v="GLBATCH"/>
    <n v="2022"/>
    <d v="2022-10-03T00:00:00"/>
    <d v="2022-10-03T06:54:18"/>
    <x v="1"/>
  </r>
  <r>
    <s v="110"/>
    <x v="117"/>
    <d v="2022-09-15T00:00:00"/>
    <s v="P"/>
    <s v="KY"/>
    <x v="0"/>
    <n v="9"/>
    <s v="10828"/>
    <s v="GLNANDA"/>
    <m/>
    <s v="USD"/>
    <n v="-2230.4699999999998"/>
    <x v="1"/>
    <s v="NONBU"/>
    <s v="G0000110"/>
    <s v="ACT"/>
    <x v="0"/>
    <s v="974"/>
    <m/>
    <x v="0"/>
    <s v="GLBATCH"/>
    <n v="2022"/>
    <d v="2022-10-03T00:00:00"/>
    <d v="2022-10-03T06:54:18"/>
    <x v="1"/>
  </r>
  <r>
    <s v="110"/>
    <x v="118"/>
    <d v="2022-09-15T00:00:00"/>
    <s v="P"/>
    <s v="KY"/>
    <x v="0"/>
    <n v="9"/>
    <s v="10828"/>
    <s v="GLNANDA"/>
    <m/>
    <s v="USD"/>
    <n v="-1411.57"/>
    <x v="1"/>
    <s v="NONBU"/>
    <s v="G0000110"/>
    <s v="ACT"/>
    <x v="0"/>
    <s v="974"/>
    <m/>
    <x v="0"/>
    <s v="GLBATCH"/>
    <n v="2022"/>
    <d v="2022-09-21T00:00:00"/>
    <d v="2022-09-21T16:35:38"/>
    <x v="1"/>
  </r>
  <r>
    <s v="110"/>
    <x v="119"/>
    <d v="2022-09-15T00:00:00"/>
    <s v="P"/>
    <s v="KY"/>
    <x v="0"/>
    <n v="9"/>
    <s v="10828"/>
    <s v="GLNANDA"/>
    <m/>
    <s v="USD"/>
    <n v="-2432.0700000000002"/>
    <x v="1"/>
    <s v="NONBU"/>
    <s v="G0000110"/>
    <s v="ACT"/>
    <x v="0"/>
    <s v="974"/>
    <m/>
    <x v="0"/>
    <s v="GLBATCH"/>
    <n v="2022"/>
    <d v="2022-10-03T00:00:00"/>
    <d v="2022-10-03T06:54:15"/>
    <x v="1"/>
  </r>
  <r>
    <s v="110"/>
    <x v="120"/>
    <d v="2022-09-15T00:00:00"/>
    <s v="P"/>
    <s v="KY"/>
    <x v="0"/>
    <n v="9"/>
    <s v="10828"/>
    <s v="GLNANDA"/>
    <m/>
    <s v="USD"/>
    <n v="-732.5"/>
    <x v="1"/>
    <s v="NONBU"/>
    <s v="G0000110"/>
    <s v="ACT"/>
    <x v="0"/>
    <s v="974"/>
    <m/>
    <x v="0"/>
    <s v="GLBATCH"/>
    <n v="2022"/>
    <d v="2022-10-03T00:00:00"/>
    <d v="2022-10-03T06:54:16"/>
    <x v="1"/>
  </r>
  <r>
    <s v="110"/>
    <x v="121"/>
    <d v="2022-09-15T00:00:00"/>
    <s v="P"/>
    <s v="KY"/>
    <x v="0"/>
    <n v="9"/>
    <s v="10828"/>
    <s v="GLNANDA"/>
    <m/>
    <s v="USD"/>
    <n v="-1519.72"/>
    <x v="1"/>
    <s v="NONBU"/>
    <s v="G0000110"/>
    <s v="ACT"/>
    <x v="0"/>
    <s v="974"/>
    <m/>
    <x v="0"/>
    <s v="GLBATCH"/>
    <n v="2022"/>
    <d v="2022-10-03T00:00:00"/>
    <d v="2022-10-03T06:54:15"/>
    <x v="1"/>
  </r>
  <r>
    <s v="110"/>
    <x v="122"/>
    <d v="2022-09-15T00:00:00"/>
    <s v="P"/>
    <s v="KY"/>
    <x v="0"/>
    <n v="9"/>
    <s v="10828"/>
    <s v="GLNANDA"/>
    <m/>
    <s v="USD"/>
    <n v="-1097.22"/>
    <x v="1"/>
    <s v="NONBU"/>
    <s v="G0000110"/>
    <s v="ACT"/>
    <x v="0"/>
    <s v="974"/>
    <m/>
    <x v="0"/>
    <s v="GLBATCH"/>
    <n v="2022"/>
    <d v="2022-10-03T00:00:00"/>
    <d v="2022-10-03T06:54:15"/>
    <x v="1"/>
  </r>
  <r>
    <s v="110"/>
    <x v="123"/>
    <d v="2022-09-15T00:00:00"/>
    <s v="P"/>
    <s v="KY"/>
    <x v="0"/>
    <n v="9"/>
    <s v="10828"/>
    <s v="GLNANDA"/>
    <m/>
    <s v="USD"/>
    <n v="-2807.07"/>
    <x v="1"/>
    <s v="NONBU"/>
    <s v="G0000110"/>
    <s v="ACT"/>
    <x v="0"/>
    <s v="974"/>
    <m/>
    <x v="0"/>
    <s v="GLBATCH"/>
    <n v="2022"/>
    <d v="2022-10-03T00:00:00"/>
    <d v="2022-10-03T06:54:16"/>
    <x v="1"/>
  </r>
  <r>
    <s v="110"/>
    <x v="124"/>
    <d v="2022-09-15T00:00:00"/>
    <s v="P"/>
    <s v="KY"/>
    <x v="0"/>
    <n v="9"/>
    <s v="10828"/>
    <s v="GLNANDA"/>
    <m/>
    <s v="USD"/>
    <n v="-937"/>
    <x v="1"/>
    <s v="NONBU"/>
    <s v="G0000110"/>
    <s v="ACT"/>
    <x v="0"/>
    <s v="974"/>
    <m/>
    <x v="0"/>
    <s v="GLBATCH"/>
    <n v="2022"/>
    <d v="2022-10-03T00:00:00"/>
    <d v="2022-10-03T06:54:17"/>
    <x v="1"/>
  </r>
  <r>
    <s v="110"/>
    <x v="125"/>
    <d v="2022-09-15T00:00:00"/>
    <s v="P"/>
    <s v="KY"/>
    <x v="0"/>
    <n v="9"/>
    <s v="10828"/>
    <s v="GLNANDA"/>
    <m/>
    <s v="USD"/>
    <n v="-1565.86"/>
    <x v="1"/>
    <s v="NONBU"/>
    <s v="G0000110"/>
    <s v="ACT"/>
    <x v="0"/>
    <s v="974"/>
    <m/>
    <x v="0"/>
    <s v="GLBATCH"/>
    <n v="2022"/>
    <d v="2022-10-03T00:00:00"/>
    <d v="2022-10-03T06:54:19"/>
    <x v="1"/>
  </r>
  <r>
    <s v="110"/>
    <x v="126"/>
    <d v="2022-09-15T00:00:00"/>
    <s v="P"/>
    <s v="KY"/>
    <x v="0"/>
    <n v="9"/>
    <s v="10828"/>
    <s v="GLNANDA"/>
    <m/>
    <s v="USD"/>
    <n v="-1332.42"/>
    <x v="1"/>
    <s v="NONBU"/>
    <s v="G0000110"/>
    <s v="ACT"/>
    <x v="0"/>
    <s v="974"/>
    <m/>
    <x v="0"/>
    <s v="GLBATCH"/>
    <n v="2022"/>
    <d v="2022-10-03T00:00:00"/>
    <d v="2022-10-03T14:20:16"/>
    <x v="1"/>
  </r>
  <r>
    <s v="110"/>
    <x v="127"/>
    <d v="2022-09-15T00:00:00"/>
    <s v="P"/>
    <s v="KY"/>
    <x v="0"/>
    <n v="9"/>
    <s v="10828"/>
    <s v="GLNANDA"/>
    <m/>
    <s v="USD"/>
    <n v="-1878.81"/>
    <x v="1"/>
    <s v="NONBU"/>
    <s v="G0000110"/>
    <s v="ACT"/>
    <x v="0"/>
    <s v="974"/>
    <m/>
    <x v="0"/>
    <s v="GLBATCH"/>
    <n v="2022"/>
    <d v="2022-10-03T00:00:00"/>
    <d v="2022-10-03T06:54:18"/>
    <x v="1"/>
  </r>
  <r>
    <s v="110"/>
    <x v="128"/>
    <d v="2022-09-15T00:00:00"/>
    <s v="P"/>
    <s v="KY"/>
    <x v="0"/>
    <n v="9"/>
    <s v="10828"/>
    <s v="GLNANDA"/>
    <m/>
    <s v="USD"/>
    <n v="-965.7"/>
    <x v="1"/>
    <s v="NONBU"/>
    <s v="G0000110"/>
    <s v="ACT"/>
    <x v="0"/>
    <s v="974"/>
    <m/>
    <x v="0"/>
    <s v="GLBATCH"/>
    <n v="2022"/>
    <d v="2022-09-21T00:00:00"/>
    <d v="2022-09-21T16:35:37"/>
    <x v="1"/>
  </r>
  <r>
    <s v="110"/>
    <x v="129"/>
    <d v="2022-09-15T00:00:00"/>
    <s v="P"/>
    <s v="KY"/>
    <x v="0"/>
    <n v="9"/>
    <s v="10828"/>
    <s v="GLNANDA"/>
    <m/>
    <s v="USD"/>
    <n v="-1245.07"/>
    <x v="1"/>
    <s v="NONBU"/>
    <s v="G0000110"/>
    <s v="ACT"/>
    <x v="0"/>
    <s v="974"/>
    <m/>
    <x v="0"/>
    <s v="GLBATCH"/>
    <n v="2022"/>
    <d v="2022-10-03T00:00:00"/>
    <d v="2022-10-03T06:54:17"/>
    <x v="1"/>
  </r>
  <r>
    <s v="110"/>
    <x v="130"/>
    <d v="2022-09-15T00:00:00"/>
    <s v="P"/>
    <s v="KY"/>
    <x v="0"/>
    <n v="9"/>
    <s v="10828"/>
    <s v="GLNANDA"/>
    <m/>
    <s v="USD"/>
    <n v="-1526.07"/>
    <x v="1"/>
    <s v="NONBU"/>
    <s v="G0000110"/>
    <s v="ACT"/>
    <x v="0"/>
    <s v="974"/>
    <m/>
    <x v="0"/>
    <s v="GLBATCH"/>
    <n v="2022"/>
    <d v="2022-09-21T00:00:00"/>
    <d v="2022-09-21T16:35:38"/>
    <x v="1"/>
  </r>
  <r>
    <s v="110"/>
    <x v="131"/>
    <d v="2022-09-15T00:00:00"/>
    <s v="P"/>
    <s v="KY"/>
    <x v="0"/>
    <n v="9"/>
    <s v="10828"/>
    <s v="GLNANDA"/>
    <m/>
    <s v="USD"/>
    <n v="-1355.87"/>
    <x v="1"/>
    <s v="NONBU"/>
    <s v="G0000110"/>
    <s v="ACT"/>
    <x v="0"/>
    <s v="974"/>
    <m/>
    <x v="0"/>
    <s v="GLBATCH"/>
    <n v="2022"/>
    <d v="2022-10-03T00:00:00"/>
    <d v="2022-10-03T06:54:17"/>
    <x v="1"/>
  </r>
  <r>
    <s v="110"/>
    <x v="132"/>
    <d v="2022-09-15T00:00:00"/>
    <s v="P"/>
    <s v="KY"/>
    <x v="0"/>
    <n v="9"/>
    <s v="10828"/>
    <s v="GLNANDA"/>
    <m/>
    <s v="USD"/>
    <n v="-1136.55"/>
    <x v="1"/>
    <s v="NONBU"/>
    <s v="G0000110"/>
    <s v="ACT"/>
    <x v="0"/>
    <s v="974"/>
    <m/>
    <x v="0"/>
    <s v="GLBATCH"/>
    <n v="2022"/>
    <d v="2022-10-03T00:00:00"/>
    <d v="2022-10-03T06:54:19"/>
    <x v="1"/>
  </r>
  <r>
    <s v="110"/>
    <x v="133"/>
    <d v="2022-09-15T00:00:00"/>
    <s v="P"/>
    <s v="KY"/>
    <x v="0"/>
    <n v="9"/>
    <s v="10828"/>
    <s v="GLNANDA"/>
    <m/>
    <s v="USD"/>
    <n v="-1172"/>
    <x v="1"/>
    <s v="NONBU"/>
    <s v="G0000110"/>
    <s v="ACT"/>
    <x v="0"/>
    <s v="974"/>
    <m/>
    <x v="0"/>
    <s v="GLBATCH"/>
    <n v="2022"/>
    <d v="2022-09-21T00:00:00"/>
    <d v="2022-09-21T16:35:38"/>
    <x v="1"/>
  </r>
  <r>
    <s v="110"/>
    <x v="22"/>
    <d v="2022-09-30T00:00:00"/>
    <s v="P"/>
    <s v="KY"/>
    <x v="0"/>
    <n v="9"/>
    <s v="99990"/>
    <s v="EDNANDA"/>
    <m/>
    <s v="USD"/>
    <n v="19355.63"/>
    <x v="2"/>
    <s v="DISTR"/>
    <s v="G0000110"/>
    <s v="ACT"/>
    <x v="1"/>
    <s v="974"/>
    <m/>
    <x v="0"/>
    <s v="S293273"/>
    <n v="2022"/>
    <d v="2022-10-07T00:00:00"/>
    <d v="2022-10-07T10:59:59"/>
    <x v="9"/>
  </r>
  <r>
    <s v="180"/>
    <x v="23"/>
    <d v="2022-09-30T00:00:00"/>
    <s v="P"/>
    <s v="KY"/>
    <x v="0"/>
    <n v="9"/>
    <s v="12753"/>
    <s v="GLNANDA"/>
    <m/>
    <s v="USD"/>
    <n v="0"/>
    <x v="3"/>
    <s v="NONBU"/>
    <s v="G0000180"/>
    <s v="ACT"/>
    <x v="1"/>
    <s v="35"/>
    <m/>
    <x v="0"/>
    <s v="S354820"/>
    <n v="2022"/>
    <d v="2022-09-30T00:00:00"/>
    <d v="2022-09-30T17:14:27"/>
    <x v="3"/>
  </r>
  <r>
    <s v="180"/>
    <x v="24"/>
    <d v="2022-09-30T00:00:00"/>
    <s v="P"/>
    <s v="KY"/>
    <x v="0"/>
    <n v="9"/>
    <s v="12753"/>
    <s v="GLNANDA"/>
    <m/>
    <s v="USD"/>
    <n v="-74.02"/>
    <x v="4"/>
    <s v="NONBU"/>
    <s v="G0000180"/>
    <s v="ACT"/>
    <x v="1"/>
    <s v="35"/>
    <m/>
    <x v="0"/>
    <s v="S354820"/>
    <n v="2022"/>
    <d v="2022-09-30T00:00:00"/>
    <d v="2022-09-30T17:15:46"/>
    <x v="4"/>
  </r>
  <r>
    <s v="110"/>
    <x v="134"/>
    <d v="2022-10-11T00:00:00"/>
    <s v="P"/>
    <s v="KY"/>
    <x v="0"/>
    <n v="10"/>
    <s v="10308"/>
    <s v="EDNANDA"/>
    <m/>
    <s v="USD"/>
    <n v="-200"/>
    <x v="0"/>
    <s v="DISTR"/>
    <s v="G0000110"/>
    <m/>
    <x v="0"/>
    <s v="78"/>
    <m/>
    <x v="0"/>
    <s v="GLBATCH"/>
    <n v="2022"/>
    <d v="2022-10-12T00:00:00"/>
    <d v="2022-10-12T05:45:57"/>
    <x v="0"/>
  </r>
  <r>
    <s v="110"/>
    <x v="135"/>
    <d v="2022-10-15T00:00:00"/>
    <s v="P"/>
    <s v="KY"/>
    <x v="0"/>
    <n v="10"/>
    <s v="10828"/>
    <s v="GLNANDA"/>
    <m/>
    <s v="USD"/>
    <n v="-1346.63"/>
    <x v="1"/>
    <s v="NONBU"/>
    <s v="G0000110"/>
    <s v="ACT"/>
    <x v="0"/>
    <s v="974"/>
    <m/>
    <x v="0"/>
    <s v="GLBATCH"/>
    <n v="2022"/>
    <d v="2022-11-01T00:00:00"/>
    <d v="2022-11-01T05:58:13"/>
    <x v="1"/>
  </r>
  <r>
    <s v="110"/>
    <x v="136"/>
    <d v="2022-10-15T00:00:00"/>
    <s v="P"/>
    <s v="KY"/>
    <x v="0"/>
    <n v="10"/>
    <s v="10828"/>
    <s v="GLNANDA"/>
    <m/>
    <s v="USD"/>
    <n v="-1580.09"/>
    <x v="1"/>
    <s v="NONBU"/>
    <s v="G0000110"/>
    <s v="ACT"/>
    <x v="0"/>
    <s v="974"/>
    <m/>
    <x v="0"/>
    <s v="GLBATCH"/>
    <n v="2022"/>
    <d v="2022-10-14T00:00:00"/>
    <d v="2022-10-14T01:03:53"/>
    <x v="1"/>
  </r>
  <r>
    <s v="110"/>
    <x v="137"/>
    <d v="2022-10-15T00:00:00"/>
    <s v="P"/>
    <s v="KY"/>
    <x v="0"/>
    <n v="10"/>
    <s v="10828"/>
    <s v="GLNANDA"/>
    <m/>
    <s v="USD"/>
    <n v="-1282.7"/>
    <x v="1"/>
    <s v="NONBU"/>
    <s v="G0000110"/>
    <s v="ACT"/>
    <x v="0"/>
    <s v="974"/>
    <m/>
    <x v="0"/>
    <s v="GLBATCH"/>
    <n v="2022"/>
    <d v="2022-11-01T00:00:00"/>
    <d v="2022-11-01T05:58:06"/>
    <x v="1"/>
  </r>
  <r>
    <s v="110"/>
    <x v="138"/>
    <d v="2022-10-15T00:00:00"/>
    <s v="P"/>
    <s v="KY"/>
    <x v="0"/>
    <n v="10"/>
    <s v="10828"/>
    <s v="GLNANDA"/>
    <m/>
    <s v="USD"/>
    <n v="-1196.3599999999999"/>
    <x v="1"/>
    <s v="NONBU"/>
    <s v="G0000110"/>
    <s v="ACT"/>
    <x v="0"/>
    <s v="974"/>
    <m/>
    <x v="0"/>
    <s v="GLBATCH"/>
    <n v="2022"/>
    <d v="2022-11-01T00:00:00"/>
    <d v="2022-11-01T05:58:13"/>
    <x v="1"/>
  </r>
  <r>
    <s v="110"/>
    <x v="139"/>
    <d v="2022-10-15T00:00:00"/>
    <s v="P"/>
    <s v="KY"/>
    <x v="0"/>
    <n v="10"/>
    <s v="10828"/>
    <s v="GLNANDA"/>
    <m/>
    <s v="USD"/>
    <n v="-1113.5"/>
    <x v="1"/>
    <s v="NONBU"/>
    <s v="G0000110"/>
    <s v="ACT"/>
    <x v="0"/>
    <s v="974"/>
    <m/>
    <x v="0"/>
    <s v="GLBATCH"/>
    <n v="2022"/>
    <d v="2022-11-02T00:00:00"/>
    <d v="2022-11-02T10:42:09"/>
    <x v="1"/>
  </r>
  <r>
    <s v="110"/>
    <x v="140"/>
    <d v="2022-10-15T00:00:00"/>
    <s v="P"/>
    <s v="KY"/>
    <x v="0"/>
    <n v="10"/>
    <s v="10828"/>
    <s v="GLNANDA"/>
    <m/>
    <s v="USD"/>
    <n v="-1006.35"/>
    <x v="1"/>
    <s v="NONBU"/>
    <s v="G0000110"/>
    <s v="ACT"/>
    <x v="0"/>
    <s v="974"/>
    <m/>
    <x v="0"/>
    <s v="GLBATCH"/>
    <n v="2022"/>
    <d v="2022-11-02T00:00:00"/>
    <d v="2022-11-02T10:42:09"/>
    <x v="1"/>
  </r>
  <r>
    <s v="110"/>
    <x v="141"/>
    <d v="2022-10-15T00:00:00"/>
    <s v="P"/>
    <s v="KY"/>
    <x v="0"/>
    <n v="10"/>
    <s v="10828"/>
    <s v="GLNANDA"/>
    <m/>
    <s v="USD"/>
    <n v="-1503.37"/>
    <x v="1"/>
    <s v="NONBU"/>
    <s v="G0000110"/>
    <s v="ACT"/>
    <x v="0"/>
    <s v="974"/>
    <m/>
    <x v="0"/>
    <s v="GLBATCH"/>
    <n v="2022"/>
    <d v="2022-11-01T00:00:00"/>
    <d v="2022-11-01T05:58:17"/>
    <x v="1"/>
  </r>
  <r>
    <s v="110"/>
    <x v="142"/>
    <d v="2022-10-15T00:00:00"/>
    <s v="P"/>
    <s v="KY"/>
    <x v="0"/>
    <n v="10"/>
    <s v="10828"/>
    <s v="GLNANDA"/>
    <m/>
    <s v="USD"/>
    <n v="-940.7"/>
    <x v="1"/>
    <s v="NONBU"/>
    <s v="G0000110"/>
    <s v="ACT"/>
    <x v="0"/>
    <s v="974"/>
    <m/>
    <x v="0"/>
    <s v="GLBATCH"/>
    <n v="2022"/>
    <d v="2022-11-01T00:00:00"/>
    <d v="2022-11-01T05:58:07"/>
    <x v="1"/>
  </r>
  <r>
    <s v="110"/>
    <x v="143"/>
    <d v="2022-10-15T00:00:00"/>
    <s v="P"/>
    <s v="KY"/>
    <x v="0"/>
    <n v="10"/>
    <s v="10828"/>
    <s v="GLNANDA"/>
    <m/>
    <s v="USD"/>
    <n v="-1841.54"/>
    <x v="1"/>
    <s v="NONBU"/>
    <s v="G0000110"/>
    <s v="ACT"/>
    <x v="0"/>
    <s v="974"/>
    <m/>
    <x v="0"/>
    <s v="GLBATCH"/>
    <n v="2022"/>
    <d v="2022-11-01T00:00:00"/>
    <d v="2022-11-01T05:58:08"/>
    <x v="1"/>
  </r>
  <r>
    <s v="110"/>
    <x v="144"/>
    <d v="2022-10-15T00:00:00"/>
    <s v="P"/>
    <s v="KY"/>
    <x v="0"/>
    <n v="10"/>
    <s v="10828"/>
    <s v="GLNANDA"/>
    <m/>
    <s v="USD"/>
    <n v="-1255.3"/>
    <x v="1"/>
    <s v="NONBU"/>
    <s v="G0000110"/>
    <s v="ACT"/>
    <x v="0"/>
    <s v="974"/>
    <m/>
    <x v="0"/>
    <s v="GLBATCH"/>
    <n v="2022"/>
    <d v="2022-10-14T00:00:00"/>
    <d v="2022-10-14T01:03:53"/>
    <x v="1"/>
  </r>
  <r>
    <s v="110"/>
    <x v="145"/>
    <d v="2022-10-15T00:00:00"/>
    <s v="P"/>
    <s v="KY"/>
    <x v="0"/>
    <n v="10"/>
    <s v="10828"/>
    <s v="GLNANDA"/>
    <m/>
    <s v="USD"/>
    <n v="-1841.95"/>
    <x v="1"/>
    <s v="NONBU"/>
    <s v="G0000110"/>
    <s v="ACT"/>
    <x v="0"/>
    <s v="974"/>
    <m/>
    <x v="0"/>
    <s v="GLBATCH"/>
    <n v="2022"/>
    <d v="2022-10-14T00:00:00"/>
    <d v="2022-10-14T01:03:53"/>
    <x v="1"/>
  </r>
  <r>
    <s v="110"/>
    <x v="146"/>
    <d v="2022-10-15T00:00:00"/>
    <s v="P"/>
    <s v="KY"/>
    <x v="0"/>
    <n v="10"/>
    <s v="10828"/>
    <s v="GLNANDA"/>
    <m/>
    <s v="USD"/>
    <n v="-1283.5"/>
    <x v="1"/>
    <s v="NONBU"/>
    <s v="G0000110"/>
    <s v="ACT"/>
    <x v="0"/>
    <s v="974"/>
    <m/>
    <x v="0"/>
    <s v="GLBATCH"/>
    <n v="2022"/>
    <d v="2022-11-01T00:00:00"/>
    <d v="2022-11-01T05:58:16"/>
    <x v="1"/>
  </r>
  <r>
    <s v="110"/>
    <x v="147"/>
    <d v="2022-10-15T00:00:00"/>
    <s v="P"/>
    <s v="KY"/>
    <x v="0"/>
    <n v="10"/>
    <s v="10828"/>
    <s v="GLNANDA"/>
    <m/>
    <s v="USD"/>
    <n v="-824.95"/>
    <x v="1"/>
    <s v="NONBU"/>
    <s v="G0000110"/>
    <s v="ACT"/>
    <x v="0"/>
    <s v="974"/>
    <m/>
    <x v="0"/>
    <s v="GLBATCH"/>
    <n v="2022"/>
    <d v="2022-11-01T00:00:00"/>
    <d v="2022-11-01T05:58:09"/>
    <x v="1"/>
  </r>
  <r>
    <s v="110"/>
    <x v="148"/>
    <d v="2022-10-15T00:00:00"/>
    <s v="P"/>
    <s v="KY"/>
    <x v="0"/>
    <n v="10"/>
    <s v="10828"/>
    <s v="GLNANDA"/>
    <m/>
    <s v="USD"/>
    <n v="-1456.92"/>
    <x v="1"/>
    <s v="NONBU"/>
    <s v="G0000110"/>
    <s v="ACT"/>
    <x v="0"/>
    <s v="974"/>
    <m/>
    <x v="0"/>
    <s v="GLBATCH"/>
    <n v="2022"/>
    <d v="2022-11-01T00:00:00"/>
    <d v="2022-11-01T05:58:14"/>
    <x v="1"/>
  </r>
  <r>
    <s v="110"/>
    <x v="149"/>
    <d v="2022-10-15T00:00:00"/>
    <s v="P"/>
    <s v="KY"/>
    <x v="0"/>
    <n v="10"/>
    <s v="10828"/>
    <s v="GLNANDA"/>
    <m/>
    <s v="USD"/>
    <n v="-1166.3900000000001"/>
    <x v="1"/>
    <s v="NONBU"/>
    <s v="G0000110"/>
    <s v="ACT"/>
    <x v="0"/>
    <s v="974"/>
    <m/>
    <x v="0"/>
    <s v="GLBATCH"/>
    <n v="2022"/>
    <d v="2022-11-01T00:00:00"/>
    <d v="2022-11-01T05:58:12"/>
    <x v="1"/>
  </r>
  <r>
    <s v="110"/>
    <x v="150"/>
    <d v="2022-10-15T00:00:00"/>
    <s v="P"/>
    <s v="KY"/>
    <x v="0"/>
    <n v="10"/>
    <s v="10828"/>
    <s v="GLNANDA"/>
    <m/>
    <s v="USD"/>
    <n v="-1341.51"/>
    <x v="1"/>
    <s v="NONBU"/>
    <s v="G0000110"/>
    <s v="ACT"/>
    <x v="0"/>
    <s v="974"/>
    <m/>
    <x v="0"/>
    <s v="GLBATCH"/>
    <n v="2022"/>
    <d v="2022-11-01T00:00:00"/>
    <d v="2022-11-01T05:58:11"/>
    <x v="1"/>
  </r>
  <r>
    <s v="110"/>
    <x v="151"/>
    <d v="2022-10-15T00:00:00"/>
    <s v="P"/>
    <s v="KY"/>
    <x v="0"/>
    <n v="10"/>
    <s v="10828"/>
    <s v="GLNANDA"/>
    <m/>
    <s v="USD"/>
    <n v="-1645.84"/>
    <x v="1"/>
    <s v="NONBU"/>
    <s v="G0000110"/>
    <s v="ACT"/>
    <x v="0"/>
    <s v="974"/>
    <m/>
    <x v="0"/>
    <s v="GLBATCH"/>
    <n v="2022"/>
    <d v="2022-10-14T00:00:00"/>
    <d v="2022-10-14T01:03:53"/>
    <x v="1"/>
  </r>
  <r>
    <s v="110"/>
    <x v="152"/>
    <d v="2022-10-15T00:00:00"/>
    <s v="P"/>
    <s v="KY"/>
    <x v="0"/>
    <n v="10"/>
    <s v="10828"/>
    <s v="GLNANDA"/>
    <m/>
    <s v="USD"/>
    <n v="-2004.53"/>
    <x v="1"/>
    <s v="NONBU"/>
    <s v="G0000110"/>
    <s v="ACT"/>
    <x v="0"/>
    <s v="974"/>
    <m/>
    <x v="0"/>
    <s v="GLBATCH"/>
    <n v="2022"/>
    <d v="2022-11-01T00:00:00"/>
    <d v="2022-11-01T05:58:12"/>
    <x v="1"/>
  </r>
  <r>
    <s v="110"/>
    <x v="153"/>
    <d v="2022-10-15T00:00:00"/>
    <s v="P"/>
    <s v="KY"/>
    <x v="0"/>
    <n v="10"/>
    <s v="10828"/>
    <s v="GLNANDA"/>
    <m/>
    <s v="USD"/>
    <n v="-1140.0999999999999"/>
    <x v="1"/>
    <s v="NONBU"/>
    <s v="G0000110"/>
    <s v="ACT"/>
    <x v="0"/>
    <s v="974"/>
    <m/>
    <x v="0"/>
    <s v="GLBATCH"/>
    <n v="2022"/>
    <d v="2022-11-01T00:00:00"/>
    <d v="2022-11-01T05:58:15"/>
    <x v="1"/>
  </r>
  <r>
    <s v="110"/>
    <x v="154"/>
    <d v="2022-10-15T00:00:00"/>
    <s v="P"/>
    <s v="KY"/>
    <x v="0"/>
    <n v="10"/>
    <s v="10828"/>
    <s v="GLNANDA"/>
    <m/>
    <s v="USD"/>
    <n v="-1642.16"/>
    <x v="1"/>
    <s v="NONBU"/>
    <s v="G0000110"/>
    <s v="ACT"/>
    <x v="0"/>
    <s v="974"/>
    <m/>
    <x v="0"/>
    <s v="GLBATCH"/>
    <n v="2022"/>
    <d v="2022-11-01T00:00:00"/>
    <d v="2022-11-01T05:58:10"/>
    <x v="1"/>
  </r>
  <r>
    <s v="110"/>
    <x v="155"/>
    <d v="2022-10-15T00:00:00"/>
    <s v="P"/>
    <s v="KY"/>
    <x v="0"/>
    <n v="10"/>
    <s v="10828"/>
    <s v="GLNANDA"/>
    <m/>
    <s v="USD"/>
    <n v="-2053.35"/>
    <x v="1"/>
    <s v="NONBU"/>
    <s v="G0000110"/>
    <s v="ACT"/>
    <x v="0"/>
    <s v="974"/>
    <m/>
    <x v="0"/>
    <s v="GLBATCH"/>
    <n v="2022"/>
    <d v="2022-11-01T00:00:00"/>
    <d v="2022-11-01T05:58:16"/>
    <x v="1"/>
  </r>
  <r>
    <s v="110"/>
    <x v="22"/>
    <d v="2022-10-31T00:00:00"/>
    <s v="P"/>
    <s v="KY"/>
    <x v="0"/>
    <n v="10"/>
    <s v="99990"/>
    <s v="EDNANDA"/>
    <m/>
    <s v="USD"/>
    <n v="15175.67"/>
    <x v="2"/>
    <s v="DISTR"/>
    <s v="G0000110"/>
    <s v="ACT"/>
    <x v="1"/>
    <s v="974"/>
    <m/>
    <x v="0"/>
    <s v="S295511"/>
    <n v="2022"/>
    <d v="2022-11-07T00:00:00"/>
    <d v="2022-11-07T10:04:24"/>
    <x v="10"/>
  </r>
  <r>
    <s v="180"/>
    <x v="24"/>
    <d v="2022-10-31T00:00:00"/>
    <s v="P"/>
    <s v="KY"/>
    <x v="0"/>
    <n v="10"/>
    <s v="12753"/>
    <s v="GLNANDA"/>
    <m/>
    <s v="USD"/>
    <n v="-74.02"/>
    <x v="4"/>
    <s v="NONBU"/>
    <s v="G0000180"/>
    <s v="ACT"/>
    <x v="1"/>
    <s v="35"/>
    <m/>
    <x v="0"/>
    <s v="S354820"/>
    <n v="2022"/>
    <d v="2022-11-01T00:00:00"/>
    <d v="2022-11-01T11:52:36"/>
    <x v="4"/>
  </r>
  <r>
    <s v="180"/>
    <x v="23"/>
    <d v="2022-10-31T00:00:00"/>
    <s v="P"/>
    <s v="KY"/>
    <x v="0"/>
    <n v="10"/>
    <s v="12753"/>
    <s v="GLNANDA"/>
    <m/>
    <s v="USD"/>
    <n v="0"/>
    <x v="3"/>
    <s v="NONBU"/>
    <s v="G0000180"/>
    <s v="ACT"/>
    <x v="1"/>
    <s v="35"/>
    <m/>
    <x v="0"/>
    <s v="S354820"/>
    <n v="2022"/>
    <d v="2022-11-01T00:00:00"/>
    <d v="2022-11-01T11:52:16"/>
    <x v="3"/>
  </r>
  <r>
    <s v="110"/>
    <x v="156"/>
    <d v="2022-11-15T00:00:00"/>
    <s v="P"/>
    <s v="KY"/>
    <x v="0"/>
    <n v="11"/>
    <s v="10828"/>
    <s v="GLNANDA"/>
    <m/>
    <s v="USD"/>
    <n v="-1278.95"/>
    <x v="1"/>
    <s v="NONBU"/>
    <s v="G0000110"/>
    <s v="ACT"/>
    <x v="0"/>
    <s v="974"/>
    <m/>
    <x v="0"/>
    <s v="GLBATCH"/>
    <n v="2022"/>
    <d v="2022-11-30T00:00:00"/>
    <d v="2022-11-30T15:34:05"/>
    <x v="1"/>
  </r>
  <r>
    <s v="110"/>
    <x v="157"/>
    <d v="2022-11-15T00:00:00"/>
    <s v="P"/>
    <s v="KY"/>
    <x v="0"/>
    <n v="11"/>
    <s v="10828"/>
    <s v="GLNANDA"/>
    <m/>
    <s v="USD"/>
    <n v="-706.36"/>
    <x v="1"/>
    <s v="NONBU"/>
    <s v="G0000110"/>
    <s v="ACT"/>
    <x v="0"/>
    <s v="974"/>
    <m/>
    <x v="0"/>
    <s v="GLBATCH"/>
    <n v="2022"/>
    <d v="2022-12-01T00:00:00"/>
    <d v="2022-12-01T09:26:04"/>
    <x v="1"/>
  </r>
  <r>
    <s v="110"/>
    <x v="158"/>
    <d v="2022-11-15T00:00:00"/>
    <s v="P"/>
    <s v="KY"/>
    <x v="0"/>
    <n v="11"/>
    <s v="10828"/>
    <s v="GLNANDA"/>
    <m/>
    <s v="USD"/>
    <n v="-374.45"/>
    <x v="1"/>
    <s v="NONBU"/>
    <s v="G0000110"/>
    <s v="ACT"/>
    <x v="0"/>
    <s v="974"/>
    <m/>
    <x v="0"/>
    <s v="GLBATCH"/>
    <n v="2022"/>
    <d v="2022-11-30T00:00:00"/>
    <d v="2022-11-30T15:34:04"/>
    <x v="1"/>
  </r>
  <r>
    <s v="110"/>
    <x v="159"/>
    <d v="2022-11-15T00:00:00"/>
    <s v="P"/>
    <s v="KY"/>
    <x v="0"/>
    <n v="11"/>
    <s v="10828"/>
    <s v="GLNANDA"/>
    <m/>
    <s v="USD"/>
    <n v="-888.27"/>
    <x v="1"/>
    <s v="NONBU"/>
    <s v="G0000110"/>
    <s v="ACT"/>
    <x v="0"/>
    <s v="974"/>
    <m/>
    <x v="0"/>
    <s v="GLBATCH"/>
    <n v="2022"/>
    <d v="2022-12-01T00:00:00"/>
    <d v="2022-12-01T09:26:05"/>
    <x v="1"/>
  </r>
  <r>
    <s v="110"/>
    <x v="160"/>
    <d v="2022-11-15T00:00:00"/>
    <s v="P"/>
    <s v="KY"/>
    <x v="0"/>
    <n v="11"/>
    <s v="10828"/>
    <s v="GLNANDA"/>
    <m/>
    <s v="USD"/>
    <n v="-1039.0999999999999"/>
    <x v="1"/>
    <s v="NONBU"/>
    <s v="G0000110"/>
    <s v="ACT"/>
    <x v="0"/>
    <s v="974"/>
    <m/>
    <x v="0"/>
    <s v="GLBATCH"/>
    <n v="2022"/>
    <d v="2022-11-14T00:00:00"/>
    <d v="2022-11-14T15:22:41"/>
    <x v="1"/>
  </r>
  <r>
    <s v="110"/>
    <x v="161"/>
    <d v="2022-11-15T00:00:00"/>
    <s v="P"/>
    <s v="KY"/>
    <x v="0"/>
    <n v="11"/>
    <s v="10828"/>
    <s v="GLNANDA"/>
    <m/>
    <s v="USD"/>
    <n v="-1476.78"/>
    <x v="1"/>
    <s v="NONBU"/>
    <s v="G0000110"/>
    <s v="ACT"/>
    <x v="0"/>
    <s v="974"/>
    <m/>
    <x v="0"/>
    <s v="GLBATCH"/>
    <n v="2022"/>
    <d v="2022-11-14T00:00:00"/>
    <d v="2022-11-14T15:22:43"/>
    <x v="1"/>
  </r>
  <r>
    <s v="110"/>
    <x v="162"/>
    <d v="2022-11-15T00:00:00"/>
    <s v="P"/>
    <s v="KY"/>
    <x v="0"/>
    <n v="11"/>
    <s v="10828"/>
    <s v="GLNANDA"/>
    <m/>
    <s v="USD"/>
    <n v="-189.35"/>
    <x v="1"/>
    <s v="NONBU"/>
    <s v="G0000110"/>
    <s v="ACT"/>
    <x v="0"/>
    <s v="974"/>
    <m/>
    <x v="0"/>
    <s v="GLBATCH"/>
    <n v="2022"/>
    <d v="2022-11-30T00:00:00"/>
    <d v="2022-11-30T15:34:03"/>
    <x v="1"/>
  </r>
  <r>
    <s v="110"/>
    <x v="163"/>
    <d v="2022-11-15T00:00:00"/>
    <s v="P"/>
    <s v="KY"/>
    <x v="0"/>
    <n v="11"/>
    <s v="10828"/>
    <s v="GLNANDA"/>
    <m/>
    <s v="USD"/>
    <n v="-1209.03"/>
    <x v="1"/>
    <s v="NONBU"/>
    <s v="G0000110"/>
    <s v="ACT"/>
    <x v="0"/>
    <s v="974"/>
    <m/>
    <x v="0"/>
    <s v="GLBATCH"/>
    <n v="2022"/>
    <d v="2022-11-30T00:00:00"/>
    <d v="2022-11-30T15:34:02"/>
    <x v="1"/>
  </r>
  <r>
    <s v="110"/>
    <x v="164"/>
    <d v="2022-11-15T00:00:00"/>
    <s v="P"/>
    <s v="KY"/>
    <x v="0"/>
    <n v="11"/>
    <s v="10828"/>
    <s v="GLNANDA"/>
    <m/>
    <s v="USD"/>
    <n v="-1098.19"/>
    <x v="1"/>
    <s v="NONBU"/>
    <s v="G0000110"/>
    <s v="ACT"/>
    <x v="0"/>
    <s v="974"/>
    <m/>
    <x v="0"/>
    <s v="GLBATCH"/>
    <n v="2022"/>
    <d v="2022-11-14T00:00:00"/>
    <d v="2022-11-14T15:22:41"/>
    <x v="1"/>
  </r>
  <r>
    <s v="110"/>
    <x v="165"/>
    <d v="2022-11-15T00:00:00"/>
    <s v="P"/>
    <s v="KY"/>
    <x v="0"/>
    <n v="11"/>
    <s v="10828"/>
    <s v="GLNANDA"/>
    <m/>
    <s v="USD"/>
    <n v="-745.9"/>
    <x v="1"/>
    <s v="NONBU"/>
    <s v="G0000110"/>
    <s v="ACT"/>
    <x v="0"/>
    <s v="974"/>
    <m/>
    <x v="0"/>
    <s v="GLBATCH"/>
    <n v="2022"/>
    <d v="2022-12-02T00:00:00"/>
    <d v="2022-12-02T08:39:05"/>
    <x v="1"/>
  </r>
  <r>
    <s v="110"/>
    <x v="166"/>
    <d v="2022-11-15T00:00:00"/>
    <s v="P"/>
    <s v="KY"/>
    <x v="0"/>
    <n v="11"/>
    <s v="10828"/>
    <s v="GLNANDA"/>
    <m/>
    <s v="USD"/>
    <n v="-2470.58"/>
    <x v="1"/>
    <s v="NONBU"/>
    <s v="G0000110"/>
    <s v="ACT"/>
    <x v="0"/>
    <s v="974"/>
    <m/>
    <x v="0"/>
    <s v="GLBATCH"/>
    <n v="2022"/>
    <d v="2022-12-01T00:00:00"/>
    <d v="2022-12-01T09:26:05"/>
    <x v="1"/>
  </r>
  <r>
    <s v="110"/>
    <x v="167"/>
    <d v="2022-11-15T00:00:00"/>
    <s v="P"/>
    <s v="KY"/>
    <x v="0"/>
    <n v="11"/>
    <s v="10828"/>
    <s v="GLNANDA"/>
    <m/>
    <s v="USD"/>
    <n v="-613.29999999999995"/>
    <x v="1"/>
    <s v="NONBU"/>
    <s v="G0000110"/>
    <s v="ACT"/>
    <x v="0"/>
    <s v="974"/>
    <m/>
    <x v="0"/>
    <s v="GLBATCH"/>
    <n v="2022"/>
    <d v="2022-11-30T00:00:00"/>
    <d v="2022-11-30T15:33:59"/>
    <x v="1"/>
  </r>
  <r>
    <s v="110"/>
    <x v="168"/>
    <d v="2022-11-15T00:00:00"/>
    <s v="P"/>
    <s v="KY"/>
    <x v="0"/>
    <n v="11"/>
    <s v="10828"/>
    <s v="GLNANDA"/>
    <m/>
    <s v="USD"/>
    <n v="-458.5"/>
    <x v="1"/>
    <s v="NONBU"/>
    <s v="G0000110"/>
    <s v="ACT"/>
    <x v="0"/>
    <s v="974"/>
    <m/>
    <x v="0"/>
    <s v="GLBATCH"/>
    <n v="2022"/>
    <d v="2022-11-30T00:00:00"/>
    <d v="2022-11-30T15:34:04"/>
    <x v="1"/>
  </r>
  <r>
    <s v="110"/>
    <x v="169"/>
    <d v="2022-11-15T00:00:00"/>
    <s v="P"/>
    <s v="KY"/>
    <x v="0"/>
    <n v="11"/>
    <s v="10828"/>
    <s v="GLNANDA"/>
    <m/>
    <s v="USD"/>
    <n v="-1876.63"/>
    <x v="1"/>
    <s v="NONBU"/>
    <s v="G0000110"/>
    <s v="ACT"/>
    <x v="0"/>
    <s v="974"/>
    <m/>
    <x v="0"/>
    <s v="GLBATCH"/>
    <n v="2022"/>
    <d v="2022-11-30T00:00:00"/>
    <d v="2022-11-30T15:34:00"/>
    <x v="1"/>
  </r>
  <r>
    <s v="110"/>
    <x v="170"/>
    <d v="2022-11-15T00:00:00"/>
    <s v="P"/>
    <s v="KY"/>
    <x v="0"/>
    <n v="11"/>
    <s v="10828"/>
    <s v="GLNANDA"/>
    <m/>
    <s v="USD"/>
    <n v="-715.85"/>
    <x v="1"/>
    <s v="NONBU"/>
    <s v="G0000110"/>
    <s v="ACT"/>
    <x v="0"/>
    <s v="974"/>
    <m/>
    <x v="0"/>
    <s v="GLBATCH"/>
    <n v="2022"/>
    <d v="2022-11-30T00:00:00"/>
    <d v="2022-11-30T15:34:01"/>
    <x v="1"/>
  </r>
  <r>
    <s v="110"/>
    <x v="171"/>
    <d v="2022-11-15T00:00:00"/>
    <s v="P"/>
    <s v="KY"/>
    <x v="0"/>
    <n v="11"/>
    <s v="10828"/>
    <s v="GLNANDA"/>
    <m/>
    <s v="USD"/>
    <n v="-1020.5"/>
    <x v="1"/>
    <s v="NONBU"/>
    <s v="G0000110"/>
    <s v="ACT"/>
    <x v="0"/>
    <s v="974"/>
    <m/>
    <x v="0"/>
    <s v="GLBATCH"/>
    <n v="2022"/>
    <d v="2022-11-14T00:00:00"/>
    <d v="2022-11-14T15:22:43"/>
    <x v="1"/>
  </r>
  <r>
    <s v="110"/>
    <x v="172"/>
    <d v="2022-11-15T00:00:00"/>
    <s v="P"/>
    <s v="KY"/>
    <x v="0"/>
    <n v="11"/>
    <s v="10828"/>
    <s v="GLNANDA"/>
    <m/>
    <s v="USD"/>
    <n v="-773.75"/>
    <x v="1"/>
    <s v="NONBU"/>
    <s v="G0000110"/>
    <s v="ACT"/>
    <x v="0"/>
    <s v="974"/>
    <m/>
    <x v="0"/>
    <s v="GLBATCH"/>
    <n v="2022"/>
    <d v="2022-11-14T00:00:00"/>
    <d v="2022-11-14T15:22:42"/>
    <x v="1"/>
  </r>
  <r>
    <s v="110"/>
    <x v="173"/>
    <d v="2022-11-15T00:00:00"/>
    <s v="P"/>
    <s v="KY"/>
    <x v="0"/>
    <n v="11"/>
    <s v="10828"/>
    <s v="GLNANDA"/>
    <m/>
    <s v="USD"/>
    <n v="-1031.1500000000001"/>
    <x v="1"/>
    <s v="NONBU"/>
    <s v="G0000110"/>
    <s v="ACT"/>
    <x v="0"/>
    <s v="974"/>
    <m/>
    <x v="0"/>
    <s v="GLBATCH"/>
    <n v="2022"/>
    <d v="2022-11-14T00:00:00"/>
    <d v="2022-11-14T15:22:42"/>
    <x v="1"/>
  </r>
  <r>
    <s v="110"/>
    <x v="174"/>
    <d v="2022-11-15T00:00:00"/>
    <s v="P"/>
    <s v="KY"/>
    <x v="0"/>
    <n v="11"/>
    <s v="10828"/>
    <s v="GLNANDA"/>
    <m/>
    <s v="USD"/>
    <n v="-1089.8399999999999"/>
    <x v="1"/>
    <s v="NONBU"/>
    <s v="G0000110"/>
    <s v="ACT"/>
    <x v="0"/>
    <s v="974"/>
    <m/>
    <x v="0"/>
    <s v="GLBATCH"/>
    <n v="2022"/>
    <d v="2022-11-30T00:00:00"/>
    <d v="2022-11-30T15:34:03"/>
    <x v="1"/>
  </r>
  <r>
    <s v="110"/>
    <x v="175"/>
    <d v="2022-11-15T00:00:00"/>
    <s v="P"/>
    <s v="KY"/>
    <x v="0"/>
    <n v="11"/>
    <s v="10828"/>
    <s v="GLNANDA"/>
    <m/>
    <s v="USD"/>
    <n v="-1340.69"/>
    <x v="1"/>
    <s v="NONBU"/>
    <s v="G0000110"/>
    <s v="ACT"/>
    <x v="0"/>
    <s v="974"/>
    <m/>
    <x v="0"/>
    <s v="GLBATCH"/>
    <n v="2022"/>
    <d v="2022-11-30T00:00:00"/>
    <d v="2022-11-30T15:34:02"/>
    <x v="1"/>
  </r>
  <r>
    <s v="110"/>
    <x v="22"/>
    <d v="2022-11-30T00:00:00"/>
    <s v="P"/>
    <s v="KY"/>
    <x v="0"/>
    <n v="11"/>
    <s v="99990"/>
    <s v="EDNANDA"/>
    <m/>
    <s v="USD"/>
    <n v="15355.9"/>
    <x v="2"/>
    <s v="DISTR"/>
    <s v="G0000110"/>
    <s v="ACT"/>
    <x v="1"/>
    <s v="974"/>
    <m/>
    <x v="0"/>
    <s v="S338178"/>
    <n v="2022"/>
    <d v="2022-12-07T00:00:00"/>
    <d v="2022-12-07T07:03:21"/>
    <x v="11"/>
  </r>
  <r>
    <s v="180"/>
    <x v="23"/>
    <d v="2022-11-30T00:00:00"/>
    <s v="P"/>
    <s v="KY"/>
    <x v="0"/>
    <n v="11"/>
    <s v="12753"/>
    <s v="GLNANDA"/>
    <m/>
    <s v="USD"/>
    <n v="0"/>
    <x v="3"/>
    <s v="NONBU"/>
    <s v="G0000180"/>
    <s v="ACT"/>
    <x v="1"/>
    <s v="35"/>
    <m/>
    <x v="0"/>
    <s v="S354820"/>
    <n v="2022"/>
    <d v="2022-11-30T00:00:00"/>
    <d v="2022-11-30T16:47:42"/>
    <x v="3"/>
  </r>
  <r>
    <s v="180"/>
    <x v="24"/>
    <d v="2022-11-30T00:00:00"/>
    <s v="P"/>
    <s v="KY"/>
    <x v="0"/>
    <n v="11"/>
    <s v="12753"/>
    <s v="GLNANDA"/>
    <m/>
    <s v="USD"/>
    <n v="-74.02"/>
    <x v="4"/>
    <s v="NONBU"/>
    <s v="G0000180"/>
    <s v="ACT"/>
    <x v="1"/>
    <s v="35"/>
    <m/>
    <x v="0"/>
    <s v="S354820"/>
    <n v="2022"/>
    <d v="2022-11-30T00:00:00"/>
    <d v="2022-11-30T16:48:13"/>
    <x v="4"/>
  </r>
  <r>
    <s v="110"/>
    <x v="176"/>
    <d v="2022-12-15T00:00:00"/>
    <s v="P"/>
    <s v="KY"/>
    <x v="0"/>
    <n v="12"/>
    <s v="10828"/>
    <s v="GLNANDA"/>
    <m/>
    <s v="USD"/>
    <n v="-1117.42"/>
    <x v="1"/>
    <s v="NONBU"/>
    <s v="G0000110"/>
    <s v="ACT"/>
    <x v="0"/>
    <s v="974"/>
    <m/>
    <x v="0"/>
    <s v="GLBATCH"/>
    <n v="2022"/>
    <d v="2023-01-03T00:00:00"/>
    <d v="2023-01-03T08:55:00"/>
    <x v="1"/>
  </r>
  <r>
    <s v="110"/>
    <x v="177"/>
    <d v="2022-12-15T00:00:00"/>
    <s v="P"/>
    <s v="KY"/>
    <x v="0"/>
    <n v="12"/>
    <s v="10828"/>
    <s v="GLNANDA"/>
    <m/>
    <s v="USD"/>
    <n v="-866.15"/>
    <x v="1"/>
    <s v="NONBU"/>
    <s v="G0000110"/>
    <s v="ACT"/>
    <x v="0"/>
    <s v="974"/>
    <m/>
    <x v="0"/>
    <s v="GLBATCH"/>
    <n v="2022"/>
    <d v="2023-01-03T00:00:00"/>
    <d v="2023-01-03T08:54:59"/>
    <x v="1"/>
  </r>
  <r>
    <s v="110"/>
    <x v="178"/>
    <d v="2022-12-15T00:00:00"/>
    <s v="P"/>
    <s v="KY"/>
    <x v="0"/>
    <n v="12"/>
    <s v="10828"/>
    <s v="GLNANDA"/>
    <m/>
    <s v="USD"/>
    <n v="-1178.92"/>
    <x v="1"/>
    <s v="NONBU"/>
    <s v="G0000110"/>
    <s v="ACT"/>
    <x v="0"/>
    <s v="974"/>
    <m/>
    <x v="0"/>
    <s v="GLBATCH"/>
    <n v="2022"/>
    <d v="2022-12-28T00:00:00"/>
    <d v="2022-12-28T06:43:25"/>
    <x v="1"/>
  </r>
  <r>
    <s v="110"/>
    <x v="179"/>
    <d v="2022-12-15T00:00:00"/>
    <s v="P"/>
    <s v="KY"/>
    <x v="0"/>
    <n v="12"/>
    <s v="10828"/>
    <s v="GLNANDA"/>
    <m/>
    <s v="USD"/>
    <n v="-840.12"/>
    <x v="1"/>
    <s v="NONBU"/>
    <s v="G0000110"/>
    <s v="ACT"/>
    <x v="0"/>
    <s v="974"/>
    <m/>
    <x v="0"/>
    <s v="GLBATCH"/>
    <n v="2022"/>
    <d v="2022-12-28T00:00:00"/>
    <d v="2022-12-28T06:02:45"/>
    <x v="1"/>
  </r>
  <r>
    <s v="110"/>
    <x v="180"/>
    <d v="2022-12-15T00:00:00"/>
    <s v="P"/>
    <s v="KY"/>
    <x v="0"/>
    <n v="12"/>
    <s v="10828"/>
    <s v="GLNANDA"/>
    <m/>
    <s v="USD"/>
    <n v="-327"/>
    <x v="1"/>
    <s v="NONBU"/>
    <s v="G0000110"/>
    <s v="ACT"/>
    <x v="0"/>
    <s v="974"/>
    <m/>
    <x v="0"/>
    <s v="GLBATCH"/>
    <n v="2022"/>
    <d v="2023-01-03T00:00:00"/>
    <d v="2023-01-03T08:55:02"/>
    <x v="1"/>
  </r>
  <r>
    <s v="110"/>
    <x v="181"/>
    <d v="2022-12-15T00:00:00"/>
    <s v="P"/>
    <s v="KY"/>
    <x v="0"/>
    <n v="12"/>
    <s v="10828"/>
    <s v="GLNANDA"/>
    <m/>
    <s v="USD"/>
    <n v="-362.75"/>
    <x v="1"/>
    <s v="NONBU"/>
    <s v="G0000110"/>
    <s v="ACT"/>
    <x v="0"/>
    <s v="974"/>
    <m/>
    <x v="0"/>
    <s v="GLBATCH"/>
    <n v="2022"/>
    <d v="2023-01-03T00:00:00"/>
    <d v="2023-01-03T08:55:01"/>
    <x v="1"/>
  </r>
  <r>
    <s v="110"/>
    <x v="182"/>
    <d v="2022-12-15T00:00:00"/>
    <s v="P"/>
    <s v="KY"/>
    <x v="0"/>
    <n v="12"/>
    <s v="10828"/>
    <s v="GLNANDA"/>
    <m/>
    <s v="USD"/>
    <n v="-1103.77"/>
    <x v="1"/>
    <s v="NONBU"/>
    <s v="G0000110"/>
    <s v="ACT"/>
    <x v="0"/>
    <s v="974"/>
    <m/>
    <x v="0"/>
    <s v="GLBATCH"/>
    <n v="2022"/>
    <d v="2023-01-03T00:00:00"/>
    <d v="2023-01-03T08:55:01"/>
    <x v="1"/>
  </r>
  <r>
    <s v="110"/>
    <x v="183"/>
    <d v="2022-12-15T00:00:00"/>
    <s v="P"/>
    <s v="KY"/>
    <x v="0"/>
    <n v="12"/>
    <s v="10828"/>
    <s v="GLNANDA"/>
    <m/>
    <s v="USD"/>
    <n v="-541.45000000000005"/>
    <x v="1"/>
    <s v="NONBU"/>
    <s v="G0000110"/>
    <s v="ACT"/>
    <x v="0"/>
    <s v="974"/>
    <m/>
    <x v="0"/>
    <s v="GLBATCH"/>
    <n v="2022"/>
    <d v="2022-12-28T00:00:00"/>
    <d v="2022-12-28T06:43:24"/>
    <x v="1"/>
  </r>
  <r>
    <s v="110"/>
    <x v="184"/>
    <d v="2022-12-15T00:00:00"/>
    <s v="P"/>
    <s v="KY"/>
    <x v="0"/>
    <n v="12"/>
    <s v="10828"/>
    <s v="GLNANDA"/>
    <m/>
    <s v="USD"/>
    <n v="-844.55"/>
    <x v="1"/>
    <s v="NONBU"/>
    <s v="G0000110"/>
    <s v="ACT"/>
    <x v="0"/>
    <s v="974"/>
    <m/>
    <x v="0"/>
    <s v="GLBATCH"/>
    <n v="2022"/>
    <d v="2023-01-03T00:00:00"/>
    <d v="2023-01-03T08:55:02"/>
    <x v="1"/>
  </r>
  <r>
    <s v="110"/>
    <x v="185"/>
    <d v="2022-12-15T00:00:00"/>
    <s v="P"/>
    <s v="KY"/>
    <x v="0"/>
    <n v="12"/>
    <s v="10828"/>
    <s v="GLNANDA"/>
    <m/>
    <s v="USD"/>
    <n v="-787.25"/>
    <x v="1"/>
    <s v="NONBU"/>
    <s v="G0000110"/>
    <s v="ACT"/>
    <x v="0"/>
    <s v="974"/>
    <m/>
    <x v="0"/>
    <s v="GLBATCH"/>
    <n v="2022"/>
    <d v="2023-01-03T00:00:00"/>
    <d v="2023-01-03T08:55:03"/>
    <x v="1"/>
  </r>
  <r>
    <s v="110"/>
    <x v="186"/>
    <d v="2022-12-15T00:00:00"/>
    <s v="P"/>
    <s v="KY"/>
    <x v="0"/>
    <n v="12"/>
    <s v="10828"/>
    <s v="GLNANDA"/>
    <m/>
    <s v="USD"/>
    <n v="-1037.81"/>
    <x v="1"/>
    <s v="NONBU"/>
    <s v="G0000110"/>
    <s v="ACT"/>
    <x v="0"/>
    <s v="974"/>
    <m/>
    <x v="0"/>
    <s v="GLBATCH"/>
    <n v="2022"/>
    <d v="2022-12-28T00:00:00"/>
    <d v="2022-12-28T06:43:26"/>
    <x v="1"/>
  </r>
  <r>
    <s v="110"/>
    <x v="187"/>
    <d v="2022-12-15T00:00:00"/>
    <s v="P"/>
    <s v="KY"/>
    <x v="0"/>
    <n v="12"/>
    <s v="10828"/>
    <s v="GLNANDA"/>
    <m/>
    <s v="USD"/>
    <n v="-432.22"/>
    <x v="1"/>
    <s v="NONBU"/>
    <s v="G0000110"/>
    <s v="ACT"/>
    <x v="0"/>
    <s v="974"/>
    <m/>
    <x v="0"/>
    <s v="GLBATCH"/>
    <n v="2022"/>
    <d v="2023-01-04T00:00:00"/>
    <d v="2023-01-04T06:28:47"/>
    <x v="1"/>
  </r>
  <r>
    <s v="110"/>
    <x v="188"/>
    <d v="2022-12-15T00:00:00"/>
    <s v="P"/>
    <s v="KY"/>
    <x v="0"/>
    <n v="12"/>
    <s v="10828"/>
    <s v="GLNANDA"/>
    <m/>
    <s v="USD"/>
    <n v="-427.65"/>
    <x v="1"/>
    <s v="NONBU"/>
    <s v="G0000110"/>
    <s v="ACT"/>
    <x v="0"/>
    <s v="974"/>
    <m/>
    <x v="0"/>
    <s v="GLBATCH"/>
    <n v="2022"/>
    <d v="2023-01-03T00:00:00"/>
    <d v="2023-01-03T08:55:01"/>
    <x v="1"/>
  </r>
  <r>
    <s v="110"/>
    <x v="189"/>
    <d v="2022-12-15T00:00:00"/>
    <s v="P"/>
    <s v="KY"/>
    <x v="0"/>
    <n v="12"/>
    <s v="10828"/>
    <s v="GLNANDA"/>
    <m/>
    <s v="USD"/>
    <n v="-594.65"/>
    <x v="1"/>
    <s v="NONBU"/>
    <s v="G0000110"/>
    <s v="ACT"/>
    <x v="0"/>
    <s v="974"/>
    <m/>
    <x v="0"/>
    <s v="GLBATCH"/>
    <n v="2022"/>
    <d v="2022-12-28T00:00:00"/>
    <d v="2022-12-28T06:43:26"/>
    <x v="1"/>
  </r>
  <r>
    <s v="110"/>
    <x v="190"/>
    <d v="2022-12-15T00:00:00"/>
    <s v="P"/>
    <s v="KY"/>
    <x v="0"/>
    <n v="12"/>
    <s v="10828"/>
    <s v="GLNANDA"/>
    <m/>
    <s v="USD"/>
    <n v="-865.52"/>
    <x v="1"/>
    <s v="NONBU"/>
    <s v="G0000110"/>
    <s v="ACT"/>
    <x v="0"/>
    <s v="974"/>
    <m/>
    <x v="0"/>
    <s v="GLBATCH"/>
    <n v="2022"/>
    <d v="2023-01-03T00:00:00"/>
    <d v="2023-01-03T08:54:58"/>
    <x v="1"/>
  </r>
  <r>
    <s v="110"/>
    <x v="191"/>
    <d v="2022-12-15T00:00:00"/>
    <s v="P"/>
    <s v="KY"/>
    <x v="0"/>
    <n v="12"/>
    <s v="10828"/>
    <s v="GLNANDA"/>
    <m/>
    <s v="USD"/>
    <n v="-532.45000000000005"/>
    <x v="1"/>
    <s v="NONBU"/>
    <s v="G0000110"/>
    <s v="ACT"/>
    <x v="0"/>
    <s v="974"/>
    <m/>
    <x v="0"/>
    <s v="GLBATCH"/>
    <n v="2022"/>
    <d v="2023-01-03T00:00:00"/>
    <d v="2023-01-03T08:55:03"/>
    <x v="1"/>
  </r>
  <r>
    <s v="110"/>
    <x v="192"/>
    <d v="2022-12-15T00:00:00"/>
    <s v="P"/>
    <s v="KY"/>
    <x v="0"/>
    <n v="12"/>
    <s v="10828"/>
    <s v="GLNANDA"/>
    <m/>
    <s v="USD"/>
    <n v="-311.82"/>
    <x v="1"/>
    <s v="NONBU"/>
    <s v="G0000110"/>
    <s v="ACT"/>
    <x v="0"/>
    <s v="974"/>
    <m/>
    <x v="0"/>
    <s v="GLBATCH"/>
    <n v="2022"/>
    <d v="2022-12-28T00:00:00"/>
    <d v="2022-12-28T06:02:11"/>
    <x v="1"/>
  </r>
  <r>
    <s v="110"/>
    <x v="193"/>
    <d v="2022-12-15T00:00:00"/>
    <s v="P"/>
    <s v="KY"/>
    <x v="0"/>
    <n v="12"/>
    <s v="10828"/>
    <s v="GLNANDA"/>
    <m/>
    <s v="USD"/>
    <n v="-859.42"/>
    <x v="1"/>
    <s v="NONBU"/>
    <s v="G0000110"/>
    <s v="ACT"/>
    <x v="0"/>
    <s v="974"/>
    <m/>
    <x v="0"/>
    <s v="GLBATCH"/>
    <n v="2022"/>
    <d v="2022-12-28T00:00:00"/>
    <d v="2022-12-28T06:43:25"/>
    <x v="1"/>
  </r>
  <r>
    <s v="110"/>
    <x v="194"/>
    <d v="2022-12-15T00:00:00"/>
    <s v="P"/>
    <s v="KY"/>
    <x v="0"/>
    <n v="12"/>
    <s v="10828"/>
    <s v="GLNANDA"/>
    <m/>
    <s v="USD"/>
    <n v="-1109.75"/>
    <x v="1"/>
    <s v="NONBU"/>
    <s v="G0000110"/>
    <s v="ACT"/>
    <x v="0"/>
    <s v="974"/>
    <m/>
    <x v="0"/>
    <s v="GLBATCH"/>
    <n v="2022"/>
    <d v="2023-01-03T00:00:00"/>
    <d v="2023-01-03T08:55:00"/>
    <x v="1"/>
  </r>
  <r>
    <s v="110"/>
    <x v="195"/>
    <d v="2022-12-15T00:00:00"/>
    <s v="P"/>
    <s v="KY"/>
    <x v="0"/>
    <n v="12"/>
    <s v="10828"/>
    <s v="GLNANDA"/>
    <m/>
    <s v="USD"/>
    <n v="-1105.67"/>
    <x v="1"/>
    <s v="NONBU"/>
    <s v="G0000110"/>
    <s v="ACT"/>
    <x v="0"/>
    <s v="974"/>
    <m/>
    <x v="0"/>
    <s v="GLBATCH"/>
    <n v="2022"/>
    <d v="2023-01-03T00:00:00"/>
    <d v="2023-01-03T08:54:59"/>
    <x v="1"/>
  </r>
  <r>
    <s v="110"/>
    <x v="22"/>
    <d v="2022-12-31T00:00:00"/>
    <s v="P"/>
    <s v="KY"/>
    <x v="0"/>
    <n v="12"/>
    <s v="99990"/>
    <s v="EDNANDA"/>
    <m/>
    <s v="USD"/>
    <n v="7358.27"/>
    <x v="2"/>
    <s v="DISTR"/>
    <s v="G0000110"/>
    <s v="ACT"/>
    <x v="1"/>
    <s v="974"/>
    <m/>
    <x v="0"/>
    <s v="S338178"/>
    <n v="2022"/>
    <d v="2023-01-07T00:00:00"/>
    <d v="2023-01-07T12:48:55"/>
    <x v="12"/>
  </r>
  <r>
    <s v="180"/>
    <x v="24"/>
    <d v="2022-12-31T00:00:00"/>
    <s v="P"/>
    <s v="KY"/>
    <x v="0"/>
    <n v="12"/>
    <s v="12753"/>
    <s v="GLNANDA"/>
    <m/>
    <s v="USD"/>
    <n v="-74.02"/>
    <x v="4"/>
    <s v="NONBU"/>
    <s v="G0000180"/>
    <s v="ACT"/>
    <x v="1"/>
    <s v="35"/>
    <m/>
    <x v="0"/>
    <s v="S354820"/>
    <n v="2022"/>
    <d v="2022-12-30T00:00:00"/>
    <d v="2022-12-30T16:29:41"/>
    <x v="4"/>
  </r>
  <r>
    <s v="180"/>
    <x v="23"/>
    <d v="2022-12-31T00:00:00"/>
    <s v="P"/>
    <s v="KY"/>
    <x v="0"/>
    <n v="12"/>
    <s v="12753"/>
    <s v="GLNANDA"/>
    <m/>
    <s v="USD"/>
    <n v="0"/>
    <x v="3"/>
    <s v="NONBU"/>
    <s v="G0000180"/>
    <s v="ACT"/>
    <x v="1"/>
    <s v="35"/>
    <m/>
    <x v="0"/>
    <s v="S354820"/>
    <n v="2022"/>
    <d v="2022-12-30T00:00:00"/>
    <d v="2022-12-30T16:29:09"/>
    <x v="3"/>
  </r>
  <r>
    <s v="110"/>
    <x v="196"/>
    <d v="2023-01-15T00:00:00"/>
    <s v="P"/>
    <s v="KY"/>
    <x v="0"/>
    <n v="1"/>
    <s v="10828"/>
    <s v="GLNANDA"/>
    <m/>
    <s v="USD"/>
    <n v="-502.2"/>
    <x v="1"/>
    <s v="NONBU"/>
    <s v="G0000110"/>
    <s v="ACT"/>
    <x v="0"/>
    <s v="974"/>
    <m/>
    <x v="0"/>
    <s v="GLBATCH"/>
    <n v="2023"/>
    <d v="2023-02-01T00:00:00"/>
    <d v="2023-02-01T07:36:12"/>
    <x v="1"/>
  </r>
  <r>
    <s v="110"/>
    <x v="197"/>
    <d v="2023-01-15T00:00:00"/>
    <s v="P"/>
    <s v="KY"/>
    <x v="0"/>
    <n v="1"/>
    <s v="10828"/>
    <s v="GLNANDA"/>
    <m/>
    <s v="USD"/>
    <n v="-750.06"/>
    <x v="1"/>
    <s v="NONBU"/>
    <s v="G0000110"/>
    <s v="ACT"/>
    <x v="0"/>
    <s v="974"/>
    <m/>
    <x v="0"/>
    <s v="GLBATCH"/>
    <n v="2023"/>
    <d v="2023-02-01T00:00:00"/>
    <d v="2023-02-01T07:28:14"/>
    <x v="1"/>
  </r>
  <r>
    <s v="110"/>
    <x v="198"/>
    <d v="2023-01-15T00:00:00"/>
    <s v="P"/>
    <s v="KY"/>
    <x v="0"/>
    <n v="1"/>
    <s v="10828"/>
    <s v="GLNANDA"/>
    <m/>
    <s v="USD"/>
    <n v="-907.15"/>
    <x v="1"/>
    <s v="NONBU"/>
    <s v="G0000110"/>
    <s v="ACT"/>
    <x v="0"/>
    <s v="974"/>
    <m/>
    <x v="0"/>
    <s v="GLBATCH"/>
    <n v="2023"/>
    <d v="2023-02-01T00:00:00"/>
    <d v="2023-02-01T07:36:12"/>
    <x v="1"/>
  </r>
  <r>
    <s v="110"/>
    <x v="199"/>
    <d v="2023-01-15T00:00:00"/>
    <s v="P"/>
    <s v="KY"/>
    <x v="0"/>
    <n v="1"/>
    <s v="10828"/>
    <s v="GLNANDA"/>
    <m/>
    <s v="USD"/>
    <n v="-853.47"/>
    <x v="1"/>
    <s v="NONBU"/>
    <s v="G0000110"/>
    <s v="ACT"/>
    <x v="0"/>
    <s v="974"/>
    <m/>
    <x v="0"/>
    <s v="GLBATCH"/>
    <n v="2023"/>
    <d v="2023-02-01T00:00:00"/>
    <d v="2023-02-01T07:28:15"/>
    <x v="1"/>
  </r>
  <r>
    <s v="110"/>
    <x v="200"/>
    <d v="2023-01-15T00:00:00"/>
    <s v="P"/>
    <s v="KY"/>
    <x v="0"/>
    <n v="1"/>
    <s v="10828"/>
    <s v="GLNANDA"/>
    <m/>
    <s v="USD"/>
    <n v="-575.22"/>
    <x v="1"/>
    <s v="NONBU"/>
    <s v="G0000110"/>
    <s v="ACT"/>
    <x v="0"/>
    <s v="974"/>
    <m/>
    <x v="0"/>
    <s v="GLBATCH"/>
    <n v="2023"/>
    <d v="2023-02-01T00:00:00"/>
    <d v="2023-02-01T07:36:13"/>
    <x v="1"/>
  </r>
  <r>
    <s v="110"/>
    <x v="201"/>
    <d v="2023-01-15T00:00:00"/>
    <s v="P"/>
    <s v="KY"/>
    <x v="0"/>
    <n v="1"/>
    <s v="10828"/>
    <s v="GLNANDA"/>
    <m/>
    <s v="USD"/>
    <n v="-456.45"/>
    <x v="1"/>
    <s v="NONBU"/>
    <s v="G0000110"/>
    <s v="ACT"/>
    <x v="0"/>
    <s v="974"/>
    <m/>
    <x v="0"/>
    <s v="GLBATCH"/>
    <n v="2023"/>
    <d v="2023-02-01T00:00:00"/>
    <d v="2023-02-01T07:36:13"/>
    <x v="1"/>
  </r>
  <r>
    <s v="110"/>
    <x v="202"/>
    <d v="2023-01-15T00:00:00"/>
    <s v="P"/>
    <s v="KY"/>
    <x v="0"/>
    <n v="1"/>
    <s v="10828"/>
    <s v="GLNANDA"/>
    <m/>
    <s v="USD"/>
    <n v="-1264.92"/>
    <x v="1"/>
    <s v="NONBU"/>
    <s v="G0000110"/>
    <s v="ACT"/>
    <x v="0"/>
    <s v="974"/>
    <m/>
    <x v="0"/>
    <s v="GLBATCH"/>
    <n v="2023"/>
    <d v="2023-01-11T00:00:00"/>
    <d v="2023-01-11T10:04:01"/>
    <x v="1"/>
  </r>
  <r>
    <s v="110"/>
    <x v="203"/>
    <d v="2023-01-15T00:00:00"/>
    <s v="P"/>
    <s v="KY"/>
    <x v="0"/>
    <n v="1"/>
    <s v="10828"/>
    <s v="GLNANDA"/>
    <m/>
    <s v="USD"/>
    <n v="-580.35"/>
    <x v="1"/>
    <s v="NONBU"/>
    <s v="G0000110"/>
    <s v="ACT"/>
    <x v="0"/>
    <s v="974"/>
    <m/>
    <x v="0"/>
    <s v="GLBATCH"/>
    <n v="2023"/>
    <d v="2023-02-01T00:00:00"/>
    <d v="2023-02-01T07:28:13"/>
    <x v="1"/>
  </r>
  <r>
    <s v="110"/>
    <x v="204"/>
    <d v="2023-01-15T00:00:00"/>
    <s v="P"/>
    <s v="KY"/>
    <x v="0"/>
    <n v="1"/>
    <s v="10828"/>
    <s v="GLNANDA"/>
    <m/>
    <s v="USD"/>
    <n v="-1310.01"/>
    <x v="1"/>
    <s v="NONBU"/>
    <s v="G0000110"/>
    <s v="ACT"/>
    <x v="0"/>
    <s v="974"/>
    <m/>
    <x v="0"/>
    <s v="GLBATCH"/>
    <n v="2023"/>
    <d v="2023-02-01T00:00:00"/>
    <d v="2023-02-01T07:36:14"/>
    <x v="1"/>
  </r>
  <r>
    <s v="110"/>
    <x v="205"/>
    <d v="2023-01-15T00:00:00"/>
    <s v="P"/>
    <s v="KY"/>
    <x v="0"/>
    <n v="1"/>
    <s v="10828"/>
    <s v="GLNANDA"/>
    <m/>
    <s v="USD"/>
    <n v="-657.3"/>
    <x v="1"/>
    <s v="NONBU"/>
    <s v="G0000110"/>
    <s v="ACT"/>
    <x v="0"/>
    <s v="974"/>
    <m/>
    <x v="0"/>
    <s v="GLBATCH"/>
    <n v="2023"/>
    <d v="2023-02-01T00:00:00"/>
    <d v="2023-02-01T07:28:13"/>
    <x v="1"/>
  </r>
  <r>
    <s v="110"/>
    <x v="206"/>
    <d v="2023-01-15T00:00:00"/>
    <s v="P"/>
    <s v="KY"/>
    <x v="0"/>
    <n v="1"/>
    <s v="10828"/>
    <s v="GLNANDA"/>
    <m/>
    <s v="USD"/>
    <n v="-433.23"/>
    <x v="1"/>
    <s v="NONBU"/>
    <s v="G0000110"/>
    <s v="ACT"/>
    <x v="0"/>
    <s v="974"/>
    <m/>
    <x v="0"/>
    <s v="GLBATCH"/>
    <n v="2023"/>
    <d v="2023-02-02T00:00:00"/>
    <d v="2023-02-02T14:14:32"/>
    <x v="1"/>
  </r>
  <r>
    <s v="110"/>
    <x v="207"/>
    <d v="2023-01-15T00:00:00"/>
    <s v="P"/>
    <s v="KY"/>
    <x v="0"/>
    <n v="1"/>
    <s v="10828"/>
    <s v="GLNANDA"/>
    <m/>
    <s v="USD"/>
    <n v="-125.1"/>
    <x v="1"/>
    <s v="NONBU"/>
    <s v="G0000110"/>
    <s v="ACT"/>
    <x v="0"/>
    <s v="974"/>
    <m/>
    <x v="0"/>
    <s v="GLBATCH"/>
    <n v="2023"/>
    <d v="2023-02-01T00:00:00"/>
    <d v="2023-02-01T07:28:15"/>
    <x v="1"/>
  </r>
  <r>
    <s v="110"/>
    <x v="208"/>
    <d v="2023-01-15T00:00:00"/>
    <s v="P"/>
    <s v="KY"/>
    <x v="0"/>
    <n v="1"/>
    <s v="10828"/>
    <s v="GLNANDA"/>
    <m/>
    <s v="USD"/>
    <n v="-802.89"/>
    <x v="1"/>
    <s v="NONBU"/>
    <s v="G0000110"/>
    <s v="ACT"/>
    <x v="0"/>
    <s v="974"/>
    <m/>
    <x v="0"/>
    <s v="GLBATCH"/>
    <n v="2023"/>
    <d v="2023-02-01T00:00:00"/>
    <d v="2023-02-01T07:28:16"/>
    <x v="1"/>
  </r>
  <r>
    <s v="110"/>
    <x v="209"/>
    <d v="2023-01-15T00:00:00"/>
    <s v="P"/>
    <s v="KY"/>
    <x v="0"/>
    <n v="1"/>
    <s v="10828"/>
    <s v="GLNANDA"/>
    <m/>
    <s v="USD"/>
    <n v="-801.73"/>
    <x v="1"/>
    <s v="NONBU"/>
    <s v="G0000110"/>
    <s v="ACT"/>
    <x v="0"/>
    <s v="974"/>
    <m/>
    <x v="0"/>
    <s v="GLBATCH"/>
    <n v="2023"/>
    <d v="2023-02-01T00:00:00"/>
    <d v="2023-02-01T07:28:15"/>
    <x v="1"/>
  </r>
  <r>
    <s v="110"/>
    <x v="210"/>
    <d v="2023-01-15T00:00:00"/>
    <s v="P"/>
    <s v="KY"/>
    <x v="0"/>
    <n v="1"/>
    <s v="10828"/>
    <s v="GLNANDA"/>
    <m/>
    <s v="USD"/>
    <n v="-501.65"/>
    <x v="1"/>
    <s v="NONBU"/>
    <s v="G0000110"/>
    <s v="ACT"/>
    <x v="0"/>
    <s v="974"/>
    <m/>
    <x v="0"/>
    <s v="GLBATCH"/>
    <n v="2023"/>
    <d v="2023-02-01T00:00:00"/>
    <d v="2023-02-01T07:28:15"/>
    <x v="1"/>
  </r>
  <r>
    <s v="110"/>
    <x v="211"/>
    <d v="2023-01-15T00:00:00"/>
    <s v="P"/>
    <s v="KY"/>
    <x v="0"/>
    <n v="1"/>
    <s v="10828"/>
    <s v="GLNANDA"/>
    <m/>
    <s v="USD"/>
    <n v="-668.6"/>
    <x v="1"/>
    <s v="NONBU"/>
    <s v="G0000110"/>
    <s v="ACT"/>
    <x v="0"/>
    <s v="974"/>
    <m/>
    <x v="0"/>
    <s v="GLBATCH"/>
    <n v="2023"/>
    <d v="2023-02-01T00:00:00"/>
    <d v="2023-02-01T07:36:15"/>
    <x v="1"/>
  </r>
  <r>
    <s v="110"/>
    <x v="212"/>
    <d v="2023-01-15T00:00:00"/>
    <s v="P"/>
    <s v="KY"/>
    <x v="0"/>
    <n v="1"/>
    <s v="10828"/>
    <s v="GLNANDA"/>
    <m/>
    <s v="USD"/>
    <n v="-1004.6"/>
    <x v="1"/>
    <s v="NONBU"/>
    <s v="G0000110"/>
    <s v="ACT"/>
    <x v="0"/>
    <s v="974"/>
    <m/>
    <x v="0"/>
    <s v="GLBATCH"/>
    <n v="2023"/>
    <d v="2023-02-01T00:00:00"/>
    <d v="2023-02-01T07:28:14"/>
    <x v="1"/>
  </r>
  <r>
    <s v="110"/>
    <x v="213"/>
    <d v="2023-01-15T00:00:00"/>
    <s v="P"/>
    <s v="KY"/>
    <x v="0"/>
    <n v="1"/>
    <s v="10828"/>
    <s v="GLNANDA"/>
    <m/>
    <s v="USD"/>
    <n v="-655.83"/>
    <x v="1"/>
    <s v="NONBU"/>
    <s v="G0000110"/>
    <s v="ACT"/>
    <x v="0"/>
    <s v="974"/>
    <m/>
    <x v="0"/>
    <s v="GLBATCH"/>
    <n v="2023"/>
    <d v="2023-02-01T00:00:00"/>
    <d v="2023-02-01T07:36:14"/>
    <x v="1"/>
  </r>
  <r>
    <s v="110"/>
    <x v="214"/>
    <d v="2023-01-15T00:00:00"/>
    <s v="P"/>
    <s v="KY"/>
    <x v="0"/>
    <n v="1"/>
    <s v="10828"/>
    <s v="GLNANDA"/>
    <m/>
    <s v="USD"/>
    <n v="-618.25"/>
    <x v="1"/>
    <s v="NONBU"/>
    <s v="G0000110"/>
    <s v="ACT"/>
    <x v="0"/>
    <s v="974"/>
    <m/>
    <x v="0"/>
    <s v="GLBATCH"/>
    <n v="2023"/>
    <d v="2023-02-01T00:00:00"/>
    <d v="2023-02-01T07:36:14"/>
    <x v="1"/>
  </r>
  <r>
    <s v="110"/>
    <x v="215"/>
    <d v="2023-01-15T00:00:00"/>
    <s v="P"/>
    <s v="KY"/>
    <x v="0"/>
    <n v="1"/>
    <s v="10828"/>
    <s v="GLNANDA"/>
    <m/>
    <s v="USD"/>
    <n v="-952.8"/>
    <x v="1"/>
    <s v="NONBU"/>
    <s v="G0000110"/>
    <s v="ACT"/>
    <x v="0"/>
    <s v="974"/>
    <m/>
    <x v="0"/>
    <s v="GLBATCH"/>
    <n v="2023"/>
    <d v="2023-01-11T00:00:00"/>
    <d v="2023-01-11T10:04:00"/>
    <x v="1"/>
  </r>
  <r>
    <s v="110"/>
    <x v="216"/>
    <d v="2023-01-15T00:00:00"/>
    <s v="P"/>
    <s v="KY"/>
    <x v="0"/>
    <n v="1"/>
    <s v="10828"/>
    <s v="GLNANDA"/>
    <m/>
    <s v="USD"/>
    <n v="-1021.43"/>
    <x v="1"/>
    <s v="NONBU"/>
    <s v="G0000110"/>
    <s v="ACT"/>
    <x v="0"/>
    <s v="974"/>
    <m/>
    <x v="0"/>
    <s v="GLBATCH"/>
    <n v="2023"/>
    <d v="2023-01-11T00:00:00"/>
    <d v="2023-01-11T10:04:01"/>
    <x v="1"/>
  </r>
  <r>
    <s v="110"/>
    <x v="22"/>
    <d v="2023-01-31T00:00:00"/>
    <s v="P"/>
    <s v="KY"/>
    <x v="0"/>
    <n v="1"/>
    <s v="99990"/>
    <s v="EDNANDA"/>
    <m/>
    <s v="USD"/>
    <n v="7026.04"/>
    <x v="2"/>
    <s v="DISTR"/>
    <s v="G0000110"/>
    <s v="ACT"/>
    <x v="1"/>
    <s v="974"/>
    <m/>
    <x v="0"/>
    <s v="S338178"/>
    <n v="2023"/>
    <d v="2023-02-06T00:00:00"/>
    <d v="2023-02-06T13:02:33"/>
    <x v="13"/>
  </r>
  <r>
    <s v="180"/>
    <x v="23"/>
    <d v="2023-01-31T00:00:00"/>
    <s v="P"/>
    <s v="KY"/>
    <x v="0"/>
    <n v="1"/>
    <s v="12753"/>
    <s v="GLNANDA"/>
    <m/>
    <s v="USD"/>
    <n v="0"/>
    <x v="3"/>
    <s v="NONBU"/>
    <s v="G0000180"/>
    <s v="ACT"/>
    <x v="1"/>
    <s v="35"/>
    <m/>
    <x v="0"/>
    <s v="S349806"/>
    <n v="2023"/>
    <d v="2023-02-01T00:00:00"/>
    <d v="2023-02-01T05:41:33"/>
    <x v="3"/>
  </r>
  <r>
    <s v="180"/>
    <x v="24"/>
    <d v="2023-01-31T00:00:00"/>
    <s v="P"/>
    <s v="KY"/>
    <x v="0"/>
    <n v="1"/>
    <s v="12753"/>
    <s v="GLNANDA"/>
    <m/>
    <s v="USD"/>
    <n v="-74.02"/>
    <x v="4"/>
    <s v="NONBU"/>
    <s v="G0000180"/>
    <s v="ACT"/>
    <x v="1"/>
    <s v="35"/>
    <m/>
    <x v="0"/>
    <s v="S349806"/>
    <n v="2023"/>
    <d v="2023-02-01T00:00:00"/>
    <d v="2023-02-01T07:49:08"/>
    <x v="4"/>
  </r>
  <r>
    <s v="110"/>
    <x v="217"/>
    <d v="2023-02-15T00:00:00"/>
    <s v="P"/>
    <s v="KY"/>
    <x v="0"/>
    <n v="2"/>
    <s v="10828"/>
    <s v="GLNANDA"/>
    <m/>
    <s v="USD"/>
    <n v="-683.95"/>
    <x v="1"/>
    <s v="NONBU"/>
    <s v="G0000110"/>
    <s v="ACT"/>
    <x v="0"/>
    <s v="974"/>
    <m/>
    <x v="0"/>
    <s v="GLBATCH"/>
    <n v="2023"/>
    <d v="2023-02-23T00:00:00"/>
    <d v="2023-02-23T02:36:42"/>
    <x v="1"/>
  </r>
  <r>
    <s v="110"/>
    <x v="218"/>
    <d v="2023-02-15T00:00:00"/>
    <s v="P"/>
    <s v="KY"/>
    <x v="0"/>
    <n v="2"/>
    <s v="10828"/>
    <s v="GLNANDA"/>
    <m/>
    <s v="USD"/>
    <n v="-1160.55"/>
    <x v="1"/>
    <s v="NONBU"/>
    <s v="G0000110"/>
    <s v="ACT"/>
    <x v="0"/>
    <s v="974"/>
    <m/>
    <x v="0"/>
    <s v="GLBATCH"/>
    <n v="2023"/>
    <d v="2023-03-01T00:00:00"/>
    <d v="2023-03-01T15:23:24"/>
    <x v="14"/>
  </r>
  <r>
    <s v="110"/>
    <x v="219"/>
    <d v="2023-02-15T00:00:00"/>
    <s v="P"/>
    <s v="KY"/>
    <x v="0"/>
    <n v="2"/>
    <s v="10828"/>
    <s v="GLNANDA"/>
    <m/>
    <s v="USD"/>
    <n v="-1098.95"/>
    <x v="1"/>
    <s v="NONBU"/>
    <s v="G0000110"/>
    <s v="ACT"/>
    <x v="0"/>
    <s v="974"/>
    <m/>
    <x v="0"/>
    <s v="GLBATCH"/>
    <n v="2023"/>
    <d v="2023-02-28T00:00:00"/>
    <d v="2023-02-28T15:06:49"/>
    <x v="15"/>
  </r>
  <r>
    <s v="110"/>
    <x v="220"/>
    <d v="2023-02-15T00:00:00"/>
    <s v="P"/>
    <s v="KY"/>
    <x v="0"/>
    <n v="2"/>
    <s v="10828"/>
    <s v="GLNANDA"/>
    <m/>
    <s v="USD"/>
    <n v="-696.85"/>
    <x v="1"/>
    <s v="NONBU"/>
    <s v="G0000110"/>
    <s v="ACT"/>
    <x v="0"/>
    <s v="974"/>
    <m/>
    <x v="0"/>
    <s v="GLBATCH"/>
    <n v="2023"/>
    <d v="2023-02-23T00:00:00"/>
    <d v="2023-02-23T02:36:41"/>
    <x v="1"/>
  </r>
  <r>
    <s v="110"/>
    <x v="221"/>
    <d v="2023-02-15T00:00:00"/>
    <s v="P"/>
    <s v="KY"/>
    <x v="0"/>
    <n v="2"/>
    <s v="10828"/>
    <s v="GLNANDA"/>
    <m/>
    <s v="USD"/>
    <n v="-472.2"/>
    <x v="1"/>
    <s v="NONBU"/>
    <s v="G0000110"/>
    <s v="ACT"/>
    <x v="0"/>
    <s v="974"/>
    <m/>
    <x v="0"/>
    <s v="GLBATCH"/>
    <n v="2023"/>
    <d v="2023-02-23T00:00:00"/>
    <d v="2023-02-23T02:36:42"/>
    <x v="1"/>
  </r>
  <r>
    <s v="110"/>
    <x v="222"/>
    <d v="2023-02-15T00:00:00"/>
    <s v="P"/>
    <s v="KY"/>
    <x v="0"/>
    <n v="2"/>
    <s v="10828"/>
    <s v="GLNANDA"/>
    <m/>
    <s v="USD"/>
    <n v="-1418.4"/>
    <x v="1"/>
    <s v="NONBU"/>
    <s v="G0000110"/>
    <s v="ACT"/>
    <x v="0"/>
    <s v="974"/>
    <m/>
    <x v="0"/>
    <s v="GLBATCH"/>
    <n v="2023"/>
    <d v="2023-02-23T00:00:00"/>
    <d v="2023-02-23T02:36:42"/>
    <x v="1"/>
  </r>
  <r>
    <s v="110"/>
    <x v="223"/>
    <d v="2023-02-15T00:00:00"/>
    <s v="P"/>
    <s v="KY"/>
    <x v="0"/>
    <n v="2"/>
    <s v="10828"/>
    <s v="GLNANDA"/>
    <m/>
    <s v="USD"/>
    <n v="-1021.8"/>
    <x v="1"/>
    <s v="NONBU"/>
    <s v="G0000110"/>
    <s v="ACT"/>
    <x v="0"/>
    <s v="974"/>
    <m/>
    <x v="0"/>
    <s v="GLBATCH"/>
    <n v="2023"/>
    <d v="2023-02-23T00:00:00"/>
    <d v="2023-02-23T11:01:45"/>
    <x v="1"/>
  </r>
  <r>
    <s v="110"/>
    <x v="224"/>
    <d v="2023-02-15T00:00:00"/>
    <s v="P"/>
    <s v="KY"/>
    <x v="0"/>
    <n v="2"/>
    <s v="10828"/>
    <s v="GLNANDA"/>
    <m/>
    <s v="USD"/>
    <n v="-954.01"/>
    <x v="1"/>
    <s v="NONBU"/>
    <s v="G0000110"/>
    <s v="ACT"/>
    <x v="0"/>
    <s v="974"/>
    <m/>
    <x v="0"/>
    <s v="GLBATCH"/>
    <n v="2023"/>
    <d v="2023-02-23T00:00:00"/>
    <d v="2023-02-23T02:36:41"/>
    <x v="1"/>
  </r>
  <r>
    <s v="110"/>
    <x v="225"/>
    <d v="2023-02-15T00:00:00"/>
    <s v="P"/>
    <s v="KY"/>
    <x v="0"/>
    <n v="2"/>
    <s v="10828"/>
    <s v="GLNANDA"/>
    <m/>
    <s v="USD"/>
    <n v="-1024.33"/>
    <x v="1"/>
    <s v="NONBU"/>
    <s v="G0000110"/>
    <s v="ACT"/>
    <x v="0"/>
    <s v="974"/>
    <m/>
    <x v="0"/>
    <s v="GLBATCH"/>
    <n v="2023"/>
    <d v="2023-02-28T00:00:00"/>
    <d v="2023-02-28T15:06:48"/>
    <x v="16"/>
  </r>
  <r>
    <s v="110"/>
    <x v="226"/>
    <d v="2023-02-15T00:00:00"/>
    <s v="P"/>
    <s v="KY"/>
    <x v="0"/>
    <n v="2"/>
    <s v="10828"/>
    <s v="GLNANDA"/>
    <m/>
    <s v="USD"/>
    <n v="-1089.73"/>
    <x v="1"/>
    <s v="NONBU"/>
    <s v="G0000110"/>
    <s v="ACT"/>
    <x v="0"/>
    <s v="974"/>
    <m/>
    <x v="0"/>
    <s v="GLBATCH"/>
    <n v="2023"/>
    <d v="2023-02-28T00:00:00"/>
    <d v="2023-02-28T15:06:45"/>
    <x v="17"/>
  </r>
  <r>
    <s v="110"/>
    <x v="227"/>
    <d v="2023-02-15T00:00:00"/>
    <s v="P"/>
    <s v="KY"/>
    <x v="0"/>
    <n v="2"/>
    <s v="10828"/>
    <s v="GLNANDA"/>
    <m/>
    <s v="USD"/>
    <n v="-310.75"/>
    <x v="1"/>
    <s v="NONBU"/>
    <s v="G0000110"/>
    <s v="ACT"/>
    <x v="0"/>
    <s v="974"/>
    <m/>
    <x v="0"/>
    <s v="GLBATCH"/>
    <n v="2023"/>
    <d v="2023-02-23T00:00:00"/>
    <d v="2023-02-23T02:36:38"/>
    <x v="1"/>
  </r>
  <r>
    <s v="110"/>
    <x v="228"/>
    <d v="2023-02-15T00:00:00"/>
    <s v="P"/>
    <s v="KY"/>
    <x v="0"/>
    <n v="2"/>
    <s v="10828"/>
    <s v="GLNANDA"/>
    <m/>
    <s v="USD"/>
    <n v="-616.6"/>
    <x v="1"/>
    <s v="NONBU"/>
    <s v="G0000110"/>
    <s v="ACT"/>
    <x v="0"/>
    <s v="974"/>
    <m/>
    <x v="0"/>
    <s v="GLBATCH"/>
    <n v="2023"/>
    <d v="2023-02-23T00:00:00"/>
    <d v="2023-02-23T02:36:40"/>
    <x v="1"/>
  </r>
  <r>
    <s v="110"/>
    <x v="229"/>
    <d v="2023-02-15T00:00:00"/>
    <s v="P"/>
    <s v="KY"/>
    <x v="0"/>
    <n v="2"/>
    <s v="10828"/>
    <s v="GLNANDA"/>
    <m/>
    <s v="USD"/>
    <n v="-560.70000000000005"/>
    <x v="1"/>
    <s v="NONBU"/>
    <s v="G0000110"/>
    <s v="ACT"/>
    <x v="0"/>
    <s v="974"/>
    <m/>
    <x v="0"/>
    <s v="GLBATCH"/>
    <n v="2023"/>
    <d v="2023-02-23T00:00:00"/>
    <d v="2023-02-23T02:36:38"/>
    <x v="1"/>
  </r>
  <r>
    <s v="110"/>
    <x v="230"/>
    <d v="2023-02-15T00:00:00"/>
    <s v="P"/>
    <s v="KY"/>
    <x v="0"/>
    <n v="2"/>
    <s v="10828"/>
    <s v="GLNANDA"/>
    <m/>
    <s v="USD"/>
    <n v="-1219.73"/>
    <x v="1"/>
    <s v="NONBU"/>
    <s v="G0000110"/>
    <s v="ACT"/>
    <x v="0"/>
    <s v="974"/>
    <m/>
    <x v="0"/>
    <s v="GLBATCH"/>
    <n v="2023"/>
    <d v="2023-02-23T00:00:00"/>
    <d v="2023-02-23T02:36:39"/>
    <x v="1"/>
  </r>
  <r>
    <s v="110"/>
    <x v="231"/>
    <d v="2023-02-15T00:00:00"/>
    <s v="P"/>
    <s v="KY"/>
    <x v="0"/>
    <n v="2"/>
    <s v="10828"/>
    <s v="GLNANDA"/>
    <m/>
    <s v="USD"/>
    <n v="-207"/>
    <x v="1"/>
    <s v="NONBU"/>
    <s v="G0000110"/>
    <s v="ACT"/>
    <x v="0"/>
    <s v="974"/>
    <m/>
    <x v="0"/>
    <s v="GLBATCH"/>
    <n v="2023"/>
    <d v="2023-02-23T00:00:00"/>
    <d v="2023-02-23T02:36:39"/>
    <x v="1"/>
  </r>
  <r>
    <s v="110"/>
    <x v="232"/>
    <d v="2023-02-15T00:00:00"/>
    <s v="P"/>
    <s v="KY"/>
    <x v="0"/>
    <n v="2"/>
    <s v="10828"/>
    <s v="GLNANDA"/>
    <m/>
    <s v="USD"/>
    <n v="-800.95"/>
    <x v="1"/>
    <s v="NONBU"/>
    <s v="G0000110"/>
    <s v="ACT"/>
    <x v="0"/>
    <s v="974"/>
    <m/>
    <x v="0"/>
    <s v="GLBATCH"/>
    <n v="2023"/>
    <d v="2023-02-23T00:00:00"/>
    <d v="2023-02-23T02:36:39"/>
    <x v="1"/>
  </r>
  <r>
    <s v="110"/>
    <x v="233"/>
    <d v="2023-02-15T00:00:00"/>
    <s v="P"/>
    <s v="KY"/>
    <x v="0"/>
    <n v="2"/>
    <s v="10828"/>
    <s v="GLNANDA"/>
    <m/>
    <s v="USD"/>
    <n v="-1049.5999999999999"/>
    <x v="1"/>
    <s v="NONBU"/>
    <s v="G0000110"/>
    <s v="ACT"/>
    <x v="0"/>
    <s v="974"/>
    <m/>
    <x v="0"/>
    <s v="GLBATCH"/>
    <n v="2023"/>
    <d v="2023-02-23T00:00:00"/>
    <d v="2023-02-23T02:36:42"/>
    <x v="1"/>
  </r>
  <r>
    <s v="110"/>
    <x v="234"/>
    <d v="2023-02-15T00:00:00"/>
    <s v="P"/>
    <s v="KY"/>
    <x v="0"/>
    <n v="2"/>
    <s v="10828"/>
    <s v="GLNANDA"/>
    <m/>
    <s v="USD"/>
    <n v="-1302.29"/>
    <x v="1"/>
    <s v="NONBU"/>
    <s v="G0000110"/>
    <s v="ACT"/>
    <x v="0"/>
    <s v="974"/>
    <m/>
    <x v="0"/>
    <s v="GLBATCH"/>
    <n v="2023"/>
    <d v="2023-02-23T00:00:00"/>
    <d v="2023-02-23T02:36:40"/>
    <x v="1"/>
  </r>
  <r>
    <s v="110"/>
    <x v="235"/>
    <d v="2023-02-15T00:00:00"/>
    <s v="P"/>
    <s v="KY"/>
    <x v="0"/>
    <n v="2"/>
    <s v="10828"/>
    <s v="GLNANDA"/>
    <m/>
    <s v="USD"/>
    <n v="-481.8"/>
    <x v="1"/>
    <s v="NONBU"/>
    <s v="G0000110"/>
    <s v="ACT"/>
    <x v="0"/>
    <s v="974"/>
    <m/>
    <x v="0"/>
    <s v="GLBATCH"/>
    <n v="2023"/>
    <d v="2023-02-23T00:00:00"/>
    <d v="2023-02-23T02:36:40"/>
    <x v="1"/>
  </r>
  <r>
    <s v="110"/>
    <x v="236"/>
    <d v="2023-02-15T00:00:00"/>
    <s v="P"/>
    <s v="KY"/>
    <x v="0"/>
    <n v="2"/>
    <s v="10828"/>
    <s v="GLNANDA"/>
    <m/>
    <s v="USD"/>
    <n v="-561.9"/>
    <x v="1"/>
    <s v="NONBU"/>
    <s v="G0000110"/>
    <s v="ACT"/>
    <x v="0"/>
    <s v="974"/>
    <m/>
    <x v="0"/>
    <s v="GLBATCH"/>
    <n v="2023"/>
    <d v="2023-02-23T00:00:00"/>
    <d v="2023-02-23T02:36:41"/>
    <x v="1"/>
  </r>
  <r>
    <s v="110"/>
    <x v="22"/>
    <d v="2023-02-28T00:00:00"/>
    <s v="P"/>
    <s v="KY"/>
    <x v="0"/>
    <n v="2"/>
    <s v="99990"/>
    <s v="EDNANDA"/>
    <m/>
    <s v="USD"/>
    <n v="3096.44"/>
    <x v="2"/>
    <s v="DISTR"/>
    <s v="G0000110"/>
    <s v="ACT"/>
    <x v="1"/>
    <s v="974"/>
    <m/>
    <x v="0"/>
    <s v="S338178"/>
    <n v="2023"/>
    <d v="2023-03-07T00:00:00"/>
    <d v="2023-03-07T11:10:59"/>
    <x v="18"/>
  </r>
  <r>
    <s v="180"/>
    <x v="23"/>
    <d v="2023-02-28T00:00:00"/>
    <s v="P"/>
    <s v="KY"/>
    <x v="0"/>
    <n v="2"/>
    <s v="12753"/>
    <s v="GLNANDA"/>
    <m/>
    <s v="USD"/>
    <n v="0"/>
    <x v="3"/>
    <s v="NONBU"/>
    <s v="G0000180"/>
    <s v="ACT"/>
    <x v="1"/>
    <s v="35"/>
    <m/>
    <x v="0"/>
    <s v="S349806"/>
    <n v="2023"/>
    <d v="2023-02-28T00:00:00"/>
    <d v="2023-02-28T11:21:12"/>
    <x v="3"/>
  </r>
  <r>
    <s v="180"/>
    <x v="24"/>
    <d v="2023-02-28T00:00:00"/>
    <s v="P"/>
    <s v="KY"/>
    <x v="0"/>
    <n v="2"/>
    <s v="12753"/>
    <s v="GLNANDA"/>
    <m/>
    <s v="USD"/>
    <n v="-74.02"/>
    <x v="4"/>
    <s v="NONBU"/>
    <s v="G0000180"/>
    <s v="ACT"/>
    <x v="1"/>
    <s v="35"/>
    <m/>
    <x v="0"/>
    <s v="S349806"/>
    <n v="2023"/>
    <d v="2023-02-28T00:00:00"/>
    <d v="2023-02-28T11:21:38"/>
    <x v="4"/>
  </r>
  <r>
    <s v="110"/>
    <x v="237"/>
    <d v="2023-03-15T00:00:00"/>
    <s v="P"/>
    <s v="KY"/>
    <x v="0"/>
    <n v="3"/>
    <s v="10828"/>
    <s v="GLNANDA"/>
    <m/>
    <s v="USD"/>
    <n v="-235.2"/>
    <x v="1"/>
    <s v="NONBU"/>
    <s v="G0000110"/>
    <s v="ACT"/>
    <x v="0"/>
    <s v="974"/>
    <m/>
    <x v="0"/>
    <s v="GLBATCH"/>
    <n v="2023"/>
    <d v="2023-03-30T00:00:00"/>
    <d v="2023-03-30T16:59:30"/>
    <x v="19"/>
  </r>
  <r>
    <s v="110"/>
    <x v="238"/>
    <d v="2023-03-15T00:00:00"/>
    <s v="P"/>
    <s v="KY"/>
    <x v="0"/>
    <n v="3"/>
    <s v="10828"/>
    <s v="GLNANDA"/>
    <m/>
    <s v="USD"/>
    <n v="-620.5"/>
    <x v="1"/>
    <s v="NONBU"/>
    <s v="G0000110"/>
    <s v="ACT"/>
    <x v="0"/>
    <s v="974"/>
    <m/>
    <x v="0"/>
    <s v="GLBATCH"/>
    <n v="2023"/>
    <d v="2023-03-28T00:00:00"/>
    <d v="2023-03-28T15:17:37"/>
    <x v="20"/>
  </r>
  <r>
    <s v="110"/>
    <x v="239"/>
    <d v="2023-03-15T00:00:00"/>
    <s v="P"/>
    <s v="KY"/>
    <x v="0"/>
    <n v="3"/>
    <s v="10828"/>
    <s v="GLNANDA"/>
    <m/>
    <s v="USD"/>
    <n v="-877.08"/>
    <x v="1"/>
    <s v="NONBU"/>
    <s v="G0000110"/>
    <s v="ACT"/>
    <x v="0"/>
    <s v="974"/>
    <m/>
    <x v="0"/>
    <s v="GLBATCH"/>
    <n v="2023"/>
    <d v="2023-03-28T00:00:00"/>
    <d v="2023-03-28T15:14:21"/>
    <x v="21"/>
  </r>
  <r>
    <s v="110"/>
    <x v="240"/>
    <d v="2023-03-15T00:00:00"/>
    <s v="P"/>
    <s v="KY"/>
    <x v="0"/>
    <n v="3"/>
    <s v="10828"/>
    <s v="GLNANDA"/>
    <m/>
    <s v="USD"/>
    <n v="-1174.5999999999999"/>
    <x v="1"/>
    <s v="NONBU"/>
    <s v="G0000110"/>
    <s v="ACT"/>
    <x v="0"/>
    <s v="974"/>
    <m/>
    <x v="0"/>
    <s v="GLBATCH"/>
    <n v="2023"/>
    <d v="2023-03-31T00:00:00"/>
    <d v="2023-03-31T15:33:29"/>
    <x v="22"/>
  </r>
  <r>
    <s v="110"/>
    <x v="241"/>
    <d v="2023-03-15T00:00:00"/>
    <s v="P"/>
    <s v="KY"/>
    <x v="0"/>
    <n v="3"/>
    <s v="10828"/>
    <s v="GLNANDA"/>
    <m/>
    <s v="USD"/>
    <n v="-1109.8499999999999"/>
    <x v="1"/>
    <s v="NONBU"/>
    <s v="G0000110"/>
    <s v="ACT"/>
    <x v="0"/>
    <s v="974"/>
    <m/>
    <x v="0"/>
    <s v="GLBATCH"/>
    <n v="2023"/>
    <d v="2023-03-31T00:00:00"/>
    <d v="2023-03-31T15:33:25"/>
    <x v="23"/>
  </r>
  <r>
    <s v="110"/>
    <x v="242"/>
    <d v="2023-03-15T00:00:00"/>
    <s v="P"/>
    <s v="KY"/>
    <x v="0"/>
    <n v="3"/>
    <s v="10828"/>
    <s v="GLNANDA"/>
    <m/>
    <s v="USD"/>
    <n v="-256.85000000000002"/>
    <x v="1"/>
    <s v="NONBU"/>
    <s v="G0000110"/>
    <s v="ACT"/>
    <x v="0"/>
    <s v="974"/>
    <m/>
    <x v="0"/>
    <s v="GLBATCH"/>
    <n v="2023"/>
    <d v="2023-03-30T00:00:00"/>
    <d v="2023-03-30T16:59:36"/>
    <x v="24"/>
  </r>
  <r>
    <s v="110"/>
    <x v="243"/>
    <d v="2023-03-15T00:00:00"/>
    <s v="P"/>
    <s v="KY"/>
    <x v="0"/>
    <n v="3"/>
    <s v="10828"/>
    <s v="GLNANDA"/>
    <m/>
    <s v="USD"/>
    <n v="-1033.6099999999999"/>
    <x v="1"/>
    <s v="NONBU"/>
    <s v="G0000110"/>
    <s v="ACT"/>
    <x v="0"/>
    <s v="974"/>
    <m/>
    <x v="0"/>
    <s v="GLBATCH"/>
    <n v="2023"/>
    <d v="2023-03-31T00:00:00"/>
    <d v="2023-03-31T15:33:27"/>
    <x v="25"/>
  </r>
  <r>
    <s v="110"/>
    <x v="244"/>
    <d v="2023-03-15T00:00:00"/>
    <s v="P"/>
    <s v="KY"/>
    <x v="0"/>
    <n v="3"/>
    <s v="10828"/>
    <s v="GLNANDA"/>
    <m/>
    <s v="USD"/>
    <n v="-1384.26"/>
    <x v="1"/>
    <s v="NONBU"/>
    <s v="G0000110"/>
    <s v="ACT"/>
    <x v="0"/>
    <s v="974"/>
    <m/>
    <x v="0"/>
    <s v="GLBATCH"/>
    <n v="2023"/>
    <d v="2023-03-28T00:00:00"/>
    <d v="2023-03-28T15:04:36"/>
    <x v="26"/>
  </r>
  <r>
    <s v="110"/>
    <x v="245"/>
    <d v="2023-03-15T00:00:00"/>
    <s v="P"/>
    <s v="KY"/>
    <x v="0"/>
    <n v="3"/>
    <s v="10828"/>
    <s v="GLNANDA"/>
    <m/>
    <s v="USD"/>
    <n v="-430.3"/>
    <x v="1"/>
    <s v="NONBU"/>
    <s v="G0000110"/>
    <s v="ACT"/>
    <x v="0"/>
    <s v="974"/>
    <m/>
    <x v="0"/>
    <s v="GLBATCH"/>
    <n v="2023"/>
    <d v="2023-03-30T00:00:00"/>
    <d v="2023-03-30T16:59:28"/>
    <x v="27"/>
  </r>
  <r>
    <s v="110"/>
    <x v="246"/>
    <d v="2023-03-15T00:00:00"/>
    <s v="P"/>
    <s v="KY"/>
    <x v="0"/>
    <n v="3"/>
    <s v="10828"/>
    <s v="GLNANDA"/>
    <m/>
    <s v="USD"/>
    <n v="-643.58000000000004"/>
    <x v="1"/>
    <s v="NONBU"/>
    <s v="G0000110"/>
    <s v="ACT"/>
    <x v="0"/>
    <s v="974"/>
    <m/>
    <x v="0"/>
    <s v="GLBATCH"/>
    <n v="2023"/>
    <d v="2023-03-30T00:00:00"/>
    <d v="2023-03-30T16:59:22"/>
    <x v="28"/>
  </r>
  <r>
    <s v="110"/>
    <x v="247"/>
    <d v="2023-03-15T00:00:00"/>
    <s v="P"/>
    <s v="KY"/>
    <x v="0"/>
    <n v="3"/>
    <s v="10828"/>
    <s v="GLNANDA"/>
    <m/>
    <s v="USD"/>
    <n v="-802.46"/>
    <x v="1"/>
    <s v="NONBU"/>
    <s v="G0000110"/>
    <s v="ACT"/>
    <x v="0"/>
    <s v="974"/>
    <m/>
    <x v="0"/>
    <s v="GLBATCH"/>
    <n v="2023"/>
    <d v="2023-03-30T00:00:00"/>
    <d v="2023-03-30T16:59:24"/>
    <x v="29"/>
  </r>
  <r>
    <s v="110"/>
    <x v="248"/>
    <d v="2023-03-15T00:00:00"/>
    <s v="P"/>
    <s v="KY"/>
    <x v="0"/>
    <n v="3"/>
    <s v="10828"/>
    <s v="GLNANDA"/>
    <m/>
    <s v="USD"/>
    <n v="-987.18"/>
    <x v="1"/>
    <s v="NONBU"/>
    <s v="G0000110"/>
    <s v="ACT"/>
    <x v="0"/>
    <s v="974"/>
    <m/>
    <x v="0"/>
    <s v="GLBATCH"/>
    <n v="2023"/>
    <d v="2023-03-30T00:00:00"/>
    <d v="2023-03-30T16:59:34"/>
    <x v="30"/>
  </r>
  <r>
    <s v="110"/>
    <x v="249"/>
    <d v="2023-03-15T00:00:00"/>
    <s v="P"/>
    <s v="KY"/>
    <x v="0"/>
    <n v="3"/>
    <s v="10828"/>
    <s v="GLNANDA"/>
    <m/>
    <s v="USD"/>
    <n v="-453.25"/>
    <x v="1"/>
    <s v="NONBU"/>
    <s v="G0000110"/>
    <s v="ACT"/>
    <x v="0"/>
    <s v="974"/>
    <m/>
    <x v="0"/>
    <s v="GLBATCH"/>
    <n v="2023"/>
    <d v="2023-03-30T00:00:00"/>
    <d v="2023-03-30T16:59:37"/>
    <x v="31"/>
  </r>
  <r>
    <s v="110"/>
    <x v="250"/>
    <d v="2023-03-15T00:00:00"/>
    <s v="P"/>
    <s v="KY"/>
    <x v="0"/>
    <n v="3"/>
    <s v="10828"/>
    <s v="GLNANDA"/>
    <m/>
    <s v="USD"/>
    <n v="-1981.17"/>
    <x v="1"/>
    <s v="NONBU"/>
    <s v="G0000110"/>
    <s v="ACT"/>
    <x v="0"/>
    <s v="974"/>
    <m/>
    <x v="0"/>
    <s v="GLBATCH"/>
    <n v="2023"/>
    <d v="2023-03-30T00:00:00"/>
    <d v="2023-03-30T16:59:41"/>
    <x v="32"/>
  </r>
  <r>
    <s v="110"/>
    <x v="251"/>
    <d v="2023-03-15T00:00:00"/>
    <s v="P"/>
    <s v="KY"/>
    <x v="0"/>
    <n v="3"/>
    <s v="10828"/>
    <s v="GLNANDA"/>
    <m/>
    <s v="USD"/>
    <n v="-794.75"/>
    <x v="1"/>
    <s v="NONBU"/>
    <s v="G0000110"/>
    <s v="ACT"/>
    <x v="0"/>
    <s v="974"/>
    <m/>
    <x v="0"/>
    <s v="GLBATCH"/>
    <n v="2023"/>
    <d v="2023-03-31T00:00:00"/>
    <d v="2023-03-31T15:33:31"/>
    <x v="33"/>
  </r>
  <r>
    <s v="110"/>
    <x v="252"/>
    <d v="2023-03-15T00:00:00"/>
    <s v="P"/>
    <s v="KY"/>
    <x v="0"/>
    <n v="3"/>
    <s v="10828"/>
    <s v="GLNANDA"/>
    <m/>
    <s v="USD"/>
    <n v="-471.38"/>
    <x v="1"/>
    <s v="NONBU"/>
    <s v="G0000110"/>
    <s v="ACT"/>
    <x v="0"/>
    <s v="974"/>
    <m/>
    <x v="0"/>
    <s v="GLBATCH"/>
    <n v="2023"/>
    <d v="2023-03-30T00:00:00"/>
    <d v="2023-03-30T16:59:26"/>
    <x v="34"/>
  </r>
  <r>
    <s v="110"/>
    <x v="253"/>
    <d v="2023-03-15T00:00:00"/>
    <s v="P"/>
    <s v="KY"/>
    <x v="0"/>
    <n v="3"/>
    <s v="10828"/>
    <s v="GLNANDA"/>
    <m/>
    <s v="USD"/>
    <n v="-1785.25"/>
    <x v="1"/>
    <s v="NONBU"/>
    <s v="G0000110"/>
    <s v="ACT"/>
    <x v="0"/>
    <s v="974"/>
    <m/>
    <x v="0"/>
    <s v="GLBATCH"/>
    <n v="2023"/>
    <d v="2023-03-30T00:00:00"/>
    <d v="2023-03-30T16:59:39"/>
    <x v="35"/>
  </r>
  <r>
    <s v="110"/>
    <x v="254"/>
    <d v="2023-03-15T00:00:00"/>
    <s v="P"/>
    <s v="KY"/>
    <x v="0"/>
    <n v="3"/>
    <s v="10828"/>
    <s v="GLNANDA"/>
    <m/>
    <s v="USD"/>
    <n v="-831.75"/>
    <x v="1"/>
    <s v="NONBU"/>
    <s v="G0000110"/>
    <s v="ACT"/>
    <x v="0"/>
    <s v="974"/>
    <m/>
    <x v="0"/>
    <s v="GLBATCH"/>
    <n v="2023"/>
    <d v="2023-03-31T00:00:00"/>
    <d v="2023-03-31T15:33:32"/>
    <x v="36"/>
  </r>
  <r>
    <s v="110"/>
    <x v="255"/>
    <d v="2023-03-15T00:00:00"/>
    <s v="P"/>
    <s v="KY"/>
    <x v="0"/>
    <n v="3"/>
    <s v="10828"/>
    <s v="GLNANDA"/>
    <m/>
    <s v="USD"/>
    <n v="-671.35"/>
    <x v="1"/>
    <s v="NONBU"/>
    <s v="G0000110"/>
    <s v="ACT"/>
    <x v="0"/>
    <s v="974"/>
    <m/>
    <x v="0"/>
    <s v="GLBATCH"/>
    <n v="2023"/>
    <d v="2023-04-03T00:00:00"/>
    <d v="2023-04-03T11:57:20"/>
    <x v="37"/>
  </r>
  <r>
    <s v="110"/>
    <x v="256"/>
    <d v="2023-03-15T00:00:00"/>
    <s v="P"/>
    <s v="KY"/>
    <x v="0"/>
    <n v="3"/>
    <s v="10828"/>
    <s v="GLNANDA"/>
    <m/>
    <s v="USD"/>
    <n v="-568.96"/>
    <x v="1"/>
    <s v="NONBU"/>
    <s v="G0000110"/>
    <s v="ACT"/>
    <x v="0"/>
    <s v="974"/>
    <m/>
    <x v="0"/>
    <s v="GLBATCH"/>
    <n v="2023"/>
    <d v="2023-03-30T00:00:00"/>
    <d v="2023-03-30T16:59:32"/>
    <x v="38"/>
  </r>
  <r>
    <s v="110"/>
    <x v="257"/>
    <d v="2023-03-15T00:00:00"/>
    <s v="P"/>
    <s v="KY"/>
    <x v="0"/>
    <n v="3"/>
    <s v="10828"/>
    <s v="GLNANDA"/>
    <m/>
    <s v="USD"/>
    <n v="-1708.36"/>
    <x v="1"/>
    <s v="NONBU"/>
    <s v="G0000110"/>
    <s v="ACT"/>
    <x v="0"/>
    <s v="974"/>
    <m/>
    <x v="0"/>
    <s v="GLBATCH"/>
    <n v="2023"/>
    <d v="2023-03-28T00:00:00"/>
    <d v="2023-03-28T15:14:19"/>
    <x v="39"/>
  </r>
  <r>
    <s v="110"/>
    <x v="258"/>
    <d v="2023-03-15T00:00:00"/>
    <s v="P"/>
    <s v="KY"/>
    <x v="0"/>
    <n v="3"/>
    <s v="10828"/>
    <s v="GLNANDA"/>
    <m/>
    <s v="USD"/>
    <n v="-469.93"/>
    <x v="1"/>
    <s v="NONBU"/>
    <s v="G0000110"/>
    <s v="ACT"/>
    <x v="0"/>
    <s v="974"/>
    <m/>
    <x v="0"/>
    <s v="GLBATCH"/>
    <n v="2023"/>
    <d v="2023-03-30T00:00:00"/>
    <d v="2023-03-30T16:59:19"/>
    <x v="40"/>
  </r>
  <r>
    <s v="110"/>
    <x v="259"/>
    <d v="2023-03-15T00:00:00"/>
    <s v="P"/>
    <s v="KY"/>
    <x v="0"/>
    <n v="3"/>
    <s v="10828"/>
    <s v="GLNANDA"/>
    <m/>
    <s v="USD"/>
    <n v="-475.55"/>
    <x v="1"/>
    <s v="NONBU"/>
    <s v="G0000110"/>
    <s v="ACT"/>
    <x v="0"/>
    <s v="974"/>
    <m/>
    <x v="0"/>
    <s v="GLBATCH"/>
    <n v="2023"/>
    <d v="2023-04-03T00:00:00"/>
    <d v="2023-04-03T11:57:23"/>
    <x v="41"/>
  </r>
  <r>
    <s v="110"/>
    <x v="22"/>
    <d v="2023-03-31T00:00:00"/>
    <s v="P"/>
    <s v="KY"/>
    <x v="0"/>
    <n v="3"/>
    <s v="99990"/>
    <s v="EDNANDA"/>
    <m/>
    <s v="USD"/>
    <n v="9409.98"/>
    <x v="2"/>
    <s v="DISTR"/>
    <s v="G0000110"/>
    <s v="ACT"/>
    <x v="1"/>
    <s v="974"/>
    <m/>
    <x v="0"/>
    <s v="S338178"/>
    <n v="2023"/>
    <d v="2023-04-07T00:00:00"/>
    <d v="2023-04-07T11:20:52"/>
    <x v="42"/>
  </r>
  <r>
    <s v="180"/>
    <x v="23"/>
    <d v="2023-03-31T00:00:00"/>
    <s v="P"/>
    <s v="KY"/>
    <x v="0"/>
    <n v="3"/>
    <s v="12753"/>
    <s v="GLNANDA"/>
    <m/>
    <s v="USD"/>
    <n v="0"/>
    <x v="3"/>
    <s v="NONBU"/>
    <s v="G0000180"/>
    <s v="ACT"/>
    <x v="1"/>
    <s v="35"/>
    <m/>
    <x v="0"/>
    <s v="S349806"/>
    <n v="2023"/>
    <d v="2023-04-03T00:00:00"/>
    <d v="2023-04-03T12:51:43"/>
    <x v="3"/>
  </r>
  <r>
    <s v="180"/>
    <x v="24"/>
    <d v="2023-03-31T00:00:00"/>
    <s v="P"/>
    <s v="KY"/>
    <x v="0"/>
    <n v="3"/>
    <s v="12753"/>
    <s v="GLNANDA"/>
    <m/>
    <s v="USD"/>
    <n v="-74.02"/>
    <x v="4"/>
    <s v="NONBU"/>
    <s v="G0000180"/>
    <s v="ACT"/>
    <x v="1"/>
    <s v="35"/>
    <m/>
    <x v="0"/>
    <s v="S349806"/>
    <n v="2023"/>
    <d v="2023-04-03T00:00:00"/>
    <d v="2023-04-03T12:52:07"/>
    <x v="4"/>
  </r>
  <r>
    <m/>
    <x v="260"/>
    <m/>
    <m/>
    <m/>
    <x v="1"/>
    <m/>
    <m/>
    <m/>
    <m/>
    <m/>
    <m/>
    <x v="5"/>
    <m/>
    <m/>
    <m/>
    <x v="2"/>
    <m/>
    <m/>
    <x v="0"/>
    <m/>
    <m/>
    <m/>
    <m/>
    <x v="43"/>
  </r>
  <r>
    <m/>
    <x v="260"/>
    <m/>
    <m/>
    <m/>
    <x v="1"/>
    <m/>
    <m/>
    <m/>
    <m/>
    <m/>
    <m/>
    <x v="5"/>
    <m/>
    <m/>
    <m/>
    <x v="2"/>
    <m/>
    <m/>
    <x v="0"/>
    <m/>
    <m/>
    <m/>
    <m/>
    <x v="43"/>
  </r>
</pivotCacheRecords>
</file>

<file path=xl/pivotCache/pivotCacheRecords2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254">
  <r>
    <s v="110"/>
    <s v="CAD6210420"/>
    <d v="2022-04-15T00:00:00"/>
    <s v="P"/>
    <s v="KY"/>
    <x v="0"/>
    <n v="4"/>
    <s v="10828"/>
    <s v="GLNANDA"/>
    <m/>
    <s v="USD"/>
    <n v="-36907.35"/>
    <x v="0"/>
    <s v="NONBU"/>
    <s v="G0000110"/>
    <s v="ACT"/>
    <s v="REV"/>
    <s v="974"/>
    <m/>
    <m/>
    <s v="GLBATCH"/>
    <n v="2022"/>
    <d v="2022-04-22T00:00:00"/>
    <d v="2022-04-22T16:39:04"/>
    <x v="0"/>
  </r>
  <r>
    <s v="110"/>
    <s v="CAD6210419"/>
    <d v="2022-04-15T00:00:00"/>
    <s v="P"/>
    <s v="KY"/>
    <x v="0"/>
    <n v="4"/>
    <s v="10828"/>
    <s v="GLNANDA"/>
    <m/>
    <s v="USD"/>
    <n v="2490.1"/>
    <x v="0"/>
    <s v="NONBU"/>
    <s v="G0000110"/>
    <s v="ACT"/>
    <s v="REV"/>
    <s v="974"/>
    <m/>
    <m/>
    <s v="GLBATCH"/>
    <n v="2022"/>
    <d v="2022-04-22T00:00:00"/>
    <d v="2022-04-22T16:39:04"/>
    <x v="0"/>
  </r>
  <r>
    <s v="110"/>
    <s v="CAD6210418"/>
    <d v="2022-04-15T00:00:00"/>
    <s v="P"/>
    <s v="KY"/>
    <x v="0"/>
    <n v="4"/>
    <s v="10828"/>
    <s v="GLNANDA"/>
    <m/>
    <s v="USD"/>
    <n v="-15912.51"/>
    <x v="0"/>
    <s v="NONBU"/>
    <s v="G0000110"/>
    <s v="ACT"/>
    <s v="REV"/>
    <s v="974"/>
    <m/>
    <m/>
    <s v="GLBATCH"/>
    <n v="2022"/>
    <d v="2022-04-22T00:00:00"/>
    <d v="2022-04-22T16:39:03"/>
    <x v="0"/>
  </r>
  <r>
    <s v="110"/>
    <s v="CAD6210411"/>
    <d v="2022-04-15T00:00:00"/>
    <s v="P"/>
    <s v="KY"/>
    <x v="0"/>
    <n v="4"/>
    <s v="10828"/>
    <s v="GLNANDA"/>
    <m/>
    <s v="USD"/>
    <n v="-2980.44"/>
    <x v="0"/>
    <s v="NONBU"/>
    <s v="G0000110"/>
    <s v="ACT"/>
    <s v="REV"/>
    <s v="974"/>
    <m/>
    <m/>
    <s v="GLBATCH"/>
    <n v="2022"/>
    <d v="2022-04-14T00:00:00"/>
    <d v="2022-04-14T07:58:00"/>
    <x v="0"/>
  </r>
  <r>
    <s v="110"/>
    <s v="CAD6210413"/>
    <d v="2022-04-15T00:00:00"/>
    <s v="P"/>
    <s v="KY"/>
    <x v="0"/>
    <n v="4"/>
    <s v="10828"/>
    <s v="GLNANDA"/>
    <m/>
    <s v="USD"/>
    <n v="-14814.03"/>
    <x v="0"/>
    <s v="NONBU"/>
    <s v="G0000110"/>
    <s v="ACT"/>
    <s v="REV"/>
    <s v="974"/>
    <m/>
    <m/>
    <s v="GLBATCH"/>
    <n v="2022"/>
    <d v="2022-04-22T00:00:00"/>
    <d v="2022-04-22T16:39:02"/>
    <x v="0"/>
  </r>
  <r>
    <s v="110"/>
    <s v="CAD6210412"/>
    <d v="2022-04-15T00:00:00"/>
    <s v="P"/>
    <s v="KY"/>
    <x v="0"/>
    <n v="4"/>
    <s v="10828"/>
    <s v="GLNANDA"/>
    <m/>
    <s v="USD"/>
    <n v="1064.8699999999999"/>
    <x v="0"/>
    <s v="NONBU"/>
    <s v="G0000110"/>
    <s v="ACT"/>
    <s v="REV"/>
    <s v="974"/>
    <m/>
    <m/>
    <s v="GLBATCH"/>
    <n v="2022"/>
    <d v="2022-04-14T00:00:00"/>
    <d v="2022-04-14T07:58:01"/>
    <x v="0"/>
  </r>
  <r>
    <s v="110"/>
    <s v="CAD6210427"/>
    <d v="2022-04-15T00:00:00"/>
    <s v="P"/>
    <s v="KY"/>
    <x v="0"/>
    <n v="4"/>
    <s v="10828"/>
    <s v="GLNANDA"/>
    <m/>
    <s v="USD"/>
    <n v="-8103.26"/>
    <x v="0"/>
    <s v="NONBU"/>
    <s v="G0000110"/>
    <s v="ACT"/>
    <s v="REV"/>
    <s v="974"/>
    <m/>
    <m/>
    <s v="GLBATCH"/>
    <n v="2022"/>
    <d v="2022-04-29T00:00:00"/>
    <d v="2022-04-29T16:21:04"/>
    <x v="0"/>
  </r>
  <r>
    <s v="110"/>
    <s v="CAD6210421"/>
    <d v="2022-04-15T00:00:00"/>
    <s v="P"/>
    <s v="KY"/>
    <x v="0"/>
    <n v="4"/>
    <s v="10828"/>
    <s v="GLNANDA"/>
    <m/>
    <s v="USD"/>
    <n v="-1032.24"/>
    <x v="0"/>
    <s v="NONBU"/>
    <s v="G0000110"/>
    <s v="ACT"/>
    <s v="REV"/>
    <s v="974"/>
    <m/>
    <m/>
    <s v="GLBATCH"/>
    <n v="2022"/>
    <d v="2022-04-29T00:00:00"/>
    <d v="2022-04-29T16:21:02"/>
    <x v="0"/>
  </r>
  <r>
    <s v="110"/>
    <s v="CAD6210429"/>
    <d v="2022-04-15T00:00:00"/>
    <s v="P"/>
    <s v="KY"/>
    <x v="0"/>
    <n v="4"/>
    <s v="10828"/>
    <s v="GLNANDA"/>
    <m/>
    <s v="USD"/>
    <n v="-6689.4"/>
    <x v="0"/>
    <s v="NONBU"/>
    <s v="G0000110"/>
    <s v="ACT"/>
    <s v="REV"/>
    <s v="974"/>
    <m/>
    <m/>
    <s v="GLBATCH"/>
    <n v="2022"/>
    <d v="2022-05-02T00:00:00"/>
    <d v="2022-05-02T14:33:39"/>
    <x v="0"/>
  </r>
  <r>
    <s v="110"/>
    <s v="CAD6210428"/>
    <d v="2022-04-15T00:00:00"/>
    <s v="P"/>
    <s v="KY"/>
    <x v="0"/>
    <n v="4"/>
    <s v="10828"/>
    <s v="GLNANDA"/>
    <m/>
    <s v="USD"/>
    <n v="-4063.97"/>
    <x v="0"/>
    <s v="NONBU"/>
    <s v="G0000110"/>
    <s v="ACT"/>
    <s v="REV"/>
    <s v="974"/>
    <m/>
    <m/>
    <s v="GLBATCH"/>
    <n v="2022"/>
    <d v="2022-05-02T00:00:00"/>
    <d v="2022-05-02T14:33:38"/>
    <x v="0"/>
  </r>
  <r>
    <s v="110"/>
    <s v="CAD6210404"/>
    <d v="2022-04-15T00:00:00"/>
    <s v="P"/>
    <s v="KY"/>
    <x v="0"/>
    <n v="4"/>
    <s v="10828"/>
    <s v="GLNANDA"/>
    <m/>
    <s v="USD"/>
    <n v="-8683.61"/>
    <x v="0"/>
    <s v="NONBU"/>
    <s v="G0000110"/>
    <s v="ACT"/>
    <s v="REV"/>
    <s v="974"/>
    <m/>
    <m/>
    <s v="GLBATCH"/>
    <n v="2022"/>
    <d v="2022-04-14T00:00:00"/>
    <d v="2022-04-14T07:57:57"/>
    <x v="0"/>
  </r>
  <r>
    <s v="110"/>
    <s v="CAD6210406"/>
    <d v="2022-04-15T00:00:00"/>
    <s v="P"/>
    <s v="KY"/>
    <x v="0"/>
    <n v="4"/>
    <s v="10828"/>
    <s v="GLNANDA"/>
    <m/>
    <s v="USD"/>
    <n v="-2143.6999999999998"/>
    <x v="0"/>
    <s v="NONBU"/>
    <s v="G0000110"/>
    <s v="ACT"/>
    <s v="REV"/>
    <s v="974"/>
    <m/>
    <m/>
    <s v="GLBATCH"/>
    <n v="2022"/>
    <d v="2022-04-14T00:00:00"/>
    <d v="2022-04-14T07:57:58"/>
    <x v="0"/>
  </r>
  <r>
    <s v="110"/>
    <s v="CAD6210408"/>
    <d v="2022-04-15T00:00:00"/>
    <s v="P"/>
    <s v="KY"/>
    <x v="0"/>
    <n v="4"/>
    <s v="10828"/>
    <s v="GLNANDA"/>
    <m/>
    <s v="USD"/>
    <n v="-2862.97"/>
    <x v="0"/>
    <s v="NONBU"/>
    <s v="G0000110"/>
    <s v="ACT"/>
    <s v="REV"/>
    <s v="974"/>
    <m/>
    <m/>
    <s v="GLBATCH"/>
    <n v="2022"/>
    <d v="2022-04-14T00:00:00"/>
    <d v="2022-04-14T07:57:59"/>
    <x v="0"/>
  </r>
  <r>
    <s v="110"/>
    <s v="CAD6210502"/>
    <d v="2022-04-15T00:00:00"/>
    <s v="P"/>
    <s v="KY"/>
    <x v="0"/>
    <n v="4"/>
    <s v="10828"/>
    <s v="GLNANDA"/>
    <m/>
    <s v="USD"/>
    <n v="-11170.62"/>
    <x v="0"/>
    <s v="NONBU"/>
    <s v="G0000110"/>
    <s v="ACT"/>
    <s v="REV"/>
    <s v="974"/>
    <m/>
    <m/>
    <s v="GLBATCH"/>
    <n v="2022"/>
    <d v="2022-05-03T00:00:00"/>
    <d v="2022-05-03T12:49:10"/>
    <x v="0"/>
  </r>
  <r>
    <s v="110"/>
    <s v="CAD6210405"/>
    <d v="2022-04-15T00:00:00"/>
    <s v="P"/>
    <s v="KY"/>
    <x v="0"/>
    <n v="4"/>
    <s v="10828"/>
    <s v="GLNANDA"/>
    <m/>
    <s v="USD"/>
    <n v="2426.1"/>
    <x v="0"/>
    <s v="NONBU"/>
    <s v="G0000110"/>
    <s v="ACT"/>
    <s v="REV"/>
    <s v="974"/>
    <m/>
    <m/>
    <s v="GLBATCH"/>
    <n v="2022"/>
    <d v="2022-04-14T00:00:00"/>
    <d v="2022-04-14T07:57:57"/>
    <x v="0"/>
  </r>
  <r>
    <s v="110"/>
    <s v="CAD6210425"/>
    <d v="2022-04-15T00:00:00"/>
    <s v="P"/>
    <s v="KY"/>
    <x v="0"/>
    <n v="4"/>
    <s v="10828"/>
    <s v="GLNANDA"/>
    <m/>
    <s v="USD"/>
    <n v="-11194.48"/>
    <x v="0"/>
    <s v="NONBU"/>
    <s v="G0000110"/>
    <s v="ACT"/>
    <s v="REV"/>
    <s v="974"/>
    <m/>
    <m/>
    <s v="GLBATCH"/>
    <n v="2022"/>
    <d v="2022-04-29T00:00:00"/>
    <d v="2022-04-29T16:21:03"/>
    <x v="0"/>
  </r>
  <r>
    <s v="110"/>
    <s v="CAD6210426"/>
    <d v="2022-04-15T00:00:00"/>
    <s v="P"/>
    <s v="KY"/>
    <x v="0"/>
    <n v="4"/>
    <s v="10828"/>
    <s v="GLNANDA"/>
    <m/>
    <s v="USD"/>
    <n v="-12079.39"/>
    <x v="0"/>
    <s v="NONBU"/>
    <s v="G0000110"/>
    <s v="ACT"/>
    <s v="REV"/>
    <s v="974"/>
    <m/>
    <m/>
    <s v="GLBATCH"/>
    <n v="2022"/>
    <d v="2022-04-29T00:00:00"/>
    <d v="2022-04-29T16:21:04"/>
    <x v="0"/>
  </r>
  <r>
    <s v="110"/>
    <s v="CAD6210414"/>
    <d v="2022-04-15T00:00:00"/>
    <s v="P"/>
    <s v="KY"/>
    <x v="0"/>
    <n v="4"/>
    <s v="10828"/>
    <s v="GLNANDA"/>
    <m/>
    <s v="USD"/>
    <n v="11124.58"/>
    <x v="0"/>
    <s v="NONBU"/>
    <s v="G0000110"/>
    <s v="ACT"/>
    <s v="REV"/>
    <s v="974"/>
    <m/>
    <m/>
    <s v="GLBATCH"/>
    <n v="2022"/>
    <d v="2022-04-22T00:00:00"/>
    <d v="2022-04-22T16:39:02"/>
    <x v="0"/>
  </r>
  <r>
    <s v="110"/>
    <s v="CAD6210422"/>
    <d v="2022-04-15T00:00:00"/>
    <s v="P"/>
    <s v="KY"/>
    <x v="0"/>
    <n v="4"/>
    <s v="10828"/>
    <s v="GLNANDA"/>
    <m/>
    <s v="USD"/>
    <n v="-5722.81"/>
    <x v="0"/>
    <s v="NONBU"/>
    <s v="G0000110"/>
    <s v="ACT"/>
    <s v="REV"/>
    <s v="974"/>
    <m/>
    <m/>
    <s v="GLBATCH"/>
    <n v="2022"/>
    <d v="2022-04-29T00:00:00"/>
    <d v="2022-04-29T16:21:02"/>
    <x v="0"/>
  </r>
  <r>
    <s v="110"/>
    <s v="CAD6210407"/>
    <d v="2022-04-15T00:00:00"/>
    <s v="P"/>
    <s v="KY"/>
    <x v="0"/>
    <n v="4"/>
    <s v="10828"/>
    <s v="GLNANDA"/>
    <m/>
    <s v="USD"/>
    <n v="-7394.73"/>
    <x v="0"/>
    <s v="NONBU"/>
    <s v="G0000110"/>
    <s v="ACT"/>
    <s v="REV"/>
    <s v="974"/>
    <m/>
    <m/>
    <s v="GLBATCH"/>
    <n v="2022"/>
    <d v="2022-04-14T00:00:00"/>
    <d v="2022-04-14T07:57:59"/>
    <x v="0"/>
  </r>
  <r>
    <s v="110"/>
    <s v="CAD6210503"/>
    <d v="2022-05-15T00:00:00"/>
    <s v="P"/>
    <s v="KY"/>
    <x v="0"/>
    <n v="5"/>
    <s v="10828"/>
    <s v="GLNANDA"/>
    <m/>
    <s v="USD"/>
    <n v="10573.91"/>
    <x v="0"/>
    <s v="NONBU"/>
    <s v="G0000110"/>
    <s v="ACT"/>
    <s v="REV"/>
    <s v="974"/>
    <m/>
    <m/>
    <s v="GLBATCH"/>
    <n v="2022"/>
    <d v="2022-05-19T00:00:00"/>
    <d v="2022-05-19T17:06:12"/>
    <x v="0"/>
  </r>
  <r>
    <s v="110"/>
    <s v="CAD6210505"/>
    <d v="2022-05-15T00:00:00"/>
    <s v="P"/>
    <s v="KY"/>
    <x v="0"/>
    <n v="5"/>
    <s v="10828"/>
    <s v="GLNANDA"/>
    <m/>
    <s v="USD"/>
    <n v="-2756.64"/>
    <x v="0"/>
    <s v="NONBU"/>
    <s v="G0000110"/>
    <s v="ACT"/>
    <s v="REV"/>
    <s v="974"/>
    <m/>
    <m/>
    <s v="GLBATCH"/>
    <n v="2022"/>
    <d v="2022-05-19T00:00:00"/>
    <d v="2022-05-19T17:06:14"/>
    <x v="0"/>
  </r>
  <r>
    <s v="110"/>
    <s v="CAD6210510"/>
    <d v="2022-05-15T00:00:00"/>
    <s v="P"/>
    <s v="KY"/>
    <x v="0"/>
    <n v="5"/>
    <s v="10828"/>
    <s v="GLNANDA"/>
    <m/>
    <s v="USD"/>
    <n v="-1033.07"/>
    <x v="0"/>
    <s v="NONBU"/>
    <s v="G0000110"/>
    <s v="ACT"/>
    <s v="REV"/>
    <s v="974"/>
    <m/>
    <m/>
    <s v="GLBATCH"/>
    <n v="2022"/>
    <d v="2022-05-19T00:00:00"/>
    <d v="2022-05-19T17:06:16"/>
    <x v="0"/>
  </r>
  <r>
    <s v="110"/>
    <s v="CAD6210512"/>
    <d v="2022-05-15T00:00:00"/>
    <s v="P"/>
    <s v="KY"/>
    <x v="0"/>
    <n v="5"/>
    <s v="10828"/>
    <s v="GLNANDA"/>
    <m/>
    <s v="USD"/>
    <n v="9725.89"/>
    <x v="0"/>
    <s v="NONBU"/>
    <s v="G0000110"/>
    <s v="ACT"/>
    <s v="REV"/>
    <s v="974"/>
    <m/>
    <m/>
    <s v="GLBATCH"/>
    <n v="2022"/>
    <d v="2022-05-31T00:00:00"/>
    <d v="2022-05-31T17:08:48"/>
    <x v="0"/>
  </r>
  <r>
    <s v="110"/>
    <s v="CAD6210516"/>
    <d v="2022-05-15T00:00:00"/>
    <s v="P"/>
    <s v="KY"/>
    <x v="0"/>
    <n v="5"/>
    <s v="10828"/>
    <s v="GLNANDA"/>
    <m/>
    <s v="USD"/>
    <n v="-4410.95"/>
    <x v="0"/>
    <s v="NONBU"/>
    <s v="G0000110"/>
    <s v="ACT"/>
    <s v="REV"/>
    <s v="974"/>
    <m/>
    <m/>
    <s v="GLBATCH"/>
    <n v="2022"/>
    <d v="2022-05-31T00:00:00"/>
    <d v="2022-05-31T17:08:50"/>
    <x v="0"/>
  </r>
  <r>
    <s v="110"/>
    <s v="CAD6210511"/>
    <d v="2022-05-15T00:00:00"/>
    <s v="P"/>
    <s v="KY"/>
    <x v="0"/>
    <n v="5"/>
    <s v="10828"/>
    <s v="GLNANDA"/>
    <m/>
    <s v="USD"/>
    <n v="-13696.93"/>
    <x v="0"/>
    <s v="NONBU"/>
    <s v="G0000110"/>
    <s v="ACT"/>
    <s v="REV"/>
    <s v="974"/>
    <m/>
    <m/>
    <s v="GLBATCH"/>
    <n v="2022"/>
    <d v="2022-05-19T00:00:00"/>
    <d v="2022-05-19T17:06:16"/>
    <x v="0"/>
  </r>
  <r>
    <s v="110"/>
    <s v="CAD6210506"/>
    <d v="2022-05-15T00:00:00"/>
    <s v="P"/>
    <s v="KY"/>
    <x v="0"/>
    <n v="5"/>
    <s v="10828"/>
    <s v="GLNANDA"/>
    <m/>
    <s v="USD"/>
    <n v="-1725.46"/>
    <x v="0"/>
    <s v="NONBU"/>
    <s v="G0000110"/>
    <s v="ACT"/>
    <s v="REV"/>
    <s v="974"/>
    <m/>
    <m/>
    <s v="GLBATCH"/>
    <n v="2022"/>
    <d v="2022-05-19T00:00:00"/>
    <d v="2022-05-19T17:06:14"/>
    <x v="0"/>
  </r>
  <r>
    <s v="110"/>
    <s v="CAD6210504"/>
    <d v="2022-05-15T00:00:00"/>
    <s v="P"/>
    <s v="KY"/>
    <x v="0"/>
    <n v="5"/>
    <s v="10828"/>
    <s v="GLNANDA"/>
    <m/>
    <s v="USD"/>
    <n v="26814.58"/>
    <x v="0"/>
    <s v="NONBU"/>
    <s v="G0000110"/>
    <s v="ACT"/>
    <s v="REV"/>
    <s v="974"/>
    <m/>
    <m/>
    <s v="GLBATCH"/>
    <n v="2022"/>
    <d v="2022-05-19T00:00:00"/>
    <d v="2022-05-19T17:06:13"/>
    <x v="0"/>
  </r>
  <r>
    <s v="110"/>
    <s v="CAD6210517"/>
    <d v="2022-05-15T00:00:00"/>
    <s v="P"/>
    <s v="KY"/>
    <x v="0"/>
    <n v="5"/>
    <s v="10828"/>
    <s v="GLNANDA"/>
    <m/>
    <s v="USD"/>
    <n v="80.25"/>
    <x v="0"/>
    <s v="NONBU"/>
    <s v="G0000110"/>
    <s v="ACT"/>
    <s v="REV"/>
    <s v="974"/>
    <m/>
    <m/>
    <s v="GLBATCH"/>
    <n v="2022"/>
    <d v="2022-05-31T00:00:00"/>
    <d v="2022-05-31T17:08:50"/>
    <x v="0"/>
  </r>
  <r>
    <s v="110"/>
    <s v="CAD6210518"/>
    <d v="2022-05-15T00:00:00"/>
    <s v="P"/>
    <s v="KY"/>
    <x v="0"/>
    <n v="5"/>
    <s v="10828"/>
    <s v="GLNANDA"/>
    <m/>
    <s v="USD"/>
    <n v="-44647.92"/>
    <x v="0"/>
    <s v="NONBU"/>
    <s v="G0000110"/>
    <s v="ACT"/>
    <s v="REV"/>
    <s v="974"/>
    <m/>
    <m/>
    <s v="GLBATCH"/>
    <n v="2022"/>
    <d v="2022-05-31T00:00:00"/>
    <d v="2022-05-31T17:08:51"/>
    <x v="0"/>
  </r>
  <r>
    <s v="110"/>
    <s v="CAD6210524"/>
    <d v="2022-05-15T00:00:00"/>
    <s v="P"/>
    <s v="KY"/>
    <x v="0"/>
    <n v="5"/>
    <s v="10828"/>
    <s v="GLNANDA"/>
    <m/>
    <s v="USD"/>
    <n v="3631.3"/>
    <x v="0"/>
    <s v="NONBU"/>
    <s v="G0000110"/>
    <s v="ACT"/>
    <s v="REV"/>
    <s v="974"/>
    <m/>
    <m/>
    <s v="GLBATCH"/>
    <n v="2022"/>
    <d v="2022-05-31T00:00:00"/>
    <d v="2022-05-31T17:08:53"/>
    <x v="0"/>
  </r>
  <r>
    <s v="110"/>
    <s v="CAD6210520"/>
    <d v="2022-05-15T00:00:00"/>
    <s v="P"/>
    <s v="KY"/>
    <x v="0"/>
    <n v="5"/>
    <s v="10828"/>
    <s v="GLNANDA"/>
    <m/>
    <s v="USD"/>
    <n v="-8226.2800000000007"/>
    <x v="0"/>
    <s v="NONBU"/>
    <s v="G0000110"/>
    <s v="ACT"/>
    <s v="REV"/>
    <s v="974"/>
    <m/>
    <m/>
    <s v="GLBATCH"/>
    <n v="2022"/>
    <d v="2022-05-31T00:00:00"/>
    <d v="2022-05-31T17:08:52"/>
    <x v="0"/>
  </r>
  <r>
    <s v="110"/>
    <s v="CAD6210526"/>
    <d v="2022-05-15T00:00:00"/>
    <s v="P"/>
    <s v="KY"/>
    <x v="0"/>
    <n v="5"/>
    <s v="10828"/>
    <s v="GLNANDA"/>
    <m/>
    <s v="USD"/>
    <n v="-2845.95"/>
    <x v="0"/>
    <s v="NONBU"/>
    <s v="G0000110"/>
    <s v="ACT"/>
    <s v="REV"/>
    <s v="974"/>
    <m/>
    <m/>
    <s v="GLBATCH"/>
    <n v="2022"/>
    <d v="2022-05-31T00:00:00"/>
    <d v="2022-05-31T17:08:54"/>
    <x v="0"/>
  </r>
  <r>
    <s v="110"/>
    <s v="CAD6210523"/>
    <d v="2022-05-15T00:00:00"/>
    <s v="P"/>
    <s v="KY"/>
    <x v="0"/>
    <n v="5"/>
    <s v="10828"/>
    <s v="GLNANDA"/>
    <m/>
    <s v="USD"/>
    <n v="3616.87"/>
    <x v="0"/>
    <s v="NONBU"/>
    <s v="G0000110"/>
    <s v="ACT"/>
    <s v="REV"/>
    <s v="974"/>
    <m/>
    <m/>
    <s v="GLBATCH"/>
    <n v="2022"/>
    <d v="2022-05-31T00:00:00"/>
    <d v="2022-05-31T17:08:53"/>
    <x v="0"/>
  </r>
  <r>
    <s v="110"/>
    <s v="CAD6210601"/>
    <d v="2022-05-15T00:00:00"/>
    <s v="P"/>
    <s v="KY"/>
    <x v="0"/>
    <n v="5"/>
    <s v="10828"/>
    <s v="GLNANDA"/>
    <m/>
    <s v="USD"/>
    <n v="-55.23"/>
    <x v="0"/>
    <s v="NONBU"/>
    <s v="G0000110"/>
    <s v="ACT"/>
    <s v="REV"/>
    <s v="974"/>
    <m/>
    <m/>
    <s v="GLBATCH"/>
    <n v="2022"/>
    <d v="2022-06-02T00:00:00"/>
    <d v="2022-06-02T11:14:52"/>
    <x v="0"/>
  </r>
  <r>
    <s v="110"/>
    <s v="CAD6210513"/>
    <d v="2022-05-15T00:00:00"/>
    <s v="P"/>
    <s v="KY"/>
    <x v="0"/>
    <n v="5"/>
    <s v="10828"/>
    <s v="GLNANDA"/>
    <m/>
    <s v="USD"/>
    <n v="-9689.7199999999993"/>
    <x v="0"/>
    <s v="NONBU"/>
    <s v="G0000110"/>
    <s v="ACT"/>
    <s v="REV"/>
    <s v="974"/>
    <m/>
    <m/>
    <s v="GLBATCH"/>
    <n v="2022"/>
    <d v="2022-05-31T00:00:00"/>
    <d v="2022-05-31T17:08:49"/>
    <x v="0"/>
  </r>
  <r>
    <s v="110"/>
    <s v="CAD6210509"/>
    <d v="2022-05-15T00:00:00"/>
    <s v="P"/>
    <s v="KY"/>
    <x v="0"/>
    <n v="5"/>
    <s v="10828"/>
    <s v="GLNANDA"/>
    <m/>
    <s v="USD"/>
    <n v="-9220.9500000000007"/>
    <x v="0"/>
    <s v="NONBU"/>
    <s v="G0000110"/>
    <s v="ACT"/>
    <s v="REV"/>
    <s v="974"/>
    <m/>
    <m/>
    <s v="GLBATCH"/>
    <n v="2022"/>
    <d v="2022-05-19T00:00:00"/>
    <d v="2022-05-19T17:06:15"/>
    <x v="0"/>
  </r>
  <r>
    <s v="110"/>
    <s v="CAD6210531"/>
    <d v="2022-05-15T00:00:00"/>
    <s v="P"/>
    <s v="KY"/>
    <x v="0"/>
    <n v="5"/>
    <s v="10828"/>
    <s v="GLNANDA"/>
    <m/>
    <s v="USD"/>
    <n v="-9693.8700000000008"/>
    <x v="0"/>
    <s v="NONBU"/>
    <s v="G0000110"/>
    <s v="ACT"/>
    <s v="REV"/>
    <s v="974"/>
    <m/>
    <m/>
    <s v="GLBATCH"/>
    <n v="2022"/>
    <d v="2022-06-01T00:00:00"/>
    <d v="2022-06-01T16:53:37"/>
    <x v="0"/>
  </r>
  <r>
    <s v="110"/>
    <s v="CAD6210519"/>
    <d v="2022-05-15T00:00:00"/>
    <s v="P"/>
    <s v="KY"/>
    <x v="0"/>
    <n v="5"/>
    <s v="10828"/>
    <s v="GLNANDA"/>
    <m/>
    <s v="USD"/>
    <n v="-6129.24"/>
    <x v="0"/>
    <s v="NONBU"/>
    <s v="G0000110"/>
    <s v="ACT"/>
    <s v="REV"/>
    <s v="974"/>
    <m/>
    <m/>
    <s v="GLBATCH"/>
    <n v="2022"/>
    <d v="2022-05-31T00:00:00"/>
    <d v="2022-05-31T17:08:52"/>
    <x v="0"/>
  </r>
  <r>
    <s v="110"/>
    <s v="CAD6210527"/>
    <d v="2022-05-15T00:00:00"/>
    <s v="P"/>
    <s v="KY"/>
    <x v="0"/>
    <n v="5"/>
    <s v="10828"/>
    <s v="GLNANDA"/>
    <m/>
    <s v="USD"/>
    <n v="-2646.67"/>
    <x v="0"/>
    <s v="NONBU"/>
    <s v="G0000110"/>
    <s v="ACT"/>
    <s v="REV"/>
    <s v="974"/>
    <m/>
    <m/>
    <s v="GLBATCH"/>
    <n v="2022"/>
    <d v="2022-05-31T00:00:00"/>
    <d v="2022-05-31T17:08:55"/>
    <x v="0"/>
  </r>
  <r>
    <s v="110"/>
    <s v="CAD6210525"/>
    <d v="2022-05-15T00:00:00"/>
    <s v="P"/>
    <s v="KY"/>
    <x v="0"/>
    <n v="5"/>
    <s v="10828"/>
    <s v="GLNANDA"/>
    <m/>
    <s v="USD"/>
    <n v="-5426.64"/>
    <x v="0"/>
    <s v="NONBU"/>
    <s v="G0000110"/>
    <s v="ACT"/>
    <s v="REV"/>
    <s v="974"/>
    <m/>
    <m/>
    <s v="GLBATCH"/>
    <n v="2022"/>
    <d v="2022-05-31T00:00:00"/>
    <d v="2022-05-31T17:08:54"/>
    <x v="0"/>
  </r>
  <r>
    <s v="110"/>
    <s v="CAD6210627"/>
    <d v="2022-06-15T00:00:00"/>
    <s v="P"/>
    <s v="KY"/>
    <x v="0"/>
    <n v="6"/>
    <s v="10828"/>
    <s v="GLNANDA"/>
    <m/>
    <s v="USD"/>
    <n v="-14413.71"/>
    <x v="0"/>
    <s v="NONBU"/>
    <s v="G0000110"/>
    <s v="ACT"/>
    <s v="REV"/>
    <s v="974"/>
    <m/>
    <m/>
    <s v="GLBATCH"/>
    <n v="2022"/>
    <d v="2022-06-29T00:00:00"/>
    <d v="2022-06-29T13:17:04"/>
    <x v="0"/>
  </r>
  <r>
    <s v="110"/>
    <s v="CAD6210606"/>
    <d v="2022-06-15T00:00:00"/>
    <s v="P"/>
    <s v="KY"/>
    <x v="0"/>
    <n v="6"/>
    <s v="10828"/>
    <s v="GLNANDA"/>
    <m/>
    <s v="USD"/>
    <n v="-4080.16"/>
    <x v="0"/>
    <s v="NONBU"/>
    <s v="G0000110"/>
    <s v="ACT"/>
    <s v="REV"/>
    <s v="974"/>
    <m/>
    <m/>
    <s v="GLBATCH"/>
    <n v="2022"/>
    <d v="2022-06-20T00:00:00"/>
    <d v="2022-06-20T15:26:54"/>
    <x v="0"/>
  </r>
  <r>
    <s v="110"/>
    <s v="CAD6210608"/>
    <d v="2022-06-15T00:00:00"/>
    <s v="P"/>
    <s v="KY"/>
    <x v="0"/>
    <n v="6"/>
    <s v="10828"/>
    <s v="GLNANDA"/>
    <m/>
    <s v="USD"/>
    <n v="-4505.6899999999996"/>
    <x v="0"/>
    <s v="NONBU"/>
    <s v="G0000110"/>
    <s v="ACT"/>
    <s v="REV"/>
    <s v="974"/>
    <m/>
    <m/>
    <s v="GLBATCH"/>
    <n v="2022"/>
    <d v="2022-06-20T00:00:00"/>
    <d v="2022-06-20T15:26:54"/>
    <x v="0"/>
  </r>
  <r>
    <s v="110"/>
    <s v="CAD6210615"/>
    <d v="2022-06-15T00:00:00"/>
    <s v="P"/>
    <s v="KY"/>
    <x v="0"/>
    <n v="6"/>
    <s v="10828"/>
    <s v="GLNANDA"/>
    <m/>
    <s v="USD"/>
    <n v="-4615.57"/>
    <x v="0"/>
    <s v="NONBU"/>
    <s v="G0000110"/>
    <s v="ACT"/>
    <s v="REV"/>
    <s v="974"/>
    <m/>
    <m/>
    <s v="GLBATCH"/>
    <n v="2022"/>
    <d v="2022-06-20T00:00:00"/>
    <d v="2022-06-20T15:26:56"/>
    <x v="0"/>
  </r>
  <r>
    <s v="110"/>
    <s v="CAD6210607"/>
    <d v="2022-06-15T00:00:00"/>
    <s v="P"/>
    <s v="KY"/>
    <x v="0"/>
    <n v="6"/>
    <s v="10828"/>
    <s v="GLNANDA"/>
    <m/>
    <s v="USD"/>
    <n v="-5063.75"/>
    <x v="0"/>
    <s v="NONBU"/>
    <s v="G0000110"/>
    <s v="ACT"/>
    <s v="REV"/>
    <s v="974"/>
    <m/>
    <m/>
    <s v="GLBATCH"/>
    <n v="2022"/>
    <d v="2022-06-20T00:00:00"/>
    <d v="2022-06-20T15:26:54"/>
    <x v="0"/>
  </r>
  <r>
    <s v="110"/>
    <s v="CAD6210614"/>
    <d v="2022-06-15T00:00:00"/>
    <s v="P"/>
    <s v="KY"/>
    <x v="0"/>
    <n v="6"/>
    <s v="10828"/>
    <s v="GLNANDA"/>
    <m/>
    <s v="USD"/>
    <n v="686.33"/>
    <x v="0"/>
    <s v="NONBU"/>
    <s v="G0000110"/>
    <s v="ACT"/>
    <s v="REV"/>
    <s v="974"/>
    <m/>
    <m/>
    <s v="GLBATCH"/>
    <n v="2022"/>
    <d v="2022-06-20T00:00:00"/>
    <d v="2022-06-20T15:26:55"/>
    <x v="0"/>
  </r>
  <r>
    <s v="110"/>
    <s v="CAD6210613"/>
    <d v="2022-06-15T00:00:00"/>
    <s v="P"/>
    <s v="KY"/>
    <x v="0"/>
    <n v="6"/>
    <s v="10828"/>
    <s v="GLNANDA"/>
    <m/>
    <s v="USD"/>
    <n v="-32086.92"/>
    <x v="0"/>
    <s v="NONBU"/>
    <s v="G0000110"/>
    <s v="ACT"/>
    <s v="REV"/>
    <s v="974"/>
    <m/>
    <m/>
    <s v="GLBATCH"/>
    <n v="2022"/>
    <d v="2022-06-20T00:00:00"/>
    <d v="2022-06-20T15:26:55"/>
    <x v="0"/>
  </r>
  <r>
    <s v="110"/>
    <s v="CAD6210609"/>
    <d v="2022-06-15T00:00:00"/>
    <s v="P"/>
    <s v="KY"/>
    <x v="0"/>
    <n v="6"/>
    <s v="10828"/>
    <s v="GLNANDA"/>
    <m/>
    <s v="USD"/>
    <n v="-959"/>
    <x v="0"/>
    <s v="NONBU"/>
    <s v="G0000110"/>
    <s v="ACT"/>
    <s v="REV"/>
    <s v="974"/>
    <m/>
    <m/>
    <s v="GLBATCH"/>
    <n v="2022"/>
    <d v="2022-06-20T00:00:00"/>
    <d v="2022-06-20T15:26:54"/>
    <x v="0"/>
  </r>
  <r>
    <s v="110"/>
    <s v="CAD6210610"/>
    <d v="2022-06-15T00:00:00"/>
    <s v="P"/>
    <s v="KY"/>
    <x v="0"/>
    <n v="6"/>
    <s v="10828"/>
    <s v="GLNANDA"/>
    <m/>
    <s v="USD"/>
    <n v="-4335.43"/>
    <x v="0"/>
    <s v="NONBU"/>
    <s v="G0000110"/>
    <s v="ACT"/>
    <s v="REV"/>
    <s v="974"/>
    <m/>
    <m/>
    <s v="GLBATCH"/>
    <n v="2022"/>
    <d v="2022-06-20T00:00:00"/>
    <d v="2022-06-20T15:26:55"/>
    <x v="0"/>
  </r>
  <r>
    <s v="110"/>
    <s v="CAD6210602"/>
    <d v="2022-06-15T00:00:00"/>
    <s v="P"/>
    <s v="KY"/>
    <x v="0"/>
    <n v="6"/>
    <s v="10828"/>
    <s v="GLNANDA"/>
    <m/>
    <s v="USD"/>
    <n v="-11596.01"/>
    <x v="0"/>
    <s v="NONBU"/>
    <s v="G0000110"/>
    <s v="ACT"/>
    <s v="REV"/>
    <s v="974"/>
    <m/>
    <m/>
    <s v="GLBATCH"/>
    <n v="2022"/>
    <d v="2022-06-20T00:00:00"/>
    <d v="2022-06-20T15:26:53"/>
    <x v="0"/>
  </r>
  <r>
    <s v="110"/>
    <s v="CAD6210617"/>
    <d v="2022-06-15T00:00:00"/>
    <s v="P"/>
    <s v="KY"/>
    <x v="0"/>
    <n v="6"/>
    <s v="10828"/>
    <s v="GLNANDA"/>
    <m/>
    <s v="USD"/>
    <n v="-22317.21"/>
    <x v="0"/>
    <s v="NONBU"/>
    <s v="G0000110"/>
    <s v="ACT"/>
    <s v="REV"/>
    <s v="974"/>
    <m/>
    <m/>
    <s v="GLBATCH"/>
    <n v="2022"/>
    <d v="2022-06-29T00:00:00"/>
    <d v="2022-06-29T13:17:00"/>
    <x v="0"/>
  </r>
  <r>
    <s v="110"/>
    <s v="CAD6210616"/>
    <d v="2022-06-15T00:00:00"/>
    <s v="P"/>
    <s v="KY"/>
    <x v="0"/>
    <n v="6"/>
    <s v="10828"/>
    <s v="GLNANDA"/>
    <m/>
    <s v="USD"/>
    <n v="0.26"/>
    <x v="0"/>
    <s v="NONBU"/>
    <s v="G0000110"/>
    <s v="ACT"/>
    <s v="REV"/>
    <s v="974"/>
    <m/>
    <m/>
    <s v="GLBATCH"/>
    <n v="2022"/>
    <d v="2022-06-29T00:00:00"/>
    <d v="2022-06-29T13:16:59"/>
    <x v="0"/>
  </r>
  <r>
    <s v="110"/>
    <s v="CAD6210629"/>
    <d v="2022-06-15T00:00:00"/>
    <s v="P"/>
    <s v="KY"/>
    <x v="0"/>
    <n v="6"/>
    <s v="10828"/>
    <s v="GLNANDA"/>
    <m/>
    <s v="USD"/>
    <n v="-14176.8"/>
    <x v="0"/>
    <s v="NONBU"/>
    <s v="G0000110"/>
    <s v="ACT"/>
    <s v="REV"/>
    <s v="974"/>
    <m/>
    <m/>
    <s v="GLBATCH"/>
    <n v="2022"/>
    <d v="2022-07-01T00:00:00"/>
    <d v="2022-07-01T08:58:33"/>
    <x v="0"/>
  </r>
  <r>
    <s v="110"/>
    <s v="CAD6210701"/>
    <d v="2022-06-15T00:00:00"/>
    <s v="P"/>
    <s v="KY"/>
    <x v="0"/>
    <n v="6"/>
    <s v="10828"/>
    <s v="GLNANDA"/>
    <m/>
    <s v="USD"/>
    <n v="-11445.02"/>
    <x v="0"/>
    <s v="NONBU"/>
    <s v="G0000110"/>
    <s v="ACT"/>
    <s v="REV"/>
    <s v="974"/>
    <m/>
    <m/>
    <s v="GLBATCH"/>
    <n v="2022"/>
    <d v="2022-07-02T00:00:00"/>
    <d v="2022-07-02T10:36:16"/>
    <x v="0"/>
  </r>
  <r>
    <s v="110"/>
    <s v="CAD6210620"/>
    <d v="2022-06-15T00:00:00"/>
    <s v="P"/>
    <s v="KY"/>
    <x v="0"/>
    <n v="6"/>
    <s v="10828"/>
    <s v="GLNANDA"/>
    <m/>
    <s v="USD"/>
    <n v="-38907.31"/>
    <x v="0"/>
    <s v="NONBU"/>
    <s v="G0000110"/>
    <s v="ACT"/>
    <s v="REV"/>
    <s v="974"/>
    <m/>
    <m/>
    <s v="GLBATCH"/>
    <n v="2022"/>
    <d v="2022-06-29T00:00:00"/>
    <d v="2022-06-29T13:17:01"/>
    <x v="0"/>
  </r>
  <r>
    <s v="110"/>
    <s v="CAD6210621"/>
    <d v="2022-06-15T00:00:00"/>
    <s v="P"/>
    <s v="KY"/>
    <x v="0"/>
    <n v="6"/>
    <s v="10828"/>
    <s v="GLNANDA"/>
    <m/>
    <s v="USD"/>
    <n v="2972.86"/>
    <x v="0"/>
    <s v="NONBU"/>
    <s v="G0000110"/>
    <s v="ACT"/>
    <s v="REV"/>
    <s v="974"/>
    <m/>
    <m/>
    <s v="GLBATCH"/>
    <n v="2022"/>
    <d v="2022-06-29T00:00:00"/>
    <d v="2022-06-29T13:17:02"/>
    <x v="0"/>
  </r>
  <r>
    <s v="110"/>
    <s v="CAD6210603"/>
    <d v="2022-06-15T00:00:00"/>
    <s v="P"/>
    <s v="KY"/>
    <x v="0"/>
    <n v="6"/>
    <s v="10828"/>
    <s v="GLNANDA"/>
    <m/>
    <s v="USD"/>
    <n v="2771.88"/>
    <x v="0"/>
    <s v="NONBU"/>
    <s v="G0000110"/>
    <s v="ACT"/>
    <s v="REV"/>
    <s v="974"/>
    <m/>
    <m/>
    <s v="GLBATCH"/>
    <n v="2022"/>
    <d v="2022-06-20T00:00:00"/>
    <d v="2022-06-20T15:26:53"/>
    <x v="0"/>
  </r>
  <r>
    <s v="110"/>
    <s v="CAD6210630"/>
    <d v="2022-06-15T00:00:00"/>
    <s v="P"/>
    <s v="KY"/>
    <x v="0"/>
    <n v="6"/>
    <s v="10828"/>
    <s v="GLNANDA"/>
    <m/>
    <s v="USD"/>
    <n v="-11447.86"/>
    <x v="0"/>
    <s v="NONBU"/>
    <s v="G0000110"/>
    <s v="ACT"/>
    <s v="REV"/>
    <s v="974"/>
    <m/>
    <m/>
    <s v="GLBATCH"/>
    <n v="2022"/>
    <d v="2022-07-01T00:00:00"/>
    <d v="2022-07-01T12:36:21"/>
    <x v="0"/>
  </r>
  <r>
    <s v="110"/>
    <s v="CAD6210628"/>
    <d v="2022-06-15T00:00:00"/>
    <s v="P"/>
    <s v="KY"/>
    <x v="0"/>
    <n v="6"/>
    <s v="10828"/>
    <s v="GLNANDA"/>
    <m/>
    <s v="USD"/>
    <n v="241.85"/>
    <x v="0"/>
    <s v="NONBU"/>
    <s v="G0000110"/>
    <s v="ACT"/>
    <s v="REV"/>
    <s v="974"/>
    <m/>
    <m/>
    <s v="GLBATCH"/>
    <n v="2022"/>
    <d v="2022-07-01T00:00:00"/>
    <d v="2022-07-01T08:58:32"/>
    <x v="0"/>
  </r>
  <r>
    <s v="110"/>
    <s v="CAD6210622"/>
    <d v="2022-06-15T00:00:00"/>
    <s v="P"/>
    <s v="KY"/>
    <x v="0"/>
    <n v="6"/>
    <s v="10828"/>
    <s v="GLNANDA"/>
    <m/>
    <s v="USD"/>
    <n v="-21320.26"/>
    <x v="0"/>
    <s v="NONBU"/>
    <s v="G0000110"/>
    <s v="ACT"/>
    <s v="REV"/>
    <s v="974"/>
    <m/>
    <m/>
    <s v="GLBATCH"/>
    <n v="2022"/>
    <d v="2022-06-29T00:00:00"/>
    <d v="2022-06-29T13:17:02"/>
    <x v="0"/>
  </r>
  <r>
    <s v="110"/>
    <s v="CAD6210623"/>
    <d v="2022-06-15T00:00:00"/>
    <s v="P"/>
    <s v="KY"/>
    <x v="0"/>
    <n v="6"/>
    <s v="10828"/>
    <s v="GLNANDA"/>
    <m/>
    <s v="USD"/>
    <n v="1497.02"/>
    <x v="0"/>
    <s v="NONBU"/>
    <s v="G0000110"/>
    <s v="ACT"/>
    <s v="REV"/>
    <s v="974"/>
    <m/>
    <m/>
    <s v="GLBATCH"/>
    <n v="2022"/>
    <d v="2022-06-29T00:00:00"/>
    <d v="2022-06-29T13:17:03"/>
    <x v="0"/>
  </r>
  <r>
    <s v="110"/>
    <s v="CAD6210624"/>
    <d v="2022-06-15T00:00:00"/>
    <s v="P"/>
    <s v="KY"/>
    <x v="0"/>
    <n v="6"/>
    <s v="10828"/>
    <s v="GLNANDA"/>
    <m/>
    <s v="USD"/>
    <n v="-3772.75"/>
    <x v="0"/>
    <s v="NONBU"/>
    <s v="G0000110"/>
    <s v="ACT"/>
    <s v="REV"/>
    <s v="974"/>
    <m/>
    <m/>
    <s v="GLBATCH"/>
    <n v="2022"/>
    <d v="2022-06-29T00:00:00"/>
    <d v="2022-06-29T13:17:03"/>
    <x v="0"/>
  </r>
  <r>
    <s v="110"/>
    <s v="CAD6210712"/>
    <d v="2022-07-15T00:00:00"/>
    <s v="P"/>
    <s v="KY"/>
    <x v="0"/>
    <n v="7"/>
    <s v="10828"/>
    <s v="GLNANDA"/>
    <m/>
    <s v="USD"/>
    <n v="13082.67"/>
    <x v="0"/>
    <s v="NONBU"/>
    <s v="G0000110"/>
    <s v="ACT"/>
    <s v="REV"/>
    <s v="974"/>
    <m/>
    <m/>
    <s v="GLBATCH"/>
    <n v="2022"/>
    <d v="2022-07-25T00:00:00"/>
    <d v="2022-07-25T15:41:05"/>
    <x v="0"/>
  </r>
  <r>
    <s v="110"/>
    <s v="CAD6210714"/>
    <d v="2022-07-15T00:00:00"/>
    <s v="P"/>
    <s v="KY"/>
    <x v="0"/>
    <n v="7"/>
    <s v="10828"/>
    <s v="GLNANDA"/>
    <m/>
    <s v="USD"/>
    <n v="-4004.88"/>
    <x v="0"/>
    <s v="NONBU"/>
    <s v="G0000110"/>
    <s v="ACT"/>
    <s v="REV"/>
    <s v="974"/>
    <m/>
    <m/>
    <s v="GLBATCH"/>
    <n v="2022"/>
    <d v="2022-07-25T00:00:00"/>
    <d v="2022-07-25T15:44:06"/>
    <x v="0"/>
  </r>
  <r>
    <s v="110"/>
    <s v="CAD6210726"/>
    <d v="2022-07-15T00:00:00"/>
    <s v="P"/>
    <s v="KY"/>
    <x v="0"/>
    <n v="7"/>
    <s v="10828"/>
    <s v="GLNANDA"/>
    <m/>
    <s v="USD"/>
    <n v="2791.39"/>
    <x v="0"/>
    <s v="NONBU"/>
    <s v="G0000110"/>
    <s v="ACT"/>
    <s v="REV"/>
    <s v="974"/>
    <m/>
    <m/>
    <s v="GLBATCH"/>
    <n v="2022"/>
    <d v="2022-08-01T00:00:00"/>
    <d v="2022-08-01T07:44:52"/>
    <x v="0"/>
  </r>
  <r>
    <s v="110"/>
    <s v="CAD6210727"/>
    <d v="2022-07-15T00:00:00"/>
    <s v="P"/>
    <s v="KY"/>
    <x v="0"/>
    <n v="7"/>
    <s v="10828"/>
    <s v="GLNANDA"/>
    <m/>
    <s v="USD"/>
    <n v="-10043.5"/>
    <x v="0"/>
    <s v="NONBU"/>
    <s v="G0000110"/>
    <s v="ACT"/>
    <s v="REV"/>
    <s v="974"/>
    <m/>
    <m/>
    <s v="GLBATCH"/>
    <n v="2022"/>
    <d v="2022-08-01T00:00:00"/>
    <d v="2022-08-01T07:44:53"/>
    <x v="0"/>
  </r>
  <r>
    <s v="110"/>
    <s v="CAD6210713"/>
    <d v="2022-07-15T00:00:00"/>
    <s v="P"/>
    <s v="KY"/>
    <x v="0"/>
    <n v="7"/>
    <s v="10828"/>
    <s v="GLNANDA"/>
    <m/>
    <s v="USD"/>
    <n v="-270.7"/>
    <x v="0"/>
    <s v="NONBU"/>
    <s v="G0000110"/>
    <s v="ACT"/>
    <s v="REV"/>
    <s v="974"/>
    <m/>
    <m/>
    <s v="GLBATCH"/>
    <n v="2022"/>
    <d v="2022-07-25T00:00:00"/>
    <d v="2022-07-25T15:44:05"/>
    <x v="0"/>
  </r>
  <r>
    <s v="110"/>
    <s v="CAD6210711"/>
    <d v="2022-07-15T00:00:00"/>
    <s v="P"/>
    <s v="KY"/>
    <x v="0"/>
    <n v="7"/>
    <s v="10828"/>
    <s v="GLNANDA"/>
    <m/>
    <s v="USD"/>
    <n v="-13056.63"/>
    <x v="0"/>
    <s v="NONBU"/>
    <s v="G0000110"/>
    <s v="ACT"/>
    <s v="REV"/>
    <s v="974"/>
    <m/>
    <m/>
    <s v="GLBATCH"/>
    <n v="2022"/>
    <d v="2022-07-25T00:00:00"/>
    <d v="2022-07-25T15:41:05"/>
    <x v="0"/>
  </r>
  <r>
    <s v="110"/>
    <s v="CAD6210718"/>
    <d v="2022-07-15T00:00:00"/>
    <s v="P"/>
    <s v="KY"/>
    <x v="0"/>
    <n v="7"/>
    <s v="10828"/>
    <s v="GLNANDA"/>
    <m/>
    <s v="USD"/>
    <n v="-76959.98"/>
    <x v="0"/>
    <s v="NONBU"/>
    <s v="G0000110"/>
    <s v="ACT"/>
    <s v="REV"/>
    <s v="974"/>
    <m/>
    <m/>
    <s v="GLBATCH"/>
    <n v="2022"/>
    <d v="2022-08-01T00:00:00"/>
    <d v="2022-08-01T07:44:47"/>
    <x v="0"/>
  </r>
  <r>
    <s v="110"/>
    <s v="CAD6210719"/>
    <d v="2022-07-15T00:00:00"/>
    <s v="P"/>
    <s v="KY"/>
    <x v="0"/>
    <n v="7"/>
    <s v="10828"/>
    <s v="GLNANDA"/>
    <m/>
    <s v="USD"/>
    <n v="24303.68"/>
    <x v="0"/>
    <s v="NONBU"/>
    <s v="G0000110"/>
    <s v="ACT"/>
    <s v="REV"/>
    <s v="974"/>
    <m/>
    <m/>
    <s v="GLBATCH"/>
    <n v="2022"/>
    <d v="2022-08-01T00:00:00"/>
    <d v="2022-08-01T07:44:48"/>
    <x v="0"/>
  </r>
  <r>
    <s v="110"/>
    <s v="CAD6210707"/>
    <d v="2022-07-15T00:00:00"/>
    <s v="P"/>
    <s v="KY"/>
    <x v="0"/>
    <n v="7"/>
    <s v="10828"/>
    <s v="GLNANDA"/>
    <m/>
    <s v="USD"/>
    <n v="-21849.07"/>
    <x v="0"/>
    <s v="NONBU"/>
    <s v="G0000110"/>
    <s v="ACT"/>
    <s v="REV"/>
    <s v="974"/>
    <m/>
    <m/>
    <s v="GLBATCH"/>
    <n v="2022"/>
    <d v="2022-07-25T00:00:00"/>
    <d v="2022-07-25T15:41:04"/>
    <x v="0"/>
  </r>
  <r>
    <s v="110"/>
    <s v="CAD6210720"/>
    <d v="2022-07-15T00:00:00"/>
    <s v="P"/>
    <s v="KY"/>
    <x v="0"/>
    <n v="7"/>
    <s v="10828"/>
    <s v="GLNANDA"/>
    <m/>
    <s v="USD"/>
    <n v="3912.75"/>
    <x v="0"/>
    <s v="NONBU"/>
    <s v="G0000110"/>
    <s v="ACT"/>
    <s v="REV"/>
    <s v="974"/>
    <m/>
    <m/>
    <s v="GLBATCH"/>
    <n v="2022"/>
    <d v="2022-08-01T00:00:00"/>
    <d v="2022-08-01T07:44:49"/>
    <x v="0"/>
  </r>
  <r>
    <s v="110"/>
    <s v="CAD6210722"/>
    <d v="2022-07-15T00:00:00"/>
    <s v="P"/>
    <s v="KY"/>
    <x v="0"/>
    <n v="7"/>
    <s v="10828"/>
    <s v="GLNANDA"/>
    <m/>
    <s v="USD"/>
    <n v="-9159.52"/>
    <x v="0"/>
    <s v="NONBU"/>
    <s v="G0000110"/>
    <s v="ACT"/>
    <s v="REV"/>
    <s v="974"/>
    <m/>
    <m/>
    <s v="GLBATCH"/>
    <n v="2022"/>
    <d v="2022-08-01T00:00:00"/>
    <d v="2022-08-01T07:44:51"/>
    <x v="0"/>
  </r>
  <r>
    <s v="110"/>
    <s v="CAD6210721"/>
    <d v="2022-07-15T00:00:00"/>
    <s v="P"/>
    <s v="KY"/>
    <x v="0"/>
    <n v="7"/>
    <s v="10828"/>
    <s v="GLNANDA"/>
    <m/>
    <s v="USD"/>
    <n v="4706.33"/>
    <x v="0"/>
    <s v="NONBU"/>
    <s v="G0000110"/>
    <s v="ACT"/>
    <s v="REV"/>
    <s v="974"/>
    <m/>
    <m/>
    <s v="GLBATCH"/>
    <n v="2022"/>
    <d v="2022-08-01T00:00:00"/>
    <d v="2022-08-01T07:44:50"/>
    <x v="0"/>
  </r>
  <r>
    <s v="110"/>
    <s v="CAD6210729"/>
    <d v="2022-07-15T00:00:00"/>
    <s v="P"/>
    <s v="KY"/>
    <x v="0"/>
    <n v="7"/>
    <s v="10828"/>
    <s v="GLNANDA"/>
    <m/>
    <s v="USD"/>
    <n v="-5109.51"/>
    <x v="0"/>
    <s v="NONBU"/>
    <s v="G0000110"/>
    <s v="ACT"/>
    <s v="REV"/>
    <s v="974"/>
    <m/>
    <m/>
    <s v="GLBATCH"/>
    <n v="2022"/>
    <d v="2022-08-01T00:00:00"/>
    <d v="2022-08-01T17:10:10"/>
    <x v="0"/>
  </r>
  <r>
    <s v="110"/>
    <s v="CAD6210706"/>
    <d v="2022-07-15T00:00:00"/>
    <s v="P"/>
    <s v="KY"/>
    <x v="0"/>
    <n v="7"/>
    <s v="10828"/>
    <s v="GLNANDA"/>
    <m/>
    <s v="USD"/>
    <n v="-1836.78"/>
    <x v="0"/>
    <s v="NONBU"/>
    <s v="G0000110"/>
    <s v="ACT"/>
    <s v="REV"/>
    <s v="974"/>
    <m/>
    <m/>
    <s v="GLBATCH"/>
    <n v="2022"/>
    <d v="2022-07-25T00:00:00"/>
    <d v="2022-07-25T15:41:03"/>
    <x v="0"/>
  </r>
  <r>
    <s v="110"/>
    <s v="CAD6210705"/>
    <d v="2022-07-15T00:00:00"/>
    <s v="P"/>
    <s v="KY"/>
    <x v="0"/>
    <n v="7"/>
    <s v="10828"/>
    <s v="GLNANDA"/>
    <m/>
    <s v="USD"/>
    <n v="-12563.99"/>
    <x v="0"/>
    <s v="NONBU"/>
    <s v="G0000110"/>
    <s v="ACT"/>
    <s v="REV"/>
    <s v="974"/>
    <m/>
    <m/>
    <s v="GLBATCH"/>
    <n v="2022"/>
    <d v="2022-07-25T00:00:00"/>
    <d v="2022-07-25T15:41:02"/>
    <x v="0"/>
  </r>
  <r>
    <s v="110"/>
    <s v="CAD6210708"/>
    <d v="2022-07-15T00:00:00"/>
    <s v="P"/>
    <s v="KY"/>
    <x v="0"/>
    <n v="7"/>
    <s v="10828"/>
    <s v="GLNANDA"/>
    <m/>
    <s v="USD"/>
    <n v="-12019.54"/>
    <x v="0"/>
    <s v="NONBU"/>
    <s v="G0000110"/>
    <s v="ACT"/>
    <s v="REV"/>
    <s v="974"/>
    <m/>
    <m/>
    <s v="GLBATCH"/>
    <n v="2022"/>
    <d v="2022-07-25T00:00:00"/>
    <d v="2022-07-25T15:41:04"/>
    <x v="0"/>
  </r>
  <r>
    <s v="110"/>
    <s v="CAD6210801"/>
    <d v="2022-07-15T00:00:00"/>
    <s v="P"/>
    <s v="KY"/>
    <x v="0"/>
    <n v="7"/>
    <s v="10828"/>
    <s v="GLNANDA"/>
    <m/>
    <s v="USD"/>
    <n v="-16727.28"/>
    <x v="0"/>
    <s v="NONBU"/>
    <s v="G0000110"/>
    <s v="ACT"/>
    <s v="REV"/>
    <s v="974"/>
    <m/>
    <m/>
    <s v="GLBATCH"/>
    <n v="2022"/>
    <d v="2022-08-02T00:00:00"/>
    <d v="2022-08-02T16:28:51"/>
    <x v="0"/>
  </r>
  <r>
    <s v="110"/>
    <s v="CAD6210725"/>
    <d v="2022-07-15T00:00:00"/>
    <s v="P"/>
    <s v="KY"/>
    <x v="0"/>
    <n v="7"/>
    <s v="10828"/>
    <s v="GLNANDA"/>
    <m/>
    <s v="USD"/>
    <n v="-32731.47"/>
    <x v="0"/>
    <s v="NONBU"/>
    <s v="G0000110"/>
    <s v="ACT"/>
    <s v="REV"/>
    <s v="974"/>
    <m/>
    <m/>
    <s v="GLBATCH"/>
    <n v="2022"/>
    <d v="2022-08-01T00:00:00"/>
    <d v="2022-08-01T07:44:52"/>
    <x v="0"/>
  </r>
  <r>
    <s v="110"/>
    <s v="CAD6210728"/>
    <d v="2022-07-15T00:00:00"/>
    <s v="P"/>
    <s v="KY"/>
    <x v="0"/>
    <n v="7"/>
    <s v="10828"/>
    <s v="GLNANDA"/>
    <m/>
    <s v="USD"/>
    <n v="-8823.57"/>
    <x v="0"/>
    <s v="NONBU"/>
    <s v="G0000110"/>
    <s v="ACT"/>
    <s v="REV"/>
    <s v="974"/>
    <m/>
    <m/>
    <s v="GLBATCH"/>
    <n v="2022"/>
    <d v="2022-08-01T00:00:00"/>
    <d v="2022-08-01T07:44:54"/>
    <x v="0"/>
  </r>
  <r>
    <s v="110"/>
    <s v="CAD6210715"/>
    <d v="2022-07-15T00:00:00"/>
    <s v="P"/>
    <s v="KY"/>
    <x v="0"/>
    <n v="7"/>
    <s v="10828"/>
    <s v="GLNANDA"/>
    <m/>
    <s v="USD"/>
    <n v="-9847.9500000000007"/>
    <x v="0"/>
    <s v="NONBU"/>
    <s v="G0000110"/>
    <s v="ACT"/>
    <s v="REV"/>
    <s v="974"/>
    <m/>
    <m/>
    <s v="GLBATCH"/>
    <n v="2022"/>
    <d v="2022-07-25T00:00:00"/>
    <d v="2022-07-25T15:44:07"/>
    <x v="0"/>
  </r>
  <r>
    <s v="110"/>
    <s v="CAD6210822"/>
    <d v="2022-08-15T00:00:00"/>
    <s v="P"/>
    <s v="KY"/>
    <x v="0"/>
    <n v="8"/>
    <s v="10828"/>
    <s v="GLNANDA"/>
    <m/>
    <s v="USD"/>
    <n v="-2637.59"/>
    <x v="0"/>
    <s v="NONBU"/>
    <s v="G0000110"/>
    <s v="ACT"/>
    <s v="REV"/>
    <s v="974"/>
    <m/>
    <m/>
    <s v="GLBATCH"/>
    <n v="2022"/>
    <d v="2022-08-31T00:00:00"/>
    <d v="2022-08-31T11:28:34"/>
    <x v="0"/>
  </r>
  <r>
    <s v="110"/>
    <s v="CAD6210823"/>
    <d v="2022-08-15T00:00:00"/>
    <s v="P"/>
    <s v="KY"/>
    <x v="0"/>
    <n v="8"/>
    <s v="10828"/>
    <s v="GLNANDA"/>
    <m/>
    <s v="USD"/>
    <n v="21153.17"/>
    <x v="0"/>
    <s v="NONBU"/>
    <s v="G0000110"/>
    <s v="ACT"/>
    <s v="REV"/>
    <s v="974"/>
    <m/>
    <m/>
    <s v="GLBATCH"/>
    <n v="2022"/>
    <d v="2022-08-31T00:00:00"/>
    <d v="2022-08-31T11:28:35"/>
    <x v="0"/>
  </r>
  <r>
    <s v="110"/>
    <s v="CAD6210824"/>
    <d v="2022-08-15T00:00:00"/>
    <s v="P"/>
    <s v="KY"/>
    <x v="0"/>
    <n v="8"/>
    <s v="10828"/>
    <s v="GLNANDA"/>
    <m/>
    <s v="USD"/>
    <n v="-2430.23"/>
    <x v="0"/>
    <s v="NONBU"/>
    <s v="G0000110"/>
    <s v="ACT"/>
    <s v="REV"/>
    <s v="974"/>
    <m/>
    <m/>
    <s v="GLBATCH"/>
    <n v="2022"/>
    <d v="2022-08-31T00:00:00"/>
    <d v="2022-08-31T11:28:36"/>
    <x v="0"/>
  </r>
  <r>
    <s v="110"/>
    <s v="CAD6210816"/>
    <d v="2022-08-15T00:00:00"/>
    <s v="P"/>
    <s v="KY"/>
    <x v="0"/>
    <n v="8"/>
    <s v="10828"/>
    <s v="GLNANDA"/>
    <m/>
    <s v="USD"/>
    <n v="1912.55"/>
    <x v="0"/>
    <s v="NONBU"/>
    <s v="G0000110"/>
    <s v="ACT"/>
    <s v="REV"/>
    <s v="974"/>
    <m/>
    <m/>
    <s v="GLBATCH"/>
    <n v="2022"/>
    <d v="2022-08-31T00:00:00"/>
    <d v="2022-08-31T11:28:32"/>
    <x v="0"/>
  </r>
  <r>
    <s v="110"/>
    <s v="CAD6210830"/>
    <d v="2022-08-15T00:00:00"/>
    <s v="P"/>
    <s v="KY"/>
    <x v="0"/>
    <n v="8"/>
    <s v="10828"/>
    <s v="GLNANDA"/>
    <m/>
    <s v="USD"/>
    <n v="2232.27"/>
    <x v="0"/>
    <s v="NONBU"/>
    <s v="G0000110"/>
    <s v="ACT"/>
    <s v="REV"/>
    <s v="974"/>
    <m/>
    <m/>
    <s v="GLBATCH"/>
    <n v="2022"/>
    <d v="2022-09-02T00:00:00"/>
    <d v="2022-09-02T11:15:10"/>
    <x v="0"/>
  </r>
  <r>
    <s v="110"/>
    <s v="CAD6210810"/>
    <d v="2022-08-15T00:00:00"/>
    <s v="P"/>
    <s v="KY"/>
    <x v="0"/>
    <n v="8"/>
    <s v="10828"/>
    <s v="GLNANDA"/>
    <m/>
    <s v="USD"/>
    <n v="-3131.91"/>
    <x v="0"/>
    <s v="NONBU"/>
    <s v="G0000110"/>
    <s v="ACT"/>
    <s v="REV"/>
    <s v="974"/>
    <m/>
    <m/>
    <s v="GLBATCH"/>
    <n v="2022"/>
    <d v="2022-08-19T00:00:00"/>
    <d v="2022-08-19T12:05:13"/>
    <x v="0"/>
  </r>
  <r>
    <s v="110"/>
    <s v="CAD6210809"/>
    <d v="2022-08-15T00:00:00"/>
    <s v="P"/>
    <s v="KY"/>
    <x v="0"/>
    <n v="8"/>
    <s v="10828"/>
    <s v="GLNANDA"/>
    <m/>
    <s v="USD"/>
    <n v="775.45"/>
    <x v="0"/>
    <s v="NONBU"/>
    <s v="G0000110"/>
    <s v="ACT"/>
    <s v="REV"/>
    <s v="974"/>
    <m/>
    <m/>
    <s v="GLBATCH"/>
    <n v="2022"/>
    <d v="2022-08-19T00:00:00"/>
    <d v="2022-08-19T12:05:13"/>
    <x v="0"/>
  </r>
  <r>
    <s v="110"/>
    <s v="CAD6210817"/>
    <d v="2022-08-15T00:00:00"/>
    <s v="P"/>
    <s v="KY"/>
    <x v="0"/>
    <n v="8"/>
    <s v="10828"/>
    <s v="GLNANDA"/>
    <m/>
    <s v="USD"/>
    <n v="-37984.85"/>
    <x v="0"/>
    <s v="NONBU"/>
    <s v="G0000110"/>
    <s v="ACT"/>
    <s v="REV"/>
    <s v="974"/>
    <m/>
    <m/>
    <s v="GLBATCH"/>
    <n v="2022"/>
    <d v="2022-08-31T00:00:00"/>
    <d v="2022-08-31T11:28:33"/>
    <x v="0"/>
  </r>
  <r>
    <s v="110"/>
    <s v="CAD6210825"/>
    <d v="2022-08-15T00:00:00"/>
    <s v="P"/>
    <s v="KY"/>
    <x v="0"/>
    <n v="8"/>
    <s v="10828"/>
    <s v="GLNANDA"/>
    <m/>
    <s v="USD"/>
    <n v="-2723.43"/>
    <x v="0"/>
    <s v="NONBU"/>
    <s v="G0000110"/>
    <s v="ACT"/>
    <s v="REV"/>
    <s v="974"/>
    <m/>
    <m/>
    <s v="GLBATCH"/>
    <n v="2022"/>
    <d v="2022-09-02T00:00:00"/>
    <d v="2022-09-02T11:15:08"/>
    <x v="0"/>
  </r>
  <r>
    <s v="110"/>
    <s v="CAD6210826"/>
    <d v="2022-08-15T00:00:00"/>
    <s v="P"/>
    <s v="KY"/>
    <x v="0"/>
    <n v="8"/>
    <s v="10828"/>
    <s v="GLNANDA"/>
    <m/>
    <s v="USD"/>
    <n v="-14219.87"/>
    <x v="0"/>
    <s v="NONBU"/>
    <s v="G0000110"/>
    <s v="ACT"/>
    <s v="REV"/>
    <s v="974"/>
    <m/>
    <m/>
    <s v="GLBATCH"/>
    <n v="2022"/>
    <d v="2022-09-02T00:00:00"/>
    <d v="2022-09-02T11:15:08"/>
    <x v="0"/>
  </r>
  <r>
    <s v="110"/>
    <s v="CAD6210805"/>
    <d v="2022-08-15T00:00:00"/>
    <s v="P"/>
    <s v="KY"/>
    <x v="0"/>
    <n v="8"/>
    <s v="10828"/>
    <s v="GLNANDA"/>
    <m/>
    <s v="USD"/>
    <n v="-8461.2800000000007"/>
    <x v="0"/>
    <s v="NONBU"/>
    <s v="G0000110"/>
    <s v="ACT"/>
    <s v="REV"/>
    <s v="974"/>
    <m/>
    <m/>
    <s v="GLBATCH"/>
    <n v="2022"/>
    <d v="2022-08-19T00:00:00"/>
    <d v="2022-08-19T12:05:12"/>
    <x v="0"/>
  </r>
  <r>
    <s v="110"/>
    <s v="CAD6210811"/>
    <d v="2022-08-15T00:00:00"/>
    <s v="P"/>
    <s v="KY"/>
    <x v="0"/>
    <n v="8"/>
    <s v="10828"/>
    <s v="GLNANDA"/>
    <m/>
    <s v="USD"/>
    <n v="-6626.73"/>
    <x v="0"/>
    <s v="NONBU"/>
    <s v="G0000110"/>
    <s v="ACT"/>
    <s v="REV"/>
    <s v="974"/>
    <m/>
    <m/>
    <s v="GLBATCH"/>
    <n v="2022"/>
    <d v="2022-08-31T00:00:00"/>
    <d v="2022-08-31T11:28:30"/>
    <x v="0"/>
  </r>
  <r>
    <s v="110"/>
    <s v="CAD6210812"/>
    <d v="2022-08-15T00:00:00"/>
    <s v="P"/>
    <s v="KY"/>
    <x v="0"/>
    <n v="8"/>
    <s v="10828"/>
    <s v="GLNANDA"/>
    <m/>
    <s v="USD"/>
    <n v="-5093.32"/>
    <x v="0"/>
    <s v="NONBU"/>
    <s v="G0000110"/>
    <s v="ACT"/>
    <s v="REV"/>
    <s v="974"/>
    <m/>
    <m/>
    <s v="GLBATCH"/>
    <n v="2022"/>
    <d v="2022-08-31T00:00:00"/>
    <d v="2022-08-31T11:28:31"/>
    <x v="0"/>
  </r>
  <r>
    <s v="110"/>
    <s v="CAD6210815"/>
    <d v="2022-08-15T00:00:00"/>
    <s v="P"/>
    <s v="KY"/>
    <x v="0"/>
    <n v="8"/>
    <s v="10828"/>
    <s v="GLNANDA"/>
    <m/>
    <s v="USD"/>
    <n v="-9700.51"/>
    <x v="0"/>
    <s v="NONBU"/>
    <s v="G0000110"/>
    <s v="ACT"/>
    <s v="REV"/>
    <s v="974"/>
    <m/>
    <m/>
    <s v="GLBATCH"/>
    <n v="2022"/>
    <d v="2022-08-31T00:00:00"/>
    <d v="2022-08-31T11:28:31"/>
    <x v="0"/>
  </r>
  <r>
    <s v="110"/>
    <s v="CAD6210802"/>
    <d v="2022-08-15T00:00:00"/>
    <s v="P"/>
    <s v="KY"/>
    <x v="0"/>
    <n v="8"/>
    <s v="10828"/>
    <s v="GLNANDA"/>
    <m/>
    <s v="USD"/>
    <n v="1571.5"/>
    <x v="0"/>
    <s v="NONBU"/>
    <s v="G0000110"/>
    <s v="ACT"/>
    <s v="REV"/>
    <s v="974"/>
    <m/>
    <m/>
    <s v="GLBATCH"/>
    <n v="2022"/>
    <d v="2022-08-19T00:00:00"/>
    <d v="2022-08-19T12:05:11"/>
    <x v="0"/>
  </r>
  <r>
    <s v="110"/>
    <s v="CAD6210808"/>
    <d v="2022-08-15T00:00:00"/>
    <s v="P"/>
    <s v="KY"/>
    <x v="0"/>
    <n v="8"/>
    <s v="10828"/>
    <s v="GLNANDA"/>
    <m/>
    <s v="USD"/>
    <n v="-18594.259999999998"/>
    <x v="0"/>
    <s v="NONBU"/>
    <s v="G0000110"/>
    <s v="ACT"/>
    <s v="REV"/>
    <s v="974"/>
    <m/>
    <m/>
    <s v="GLBATCH"/>
    <n v="2022"/>
    <d v="2022-08-19T00:00:00"/>
    <d v="2022-08-19T12:05:12"/>
    <x v="0"/>
  </r>
  <r>
    <s v="110"/>
    <s v="CAD6210819"/>
    <d v="2022-08-15T00:00:00"/>
    <s v="P"/>
    <s v="KY"/>
    <x v="0"/>
    <n v="8"/>
    <s v="10828"/>
    <s v="GLNANDA"/>
    <m/>
    <s v="USD"/>
    <n v="-13601.67"/>
    <x v="0"/>
    <s v="NONBU"/>
    <s v="G0000110"/>
    <s v="ACT"/>
    <s v="REV"/>
    <s v="974"/>
    <m/>
    <m/>
    <s v="GLBATCH"/>
    <n v="2022"/>
    <d v="2022-08-31T00:00:00"/>
    <d v="2022-08-31T11:28:34"/>
    <x v="0"/>
  </r>
  <r>
    <s v="110"/>
    <s v="CAD6210901"/>
    <d v="2022-08-15T00:00:00"/>
    <s v="P"/>
    <s v="KY"/>
    <x v="0"/>
    <n v="8"/>
    <s v="10828"/>
    <s v="GLNANDA"/>
    <m/>
    <s v="USD"/>
    <n v="-4119.5200000000004"/>
    <x v="0"/>
    <s v="NONBU"/>
    <s v="G0000110"/>
    <s v="ACT"/>
    <s v="REV"/>
    <s v="974"/>
    <m/>
    <m/>
    <s v="GLBATCH"/>
    <n v="2022"/>
    <d v="2022-09-02T00:00:00"/>
    <d v="2022-09-02T11:15:11"/>
    <x v="0"/>
  </r>
  <r>
    <s v="110"/>
    <s v="CAD6210803"/>
    <d v="2022-08-15T00:00:00"/>
    <s v="P"/>
    <s v="KY"/>
    <x v="0"/>
    <n v="8"/>
    <s v="10828"/>
    <s v="GLNANDA"/>
    <m/>
    <s v="USD"/>
    <n v="-7715.71"/>
    <x v="0"/>
    <s v="NONBU"/>
    <s v="G0000110"/>
    <s v="ACT"/>
    <s v="REV"/>
    <s v="974"/>
    <m/>
    <m/>
    <s v="GLBATCH"/>
    <n v="2022"/>
    <d v="2022-08-19T00:00:00"/>
    <d v="2022-08-19T12:05:11"/>
    <x v="0"/>
  </r>
  <r>
    <s v="110"/>
    <s v="CAD6210804"/>
    <d v="2022-08-15T00:00:00"/>
    <s v="P"/>
    <s v="KY"/>
    <x v="0"/>
    <n v="8"/>
    <s v="10828"/>
    <s v="GLNANDA"/>
    <m/>
    <s v="USD"/>
    <n v="-4279.8900000000003"/>
    <x v="0"/>
    <s v="NONBU"/>
    <s v="G0000110"/>
    <s v="ACT"/>
    <s v="REV"/>
    <s v="974"/>
    <m/>
    <m/>
    <s v="GLBATCH"/>
    <n v="2022"/>
    <d v="2022-08-19T00:00:00"/>
    <d v="2022-08-19T12:05:12"/>
    <x v="0"/>
  </r>
  <r>
    <s v="110"/>
    <s v="CAD6210831"/>
    <d v="2022-08-15T00:00:00"/>
    <s v="P"/>
    <s v="KY"/>
    <x v="0"/>
    <n v="8"/>
    <s v="10828"/>
    <s v="GLNANDA"/>
    <m/>
    <s v="USD"/>
    <n v="-9320.3799999999992"/>
    <x v="0"/>
    <s v="NONBU"/>
    <s v="G0000110"/>
    <s v="ACT"/>
    <s v="REV"/>
    <s v="974"/>
    <m/>
    <m/>
    <s v="GLBATCH"/>
    <n v="2022"/>
    <d v="2022-09-02T00:00:00"/>
    <d v="2022-09-02T11:15:10"/>
    <x v="0"/>
  </r>
  <r>
    <s v="110"/>
    <s v="CAD6210818"/>
    <d v="2022-08-15T00:00:00"/>
    <s v="P"/>
    <s v="KY"/>
    <x v="0"/>
    <n v="8"/>
    <s v="10828"/>
    <s v="GLNANDA"/>
    <m/>
    <s v="USD"/>
    <n v="-25154.74"/>
    <x v="0"/>
    <s v="NONBU"/>
    <s v="G0000110"/>
    <s v="ACT"/>
    <s v="REV"/>
    <s v="974"/>
    <m/>
    <m/>
    <s v="GLBATCH"/>
    <n v="2022"/>
    <d v="2022-08-31T00:00:00"/>
    <d v="2022-08-31T11:28:33"/>
    <x v="0"/>
  </r>
  <r>
    <s v="110"/>
    <s v="CAD6210829"/>
    <d v="2022-08-15T00:00:00"/>
    <s v="P"/>
    <s v="KY"/>
    <x v="0"/>
    <n v="8"/>
    <s v="10828"/>
    <s v="GLNANDA"/>
    <m/>
    <s v="USD"/>
    <n v="-31019.25"/>
    <x v="0"/>
    <s v="NONBU"/>
    <s v="G0000110"/>
    <s v="ACT"/>
    <s v="REV"/>
    <s v="974"/>
    <m/>
    <m/>
    <s v="GLBATCH"/>
    <n v="2022"/>
    <d v="2022-09-02T00:00:00"/>
    <d v="2022-09-02T11:15:09"/>
    <x v="0"/>
  </r>
  <r>
    <s v="110"/>
    <s v="CAD6210908"/>
    <d v="2022-09-15T00:00:00"/>
    <s v="P"/>
    <s v="KY"/>
    <x v="0"/>
    <n v="9"/>
    <s v="10828"/>
    <s v="GLNANDA"/>
    <m/>
    <s v="USD"/>
    <n v="-15354.55"/>
    <x v="0"/>
    <s v="NONBU"/>
    <s v="G0000110"/>
    <s v="ACT"/>
    <s v="REV"/>
    <s v="974"/>
    <m/>
    <m/>
    <s v="GLBATCH"/>
    <n v="2022"/>
    <d v="2022-09-21T00:00:00"/>
    <d v="2022-09-21T16:35:39"/>
    <x v="0"/>
  </r>
  <r>
    <s v="110"/>
    <s v="CAD6210909"/>
    <d v="2022-09-15T00:00:00"/>
    <s v="P"/>
    <s v="KY"/>
    <x v="0"/>
    <n v="9"/>
    <s v="10828"/>
    <s v="GLNANDA"/>
    <m/>
    <s v="USD"/>
    <n v="-10649.37"/>
    <x v="0"/>
    <s v="NONBU"/>
    <s v="G0000110"/>
    <s v="ACT"/>
    <s v="REV"/>
    <s v="974"/>
    <m/>
    <m/>
    <s v="GLBATCH"/>
    <n v="2022"/>
    <d v="2022-10-03T00:00:00"/>
    <d v="2022-10-03T06:54:13"/>
    <x v="0"/>
  </r>
  <r>
    <s v="110"/>
    <s v="CAD6210912"/>
    <d v="2022-09-15T00:00:00"/>
    <s v="P"/>
    <s v="KY"/>
    <x v="0"/>
    <n v="9"/>
    <s v="10828"/>
    <s v="GLNANDA"/>
    <m/>
    <s v="USD"/>
    <n v="-3738.27"/>
    <x v="0"/>
    <s v="NONBU"/>
    <s v="G0000110"/>
    <s v="ACT"/>
    <s v="REV"/>
    <s v="974"/>
    <m/>
    <m/>
    <s v="GLBATCH"/>
    <n v="2022"/>
    <d v="2022-10-03T00:00:00"/>
    <d v="2022-10-03T06:54:14"/>
    <x v="0"/>
  </r>
  <r>
    <s v="110"/>
    <s v="CAD6211003"/>
    <d v="2022-09-15T00:00:00"/>
    <s v="P"/>
    <s v="KY"/>
    <x v="0"/>
    <n v="9"/>
    <s v="10828"/>
    <s v="GLNANDA"/>
    <m/>
    <s v="USD"/>
    <n v="-25177.51"/>
    <x v="0"/>
    <s v="NONBU"/>
    <s v="G0000110"/>
    <s v="ACT"/>
    <s v="REV"/>
    <s v="974"/>
    <m/>
    <m/>
    <s v="GLBATCH"/>
    <n v="2022"/>
    <d v="2022-10-04T00:00:00"/>
    <d v="2022-10-04T14:57:42"/>
    <x v="0"/>
  </r>
  <r>
    <s v="110"/>
    <s v="CAD6210923"/>
    <d v="2022-09-15T00:00:00"/>
    <s v="P"/>
    <s v="KY"/>
    <x v="0"/>
    <n v="9"/>
    <s v="10828"/>
    <s v="GLNANDA"/>
    <m/>
    <s v="USD"/>
    <n v="-4921.3100000000004"/>
    <x v="0"/>
    <s v="NONBU"/>
    <s v="G0000110"/>
    <s v="ACT"/>
    <s v="REV"/>
    <s v="974"/>
    <m/>
    <m/>
    <s v="GLBATCH"/>
    <n v="2022"/>
    <d v="2022-10-03T00:00:00"/>
    <d v="2022-10-03T06:54:18"/>
    <x v="0"/>
  </r>
  <r>
    <s v="110"/>
    <s v="CAD6210927"/>
    <d v="2022-09-15T00:00:00"/>
    <s v="P"/>
    <s v="KY"/>
    <x v="0"/>
    <n v="9"/>
    <s v="10828"/>
    <s v="GLNANDA"/>
    <m/>
    <s v="USD"/>
    <n v="-2634.89"/>
    <x v="0"/>
    <s v="NONBU"/>
    <s v="G0000110"/>
    <s v="ACT"/>
    <s v="REV"/>
    <s v="974"/>
    <m/>
    <m/>
    <s v="GLBATCH"/>
    <n v="2022"/>
    <d v="2022-10-03T00:00:00"/>
    <d v="2022-10-03T06:54:18"/>
    <x v="0"/>
  </r>
  <r>
    <s v="110"/>
    <s v="CAD6210906"/>
    <d v="2022-09-15T00:00:00"/>
    <s v="P"/>
    <s v="KY"/>
    <x v="0"/>
    <n v="9"/>
    <s v="10828"/>
    <s v="GLNANDA"/>
    <m/>
    <s v="USD"/>
    <n v="-17250.04"/>
    <x v="0"/>
    <s v="NONBU"/>
    <s v="G0000110"/>
    <s v="ACT"/>
    <s v="REV"/>
    <s v="974"/>
    <m/>
    <m/>
    <s v="GLBATCH"/>
    <n v="2022"/>
    <d v="2022-09-21T00:00:00"/>
    <d v="2022-09-21T16:35:38"/>
    <x v="0"/>
  </r>
  <r>
    <s v="110"/>
    <s v="CAD6210919"/>
    <d v="2022-09-15T00:00:00"/>
    <s v="P"/>
    <s v="KY"/>
    <x v="0"/>
    <n v="9"/>
    <s v="10828"/>
    <s v="GLNANDA"/>
    <m/>
    <s v="USD"/>
    <n v="-10249.5"/>
    <x v="0"/>
    <s v="NONBU"/>
    <s v="G0000110"/>
    <s v="ACT"/>
    <s v="REV"/>
    <s v="974"/>
    <m/>
    <m/>
    <s v="GLBATCH"/>
    <n v="2022"/>
    <d v="2022-10-03T00:00:00"/>
    <d v="2022-10-03T06:54:16"/>
    <x v="0"/>
  </r>
  <r>
    <s v="110"/>
    <s v="CAD6210915"/>
    <d v="2022-09-15T00:00:00"/>
    <s v="P"/>
    <s v="KY"/>
    <x v="0"/>
    <n v="9"/>
    <s v="10828"/>
    <s v="GLNANDA"/>
    <m/>
    <s v="USD"/>
    <n v="-55881.75"/>
    <x v="0"/>
    <s v="NONBU"/>
    <s v="G0000110"/>
    <s v="ACT"/>
    <s v="REV"/>
    <s v="974"/>
    <m/>
    <m/>
    <s v="GLBATCH"/>
    <n v="2022"/>
    <d v="2022-10-03T00:00:00"/>
    <d v="2022-10-03T06:54:15"/>
    <x v="0"/>
  </r>
  <r>
    <s v="110"/>
    <s v="CAD6210916"/>
    <d v="2022-09-15T00:00:00"/>
    <s v="P"/>
    <s v="KY"/>
    <x v="0"/>
    <n v="9"/>
    <s v="10828"/>
    <s v="GLNANDA"/>
    <m/>
    <s v="USD"/>
    <n v="-4974.1899999999996"/>
    <x v="0"/>
    <s v="NONBU"/>
    <s v="G0000110"/>
    <s v="ACT"/>
    <s v="REV"/>
    <s v="974"/>
    <m/>
    <m/>
    <s v="GLBATCH"/>
    <n v="2022"/>
    <d v="2022-10-03T00:00:00"/>
    <d v="2022-10-03T06:54:16"/>
    <x v="0"/>
  </r>
  <r>
    <s v="110"/>
    <s v="CAD6210914"/>
    <d v="2022-09-15T00:00:00"/>
    <s v="P"/>
    <s v="KY"/>
    <x v="0"/>
    <n v="9"/>
    <s v="10828"/>
    <s v="GLNANDA"/>
    <m/>
    <s v="USD"/>
    <n v="-20015.61"/>
    <x v="0"/>
    <s v="NONBU"/>
    <s v="G0000110"/>
    <s v="ACT"/>
    <s v="REV"/>
    <s v="974"/>
    <m/>
    <m/>
    <s v="GLBATCH"/>
    <n v="2022"/>
    <d v="2022-10-03T00:00:00"/>
    <d v="2022-10-03T06:54:15"/>
    <x v="0"/>
  </r>
  <r>
    <s v="110"/>
    <s v="CAD6210913"/>
    <d v="2022-09-15T00:00:00"/>
    <s v="P"/>
    <s v="KY"/>
    <x v="0"/>
    <n v="9"/>
    <s v="10828"/>
    <s v="GLNANDA"/>
    <m/>
    <s v="USD"/>
    <n v="4372.16"/>
    <x v="0"/>
    <s v="NONBU"/>
    <s v="G0000110"/>
    <s v="ACT"/>
    <s v="REV"/>
    <s v="974"/>
    <m/>
    <m/>
    <s v="GLBATCH"/>
    <n v="2022"/>
    <d v="2022-10-03T00:00:00"/>
    <d v="2022-10-03T06:54:15"/>
    <x v="0"/>
  </r>
  <r>
    <s v="110"/>
    <s v="CAD6210921"/>
    <d v="2022-09-15T00:00:00"/>
    <s v="P"/>
    <s v="KY"/>
    <x v="0"/>
    <n v="9"/>
    <s v="10828"/>
    <s v="GLNANDA"/>
    <m/>
    <s v="USD"/>
    <n v="-14002.15"/>
    <x v="0"/>
    <s v="NONBU"/>
    <s v="G0000110"/>
    <s v="ACT"/>
    <s v="REV"/>
    <s v="974"/>
    <m/>
    <m/>
    <s v="GLBATCH"/>
    <n v="2022"/>
    <d v="2022-10-03T00:00:00"/>
    <d v="2022-10-03T06:54:17"/>
    <x v="0"/>
  </r>
  <r>
    <s v="110"/>
    <s v="CAD6210929"/>
    <d v="2022-09-15T00:00:00"/>
    <s v="P"/>
    <s v="KY"/>
    <x v="0"/>
    <n v="9"/>
    <s v="10828"/>
    <s v="GLNANDA"/>
    <m/>
    <s v="USD"/>
    <n v="-11771.74"/>
    <x v="0"/>
    <s v="NONBU"/>
    <s v="G0000110"/>
    <s v="ACT"/>
    <s v="REV"/>
    <s v="974"/>
    <m/>
    <m/>
    <s v="GLBATCH"/>
    <n v="2022"/>
    <d v="2022-10-03T00:00:00"/>
    <d v="2022-10-03T06:54:19"/>
    <x v="0"/>
  </r>
  <r>
    <s v="110"/>
    <s v="CAD6210930"/>
    <d v="2022-09-15T00:00:00"/>
    <s v="P"/>
    <s v="KY"/>
    <x v="0"/>
    <n v="9"/>
    <s v="10828"/>
    <s v="GLNANDA"/>
    <m/>
    <s v="USD"/>
    <n v="-12068.92"/>
    <x v="0"/>
    <s v="NONBU"/>
    <s v="G0000110"/>
    <s v="ACT"/>
    <s v="REV"/>
    <s v="974"/>
    <m/>
    <m/>
    <s v="GLBATCH"/>
    <n v="2022"/>
    <d v="2022-10-03T00:00:00"/>
    <d v="2022-10-03T14:20:16"/>
    <x v="0"/>
  </r>
  <r>
    <s v="110"/>
    <s v="CAD6210926"/>
    <d v="2022-09-15T00:00:00"/>
    <s v="P"/>
    <s v="KY"/>
    <x v="0"/>
    <n v="9"/>
    <s v="10828"/>
    <s v="GLNANDA"/>
    <m/>
    <s v="USD"/>
    <n v="-3849.39"/>
    <x v="0"/>
    <s v="NONBU"/>
    <s v="G0000110"/>
    <s v="ACT"/>
    <s v="REV"/>
    <s v="974"/>
    <m/>
    <m/>
    <s v="GLBATCH"/>
    <n v="2022"/>
    <d v="2022-10-03T00:00:00"/>
    <d v="2022-10-03T06:54:18"/>
    <x v="0"/>
  </r>
  <r>
    <s v="110"/>
    <s v="CAD6210907"/>
    <d v="2022-09-15T00:00:00"/>
    <s v="P"/>
    <s v="KY"/>
    <x v="0"/>
    <n v="9"/>
    <s v="10828"/>
    <s v="GLNANDA"/>
    <m/>
    <s v="USD"/>
    <n v="-1321.53"/>
    <x v="0"/>
    <s v="NONBU"/>
    <s v="G0000110"/>
    <s v="ACT"/>
    <s v="REV"/>
    <s v="974"/>
    <m/>
    <m/>
    <s v="GLBATCH"/>
    <n v="2022"/>
    <d v="2022-09-21T00:00:00"/>
    <d v="2022-09-21T16:35:38"/>
    <x v="0"/>
  </r>
  <r>
    <s v="110"/>
    <s v="CAD6210922"/>
    <d v="2022-09-15T00:00:00"/>
    <s v="P"/>
    <s v="KY"/>
    <x v="0"/>
    <n v="9"/>
    <s v="10828"/>
    <s v="GLNANDA"/>
    <m/>
    <s v="USD"/>
    <n v="836.64"/>
    <x v="0"/>
    <s v="NONBU"/>
    <s v="G0000110"/>
    <s v="ACT"/>
    <s v="REV"/>
    <s v="974"/>
    <m/>
    <m/>
    <s v="GLBATCH"/>
    <n v="2022"/>
    <d v="2022-10-03T00:00:00"/>
    <d v="2022-10-03T06:54:17"/>
    <x v="0"/>
  </r>
  <r>
    <s v="110"/>
    <s v="CAD6210920"/>
    <d v="2022-09-15T00:00:00"/>
    <s v="P"/>
    <s v="KY"/>
    <x v="0"/>
    <n v="9"/>
    <s v="10828"/>
    <s v="GLNANDA"/>
    <m/>
    <s v="USD"/>
    <n v="193.18"/>
    <x v="0"/>
    <s v="NONBU"/>
    <s v="G0000110"/>
    <s v="ACT"/>
    <s v="REV"/>
    <s v="974"/>
    <m/>
    <m/>
    <s v="GLBATCH"/>
    <n v="2022"/>
    <d v="2022-10-03T00:00:00"/>
    <d v="2022-10-03T06:54:17"/>
    <x v="0"/>
  </r>
  <r>
    <s v="110"/>
    <s v="CAD6210928"/>
    <d v="2022-09-15T00:00:00"/>
    <s v="P"/>
    <s v="KY"/>
    <x v="0"/>
    <n v="9"/>
    <s v="10828"/>
    <s v="GLNANDA"/>
    <m/>
    <s v="USD"/>
    <n v="-11902.18"/>
    <x v="0"/>
    <s v="NONBU"/>
    <s v="G0000110"/>
    <s v="ACT"/>
    <s v="REV"/>
    <s v="974"/>
    <m/>
    <m/>
    <s v="GLBATCH"/>
    <n v="2022"/>
    <d v="2022-10-03T00:00:00"/>
    <d v="2022-10-03T06:54:19"/>
    <x v="0"/>
  </r>
  <r>
    <s v="110"/>
    <s v="CAD6210902"/>
    <d v="2022-09-15T00:00:00"/>
    <s v="P"/>
    <s v="KY"/>
    <x v="0"/>
    <n v="9"/>
    <s v="10828"/>
    <s v="GLNANDA"/>
    <m/>
    <s v="USD"/>
    <n v="-7085.95"/>
    <x v="0"/>
    <s v="NONBU"/>
    <s v="G0000110"/>
    <s v="ACT"/>
    <s v="REV"/>
    <s v="974"/>
    <m/>
    <m/>
    <s v="GLBATCH"/>
    <n v="2022"/>
    <d v="2022-09-21T00:00:00"/>
    <d v="2022-09-21T16:35:38"/>
    <x v="0"/>
  </r>
  <r>
    <s v="110"/>
    <s v="CAD6211019"/>
    <d v="2022-10-15T00:00:00"/>
    <s v="P"/>
    <s v="KY"/>
    <x v="0"/>
    <n v="10"/>
    <s v="10828"/>
    <s v="GLNANDA"/>
    <m/>
    <s v="USD"/>
    <n v="2296.5500000000002"/>
    <x v="0"/>
    <s v="NONBU"/>
    <s v="G0000110"/>
    <s v="ACT"/>
    <s v="REV"/>
    <s v="974"/>
    <m/>
    <m/>
    <s v="GLBATCH"/>
    <n v="2022"/>
    <d v="2022-11-01T00:00:00"/>
    <d v="2022-11-01T05:58:13"/>
    <x v="0"/>
  </r>
  <r>
    <s v="110"/>
    <s v="CAD6211005"/>
    <d v="2022-10-15T00:00:00"/>
    <s v="P"/>
    <s v="KY"/>
    <x v="0"/>
    <n v="10"/>
    <s v="10828"/>
    <s v="GLNANDA"/>
    <m/>
    <s v="USD"/>
    <n v="13502.83"/>
    <x v="0"/>
    <s v="NONBU"/>
    <s v="G0000110"/>
    <s v="ACT"/>
    <s v="REV"/>
    <s v="974"/>
    <m/>
    <m/>
    <s v="GLBATCH"/>
    <n v="2022"/>
    <d v="2022-10-14T00:00:00"/>
    <d v="2022-10-14T01:03:53"/>
    <x v="0"/>
  </r>
  <r>
    <s v="110"/>
    <s v="CAD6211007"/>
    <d v="2022-10-15T00:00:00"/>
    <s v="P"/>
    <s v="KY"/>
    <x v="0"/>
    <n v="10"/>
    <s v="10828"/>
    <s v="GLNANDA"/>
    <m/>
    <s v="USD"/>
    <n v="-5712.39"/>
    <x v="0"/>
    <s v="NONBU"/>
    <s v="G0000110"/>
    <s v="ACT"/>
    <s v="REV"/>
    <s v="974"/>
    <m/>
    <m/>
    <s v="GLBATCH"/>
    <n v="2022"/>
    <d v="2022-11-01T00:00:00"/>
    <d v="2022-11-01T05:58:06"/>
    <x v="0"/>
  </r>
  <r>
    <s v="110"/>
    <s v="CAD6211020"/>
    <d v="2022-10-15T00:00:00"/>
    <s v="P"/>
    <s v="KY"/>
    <x v="0"/>
    <n v="10"/>
    <s v="10828"/>
    <s v="GLNANDA"/>
    <m/>
    <s v="USD"/>
    <n v="492.19"/>
    <x v="0"/>
    <s v="NONBU"/>
    <s v="G0000110"/>
    <s v="ACT"/>
    <s v="REV"/>
    <s v="974"/>
    <m/>
    <m/>
    <s v="GLBATCH"/>
    <n v="2022"/>
    <d v="2022-11-01T00:00:00"/>
    <d v="2022-11-01T05:58:13"/>
    <x v="0"/>
  </r>
  <r>
    <s v="110"/>
    <s v="CAD6211028"/>
    <d v="2022-10-15T00:00:00"/>
    <s v="P"/>
    <s v="KY"/>
    <x v="0"/>
    <n v="10"/>
    <s v="10828"/>
    <s v="GLNANDA"/>
    <m/>
    <s v="USD"/>
    <n v="-13197.28"/>
    <x v="0"/>
    <s v="NONBU"/>
    <s v="G0000110"/>
    <s v="ACT"/>
    <s v="REV"/>
    <s v="974"/>
    <m/>
    <m/>
    <s v="GLBATCH"/>
    <n v="2022"/>
    <d v="2022-11-02T00:00:00"/>
    <d v="2022-11-02T10:42:09"/>
    <x v="0"/>
  </r>
  <r>
    <s v="110"/>
    <s v="CAD6211101"/>
    <d v="2022-10-15T00:00:00"/>
    <s v="P"/>
    <s v="KY"/>
    <x v="0"/>
    <n v="10"/>
    <s v="10828"/>
    <s v="GLNANDA"/>
    <m/>
    <s v="USD"/>
    <n v="2235.88"/>
    <x v="0"/>
    <s v="NONBU"/>
    <s v="G0000110"/>
    <s v="ACT"/>
    <s v="REV"/>
    <s v="974"/>
    <m/>
    <m/>
    <s v="GLBATCH"/>
    <n v="2022"/>
    <d v="2022-11-02T00:00:00"/>
    <d v="2022-11-02T14:39:23"/>
    <x v="0"/>
  </r>
  <r>
    <s v="110"/>
    <s v="CAD6211031"/>
    <d v="2022-10-15T00:00:00"/>
    <s v="P"/>
    <s v="KY"/>
    <x v="0"/>
    <n v="10"/>
    <s v="10828"/>
    <s v="GLNANDA"/>
    <m/>
    <s v="USD"/>
    <n v="-36693.32"/>
    <x v="0"/>
    <s v="NONBU"/>
    <s v="G0000110"/>
    <s v="ACT"/>
    <s v="REV"/>
    <s v="974"/>
    <m/>
    <m/>
    <s v="GLBATCH"/>
    <n v="2022"/>
    <d v="2022-11-02T00:00:00"/>
    <d v="2022-11-02T10:42:09"/>
    <x v="0"/>
  </r>
  <r>
    <s v="110"/>
    <s v="CAD6211027"/>
    <d v="2022-10-15T00:00:00"/>
    <s v="P"/>
    <s v="KY"/>
    <x v="0"/>
    <n v="10"/>
    <s v="10828"/>
    <s v="GLNANDA"/>
    <m/>
    <s v="USD"/>
    <n v="-6975.78"/>
    <x v="0"/>
    <s v="NONBU"/>
    <s v="G0000110"/>
    <s v="ACT"/>
    <s v="REV"/>
    <s v="974"/>
    <m/>
    <m/>
    <s v="GLBATCH"/>
    <n v="2022"/>
    <d v="2022-11-01T00:00:00"/>
    <d v="2022-11-01T05:58:17"/>
    <x v="0"/>
  </r>
  <r>
    <s v="110"/>
    <s v="CAD6211010"/>
    <d v="2022-10-15T00:00:00"/>
    <s v="P"/>
    <s v="KY"/>
    <x v="0"/>
    <n v="10"/>
    <s v="10828"/>
    <s v="GLNANDA"/>
    <m/>
    <s v="USD"/>
    <n v="-14901.52"/>
    <x v="0"/>
    <s v="NONBU"/>
    <s v="G0000110"/>
    <s v="ACT"/>
    <s v="REV"/>
    <s v="974"/>
    <m/>
    <m/>
    <s v="GLBATCH"/>
    <n v="2022"/>
    <d v="2022-11-01T00:00:00"/>
    <d v="2022-11-01T05:58:07"/>
    <x v="0"/>
  </r>
  <r>
    <s v="110"/>
    <s v="CAD6211011"/>
    <d v="2022-10-15T00:00:00"/>
    <s v="P"/>
    <s v="KY"/>
    <x v="0"/>
    <n v="10"/>
    <s v="10828"/>
    <s v="GLNANDA"/>
    <m/>
    <s v="USD"/>
    <n v="20396.77"/>
    <x v="0"/>
    <s v="NONBU"/>
    <s v="G0000110"/>
    <s v="ACT"/>
    <s v="REV"/>
    <s v="974"/>
    <m/>
    <m/>
    <s v="GLBATCH"/>
    <n v="2022"/>
    <d v="2022-11-01T00:00:00"/>
    <d v="2022-11-01T05:58:08"/>
    <x v="0"/>
  </r>
  <r>
    <s v="110"/>
    <s v="CAD6211006"/>
    <d v="2022-10-15T00:00:00"/>
    <s v="P"/>
    <s v="KY"/>
    <x v="0"/>
    <n v="10"/>
    <s v="10828"/>
    <s v="GLNANDA"/>
    <m/>
    <s v="USD"/>
    <n v="5766.74"/>
    <x v="0"/>
    <s v="NONBU"/>
    <s v="G0000110"/>
    <s v="ACT"/>
    <s v="REV"/>
    <s v="974"/>
    <m/>
    <m/>
    <s v="GLBATCH"/>
    <n v="2022"/>
    <d v="2022-10-14T00:00:00"/>
    <d v="2022-10-14T01:03:53"/>
    <x v="0"/>
  </r>
  <r>
    <s v="110"/>
    <s v="CAD6211026"/>
    <d v="2022-10-15T00:00:00"/>
    <s v="P"/>
    <s v="KY"/>
    <x v="0"/>
    <n v="10"/>
    <s v="10828"/>
    <s v="GLNANDA"/>
    <m/>
    <s v="USD"/>
    <n v="-4508.3"/>
    <x v="0"/>
    <s v="NONBU"/>
    <s v="G0000110"/>
    <s v="ACT"/>
    <s v="REV"/>
    <s v="974"/>
    <m/>
    <m/>
    <s v="GLBATCH"/>
    <n v="2022"/>
    <d v="2022-11-01T00:00:00"/>
    <d v="2022-11-01T05:58:16"/>
    <x v="0"/>
  </r>
  <r>
    <s v="110"/>
    <s v="CAD6211012"/>
    <d v="2022-10-15T00:00:00"/>
    <s v="P"/>
    <s v="KY"/>
    <x v="0"/>
    <n v="10"/>
    <s v="10828"/>
    <s v="GLNANDA"/>
    <m/>
    <s v="USD"/>
    <n v="7878.72"/>
    <x v="0"/>
    <s v="NONBU"/>
    <s v="G0000110"/>
    <s v="ACT"/>
    <s v="REV"/>
    <s v="974"/>
    <m/>
    <m/>
    <s v="GLBATCH"/>
    <n v="2022"/>
    <d v="2022-11-01T00:00:00"/>
    <d v="2022-11-01T05:58:09"/>
    <x v="0"/>
  </r>
  <r>
    <s v="110"/>
    <s v="CAD6211021"/>
    <d v="2022-10-15T00:00:00"/>
    <s v="P"/>
    <s v="KY"/>
    <x v="0"/>
    <n v="10"/>
    <s v="10828"/>
    <s v="GLNANDA"/>
    <m/>
    <s v="USD"/>
    <n v="-9344.4"/>
    <x v="0"/>
    <s v="NONBU"/>
    <s v="G0000110"/>
    <s v="ACT"/>
    <s v="REV"/>
    <s v="974"/>
    <m/>
    <m/>
    <s v="GLBATCH"/>
    <n v="2022"/>
    <d v="2022-11-01T00:00:00"/>
    <d v="2022-11-01T05:58:14"/>
    <x v="0"/>
  </r>
  <r>
    <s v="110"/>
    <s v="CAD6211018"/>
    <d v="2022-10-15T00:00:00"/>
    <s v="P"/>
    <s v="KY"/>
    <x v="0"/>
    <n v="10"/>
    <s v="10828"/>
    <s v="GLNANDA"/>
    <m/>
    <s v="USD"/>
    <n v="9482.8799999999992"/>
    <x v="0"/>
    <s v="NONBU"/>
    <s v="G0000110"/>
    <s v="ACT"/>
    <s v="REV"/>
    <s v="974"/>
    <m/>
    <m/>
    <s v="GLBATCH"/>
    <n v="2022"/>
    <d v="2022-11-01T00:00:00"/>
    <d v="2022-11-01T05:58:12"/>
    <x v="0"/>
  </r>
  <r>
    <s v="110"/>
    <s v="CAD6211017"/>
    <d v="2022-10-15T00:00:00"/>
    <s v="P"/>
    <s v="KY"/>
    <x v="0"/>
    <n v="10"/>
    <s v="10828"/>
    <s v="GLNANDA"/>
    <m/>
    <s v="USD"/>
    <n v="-31782.97"/>
    <x v="0"/>
    <s v="NONBU"/>
    <s v="G0000110"/>
    <s v="ACT"/>
    <s v="REV"/>
    <s v="974"/>
    <m/>
    <m/>
    <s v="GLBATCH"/>
    <n v="2022"/>
    <d v="2022-11-01T00:00:00"/>
    <d v="2022-11-01T05:58:12"/>
    <x v="0"/>
  </r>
  <r>
    <s v="110"/>
    <s v="CAD6211014"/>
    <d v="2022-10-15T00:00:00"/>
    <s v="P"/>
    <s v="KY"/>
    <x v="0"/>
    <n v="10"/>
    <s v="10828"/>
    <s v="GLNANDA"/>
    <m/>
    <s v="USD"/>
    <n v="-14321.93"/>
    <x v="0"/>
    <s v="NONBU"/>
    <s v="G0000110"/>
    <s v="ACT"/>
    <s v="REV"/>
    <s v="974"/>
    <m/>
    <m/>
    <s v="GLBATCH"/>
    <n v="2022"/>
    <d v="2022-11-01T00:00:00"/>
    <d v="2022-11-01T05:58:11"/>
    <x v="0"/>
  </r>
  <r>
    <s v="110"/>
    <s v="CAD6211004"/>
    <d v="2022-10-15T00:00:00"/>
    <s v="P"/>
    <s v="KY"/>
    <x v="0"/>
    <n v="10"/>
    <s v="10828"/>
    <s v="GLNANDA"/>
    <m/>
    <s v="USD"/>
    <n v="8987.5499999999993"/>
    <x v="0"/>
    <s v="NONBU"/>
    <s v="G0000110"/>
    <s v="ACT"/>
    <s v="REV"/>
    <s v="974"/>
    <m/>
    <m/>
    <s v="GLBATCH"/>
    <n v="2022"/>
    <d v="2022-10-14T00:00:00"/>
    <d v="2022-10-14T01:03:53"/>
    <x v="0"/>
  </r>
  <r>
    <s v="110"/>
    <s v="CAD6211024"/>
    <d v="2022-10-15T00:00:00"/>
    <s v="P"/>
    <s v="KY"/>
    <x v="0"/>
    <n v="10"/>
    <s v="10828"/>
    <s v="GLNANDA"/>
    <m/>
    <s v="USD"/>
    <n v="-10179.42"/>
    <x v="0"/>
    <s v="NONBU"/>
    <s v="G0000110"/>
    <s v="ACT"/>
    <s v="REV"/>
    <s v="974"/>
    <m/>
    <m/>
    <s v="GLBATCH"/>
    <n v="2022"/>
    <d v="2022-11-01T00:00:00"/>
    <d v="2022-11-01T05:58:15"/>
    <x v="0"/>
  </r>
  <r>
    <s v="110"/>
    <s v="CAD6211013"/>
    <d v="2022-10-15T00:00:00"/>
    <s v="P"/>
    <s v="KY"/>
    <x v="0"/>
    <n v="10"/>
    <s v="10828"/>
    <s v="GLNANDA"/>
    <m/>
    <s v="USD"/>
    <n v="-1732.39"/>
    <x v="0"/>
    <s v="NONBU"/>
    <s v="G0000110"/>
    <s v="ACT"/>
    <s v="REV"/>
    <s v="974"/>
    <m/>
    <m/>
    <s v="GLBATCH"/>
    <n v="2022"/>
    <d v="2022-11-01T00:00:00"/>
    <d v="2022-11-01T05:58:10"/>
    <x v="0"/>
  </r>
  <r>
    <s v="110"/>
    <s v="CAD6211025"/>
    <d v="2022-10-15T00:00:00"/>
    <s v="P"/>
    <s v="KY"/>
    <x v="0"/>
    <n v="10"/>
    <s v="10828"/>
    <s v="GLNANDA"/>
    <m/>
    <s v="USD"/>
    <n v="3726.04"/>
    <x v="0"/>
    <s v="NONBU"/>
    <s v="G0000110"/>
    <s v="ACT"/>
    <s v="REV"/>
    <s v="974"/>
    <m/>
    <m/>
    <s v="GLBATCH"/>
    <n v="2022"/>
    <d v="2022-11-01T00:00:00"/>
    <d v="2022-11-01T05:58:16"/>
    <x v="0"/>
  </r>
  <r>
    <s v="110"/>
    <s v="CAD6211122"/>
    <d v="2022-11-15T00:00:00"/>
    <s v="P"/>
    <s v="KY"/>
    <x v="0"/>
    <n v="11"/>
    <s v="10828"/>
    <s v="GLNANDA"/>
    <m/>
    <s v="USD"/>
    <n v="2351.52"/>
    <x v="0"/>
    <s v="NONBU"/>
    <s v="G0000110"/>
    <s v="ACT"/>
    <s v="REV"/>
    <s v="974"/>
    <m/>
    <m/>
    <s v="GLBATCH"/>
    <n v="2022"/>
    <d v="2022-11-30T00:00:00"/>
    <d v="2022-11-30T15:34:05"/>
    <x v="0"/>
  </r>
  <r>
    <s v="110"/>
    <s v="CAD6211123"/>
    <d v="2022-11-15T00:00:00"/>
    <s v="P"/>
    <s v="KY"/>
    <x v="0"/>
    <n v="11"/>
    <s v="10828"/>
    <s v="GLNANDA"/>
    <m/>
    <s v="USD"/>
    <n v="-39026.15"/>
    <x v="0"/>
    <s v="NONBU"/>
    <s v="G0000110"/>
    <s v="ACT"/>
    <s v="REV"/>
    <s v="974"/>
    <m/>
    <m/>
    <s v="GLBATCH"/>
    <n v="2022"/>
    <d v="2022-12-01T00:00:00"/>
    <d v="2022-12-01T09:26:04"/>
    <x v="0"/>
  </r>
  <r>
    <s v="110"/>
    <s v="CAD6211121"/>
    <d v="2022-11-15T00:00:00"/>
    <s v="P"/>
    <s v="KY"/>
    <x v="0"/>
    <n v="11"/>
    <s v="10828"/>
    <s v="GLNANDA"/>
    <m/>
    <s v="USD"/>
    <n v="-16488.509999999998"/>
    <x v="0"/>
    <s v="NONBU"/>
    <s v="G0000110"/>
    <s v="ACT"/>
    <s v="REV"/>
    <s v="974"/>
    <m/>
    <m/>
    <s v="GLBATCH"/>
    <n v="2022"/>
    <d v="2022-11-30T00:00:00"/>
    <d v="2022-11-30T15:34:04"/>
    <x v="0"/>
  </r>
  <r>
    <s v="110"/>
    <s v="CAD6211128"/>
    <d v="2022-11-15T00:00:00"/>
    <s v="P"/>
    <s v="KY"/>
    <x v="0"/>
    <n v="11"/>
    <s v="10828"/>
    <s v="GLNANDA"/>
    <m/>
    <s v="USD"/>
    <n v="7230.64"/>
    <x v="0"/>
    <s v="NONBU"/>
    <s v="G0000110"/>
    <s v="ACT"/>
    <s v="REV"/>
    <s v="974"/>
    <m/>
    <m/>
    <s v="GLBATCH"/>
    <n v="2022"/>
    <d v="2022-12-01T00:00:00"/>
    <d v="2022-12-01T09:26:05"/>
    <x v="0"/>
  </r>
  <r>
    <s v="110"/>
    <s v="CAD6211108"/>
    <d v="2022-11-15T00:00:00"/>
    <s v="P"/>
    <s v="KY"/>
    <x v="0"/>
    <n v="11"/>
    <s v="10828"/>
    <s v="GLNANDA"/>
    <m/>
    <s v="USD"/>
    <n v="727.93"/>
    <x v="0"/>
    <s v="NONBU"/>
    <s v="G0000110"/>
    <s v="ACT"/>
    <s v="REV"/>
    <s v="974"/>
    <m/>
    <m/>
    <s v="GLBATCH"/>
    <n v="2022"/>
    <d v="2022-11-14T00:00:00"/>
    <d v="2022-11-14T15:22:43"/>
    <x v="0"/>
  </r>
  <r>
    <s v="110"/>
    <s v="CAD6211116"/>
    <d v="2022-11-15T00:00:00"/>
    <s v="P"/>
    <s v="KY"/>
    <x v="0"/>
    <n v="11"/>
    <s v="10828"/>
    <s v="GLNANDA"/>
    <m/>
    <s v="USD"/>
    <n v="19209.84"/>
    <x v="0"/>
    <s v="NONBU"/>
    <s v="G0000110"/>
    <s v="ACT"/>
    <s v="REV"/>
    <s v="974"/>
    <m/>
    <m/>
    <s v="GLBATCH"/>
    <n v="2022"/>
    <d v="2022-11-30T00:00:00"/>
    <d v="2022-11-30T15:34:03"/>
    <x v="0"/>
  </r>
  <r>
    <s v="110"/>
    <s v="CAD6211114"/>
    <d v="2022-11-15T00:00:00"/>
    <s v="P"/>
    <s v="KY"/>
    <x v="0"/>
    <n v="11"/>
    <s v="10828"/>
    <s v="GLNANDA"/>
    <m/>
    <s v="USD"/>
    <n v="-50587.199999999997"/>
    <x v="0"/>
    <s v="NONBU"/>
    <s v="G0000110"/>
    <s v="ACT"/>
    <s v="REV"/>
    <s v="974"/>
    <m/>
    <m/>
    <s v="GLBATCH"/>
    <n v="2022"/>
    <d v="2022-11-30T00:00:00"/>
    <d v="2022-11-30T15:34:02"/>
    <x v="0"/>
  </r>
  <r>
    <s v="110"/>
    <s v="CAD6211102"/>
    <d v="2022-11-15T00:00:00"/>
    <s v="P"/>
    <s v="KY"/>
    <x v="0"/>
    <n v="11"/>
    <s v="10828"/>
    <s v="GLNANDA"/>
    <m/>
    <s v="USD"/>
    <n v="-3612.08"/>
    <x v="0"/>
    <s v="NONBU"/>
    <s v="G0000110"/>
    <s v="ACT"/>
    <s v="REV"/>
    <s v="974"/>
    <m/>
    <m/>
    <s v="GLBATCH"/>
    <n v="2022"/>
    <d v="2022-11-14T00:00:00"/>
    <d v="2022-11-14T15:22:41"/>
    <x v="0"/>
  </r>
  <r>
    <s v="110"/>
    <s v="CAD6211130"/>
    <d v="2022-11-15T00:00:00"/>
    <s v="P"/>
    <s v="KY"/>
    <x v="0"/>
    <n v="11"/>
    <s v="10828"/>
    <s v="GLNANDA"/>
    <m/>
    <s v="USD"/>
    <n v="14205.12"/>
    <x v="0"/>
    <s v="NONBU"/>
    <s v="G0000110"/>
    <s v="ACT"/>
    <s v="REV"/>
    <s v="974"/>
    <m/>
    <m/>
    <s v="GLBATCH"/>
    <n v="2022"/>
    <d v="2022-12-02T00:00:00"/>
    <d v="2022-12-02T08:39:05"/>
    <x v="0"/>
  </r>
  <r>
    <s v="110"/>
    <s v="CAD6211129"/>
    <d v="2022-11-15T00:00:00"/>
    <s v="P"/>
    <s v="KY"/>
    <x v="0"/>
    <n v="11"/>
    <s v="10828"/>
    <s v="GLNANDA"/>
    <m/>
    <s v="USD"/>
    <n v="834.51"/>
    <x v="0"/>
    <s v="NONBU"/>
    <s v="G0000110"/>
    <s v="ACT"/>
    <s v="REV"/>
    <s v="974"/>
    <m/>
    <m/>
    <s v="GLBATCH"/>
    <n v="2022"/>
    <d v="2022-12-01T00:00:00"/>
    <d v="2022-12-01T09:26:05"/>
    <x v="0"/>
  </r>
  <r>
    <s v="110"/>
    <s v="CAD6211201"/>
    <d v="2022-11-15T00:00:00"/>
    <s v="P"/>
    <s v="KY"/>
    <x v="0"/>
    <n v="11"/>
    <s v="10828"/>
    <s v="GLNANDA"/>
    <m/>
    <s v="USD"/>
    <n v="-1243.03"/>
    <x v="0"/>
    <s v="NONBU"/>
    <s v="G0000110"/>
    <s v="ACT"/>
    <s v="REV"/>
    <s v="974"/>
    <m/>
    <m/>
    <s v="GLBATCH"/>
    <n v="2022"/>
    <d v="2022-12-03T00:00:00"/>
    <d v="2022-12-03T00:20:43"/>
    <x v="0"/>
  </r>
  <r>
    <s v="110"/>
    <s v="CAD6211109"/>
    <d v="2022-11-15T00:00:00"/>
    <s v="P"/>
    <s v="KY"/>
    <x v="0"/>
    <n v="11"/>
    <s v="10828"/>
    <s v="GLNANDA"/>
    <m/>
    <s v="USD"/>
    <n v="-3057.35"/>
    <x v="0"/>
    <s v="NONBU"/>
    <s v="G0000110"/>
    <s v="ACT"/>
    <s v="REV"/>
    <s v="974"/>
    <m/>
    <m/>
    <s v="GLBATCH"/>
    <n v="2022"/>
    <d v="2022-11-30T00:00:00"/>
    <d v="2022-11-30T15:33:59"/>
    <x v="0"/>
  </r>
  <r>
    <s v="110"/>
    <s v="CAD6211118"/>
    <d v="2022-11-15T00:00:00"/>
    <s v="P"/>
    <s v="KY"/>
    <x v="0"/>
    <n v="11"/>
    <s v="10828"/>
    <s v="GLNANDA"/>
    <m/>
    <s v="USD"/>
    <n v="-293.60000000000002"/>
    <x v="0"/>
    <s v="NONBU"/>
    <s v="G0000110"/>
    <s v="ACT"/>
    <s v="REV"/>
    <s v="974"/>
    <m/>
    <m/>
    <s v="GLBATCH"/>
    <n v="2022"/>
    <d v="2022-11-30T00:00:00"/>
    <d v="2022-11-30T15:34:04"/>
    <x v="0"/>
  </r>
  <r>
    <s v="110"/>
    <s v="CAD6211110"/>
    <d v="2022-11-15T00:00:00"/>
    <s v="P"/>
    <s v="KY"/>
    <x v="0"/>
    <n v="11"/>
    <s v="10828"/>
    <s v="GLNANDA"/>
    <m/>
    <s v="USD"/>
    <n v="-4245.8599999999997"/>
    <x v="0"/>
    <s v="NONBU"/>
    <s v="G0000110"/>
    <s v="ACT"/>
    <s v="REV"/>
    <s v="974"/>
    <m/>
    <m/>
    <s v="GLBATCH"/>
    <n v="2022"/>
    <d v="2022-11-30T00:00:00"/>
    <d v="2022-11-30T15:34:00"/>
    <x v="0"/>
  </r>
  <r>
    <s v="110"/>
    <s v="CAD6211111"/>
    <d v="2022-11-15T00:00:00"/>
    <s v="P"/>
    <s v="KY"/>
    <x v="0"/>
    <n v="11"/>
    <s v="10828"/>
    <s v="GLNANDA"/>
    <m/>
    <s v="USD"/>
    <n v="-27066.32"/>
    <x v="0"/>
    <s v="NONBU"/>
    <s v="G0000110"/>
    <s v="ACT"/>
    <s v="REV"/>
    <s v="974"/>
    <m/>
    <m/>
    <s v="GLBATCH"/>
    <n v="2022"/>
    <d v="2022-11-30T00:00:00"/>
    <d v="2022-11-30T15:34:01"/>
    <x v="0"/>
  </r>
  <r>
    <s v="110"/>
    <s v="CAD6211107"/>
    <d v="2022-11-15T00:00:00"/>
    <s v="P"/>
    <s v="KY"/>
    <x v="0"/>
    <n v="11"/>
    <s v="10828"/>
    <s v="GLNANDA"/>
    <m/>
    <s v="USD"/>
    <n v="-7790.73"/>
    <x v="0"/>
    <s v="NONBU"/>
    <s v="G0000110"/>
    <s v="ACT"/>
    <s v="REV"/>
    <s v="974"/>
    <m/>
    <m/>
    <s v="GLBATCH"/>
    <n v="2022"/>
    <d v="2022-11-14T00:00:00"/>
    <d v="2022-11-14T15:22:43"/>
    <x v="0"/>
  </r>
  <r>
    <s v="110"/>
    <s v="CAD6211104"/>
    <d v="2022-11-15T00:00:00"/>
    <s v="P"/>
    <s v="KY"/>
    <x v="0"/>
    <n v="11"/>
    <s v="10828"/>
    <s v="GLNANDA"/>
    <m/>
    <s v="USD"/>
    <n v="-2800.58"/>
    <x v="0"/>
    <s v="NONBU"/>
    <s v="G0000110"/>
    <s v="ACT"/>
    <s v="REV"/>
    <s v="974"/>
    <m/>
    <m/>
    <s v="GLBATCH"/>
    <n v="2022"/>
    <d v="2022-11-14T00:00:00"/>
    <d v="2022-11-14T15:22:42"/>
    <x v="0"/>
  </r>
  <r>
    <s v="110"/>
    <s v="CAD6211103"/>
    <d v="2022-11-15T00:00:00"/>
    <s v="P"/>
    <s v="KY"/>
    <x v="0"/>
    <n v="11"/>
    <s v="10828"/>
    <s v="GLNANDA"/>
    <m/>
    <s v="USD"/>
    <n v="-1992.12"/>
    <x v="0"/>
    <s v="NONBU"/>
    <s v="G0000110"/>
    <s v="ACT"/>
    <s v="REV"/>
    <s v="974"/>
    <m/>
    <m/>
    <s v="GLBATCH"/>
    <n v="2022"/>
    <d v="2022-11-14T00:00:00"/>
    <d v="2022-11-14T15:22:42"/>
    <x v="0"/>
  </r>
  <r>
    <s v="110"/>
    <s v="CAD6211117"/>
    <d v="2022-11-15T00:00:00"/>
    <s v="P"/>
    <s v="KY"/>
    <x v="0"/>
    <n v="11"/>
    <s v="10828"/>
    <s v="GLNANDA"/>
    <m/>
    <s v="USD"/>
    <n v="-1246.1099999999999"/>
    <x v="0"/>
    <s v="NONBU"/>
    <s v="G0000110"/>
    <s v="ACT"/>
    <s v="REV"/>
    <s v="974"/>
    <m/>
    <m/>
    <s v="GLBATCH"/>
    <n v="2022"/>
    <d v="2022-11-30T00:00:00"/>
    <d v="2022-11-30T15:34:03"/>
    <x v="0"/>
  </r>
  <r>
    <s v="110"/>
    <s v="CAD6211115"/>
    <d v="2022-11-15T00:00:00"/>
    <s v="P"/>
    <s v="KY"/>
    <x v="0"/>
    <n v="11"/>
    <s v="10828"/>
    <s v="GLNANDA"/>
    <m/>
    <s v="USD"/>
    <n v="75.010000000000005"/>
    <x v="0"/>
    <s v="NONBU"/>
    <s v="G0000110"/>
    <s v="ACT"/>
    <s v="REV"/>
    <s v="974"/>
    <m/>
    <m/>
    <s v="GLBATCH"/>
    <n v="2022"/>
    <d v="2022-11-30T00:00:00"/>
    <d v="2022-11-30T15:34:02"/>
    <x v="0"/>
  </r>
  <r>
    <s v="110"/>
    <s v="CAD6211215"/>
    <d v="2022-12-15T00:00:00"/>
    <s v="P"/>
    <s v="KY"/>
    <x v="0"/>
    <n v="12"/>
    <s v="10828"/>
    <s v="GLNANDA"/>
    <m/>
    <s v="USD"/>
    <n v="-4023.07"/>
    <x v="0"/>
    <s v="NONBU"/>
    <s v="G0000110"/>
    <s v="ACT"/>
    <s v="REV"/>
    <s v="974"/>
    <m/>
    <m/>
    <s v="GLBATCH"/>
    <n v="2022"/>
    <d v="2023-01-03T00:00:00"/>
    <d v="2023-01-03T08:55:00"/>
    <x v="0"/>
  </r>
  <r>
    <s v="110"/>
    <s v="CAD6211214"/>
    <d v="2022-12-15T00:00:00"/>
    <s v="P"/>
    <s v="KY"/>
    <x v="0"/>
    <n v="12"/>
    <s v="10828"/>
    <s v="GLNANDA"/>
    <m/>
    <s v="USD"/>
    <n v="-2.64"/>
    <x v="0"/>
    <s v="NONBU"/>
    <s v="G0000110"/>
    <s v="ACT"/>
    <s v="REV"/>
    <s v="974"/>
    <m/>
    <m/>
    <s v="GLBATCH"/>
    <n v="2022"/>
    <d v="2023-01-03T00:00:00"/>
    <d v="2023-01-03T08:54:59"/>
    <x v="0"/>
  </r>
  <r>
    <s v="110"/>
    <s v="CAD6211207"/>
    <d v="2022-12-15T00:00:00"/>
    <s v="P"/>
    <s v="KY"/>
    <x v="0"/>
    <n v="12"/>
    <s v="10828"/>
    <s v="GLNANDA"/>
    <m/>
    <s v="USD"/>
    <n v="-3006.51"/>
    <x v="0"/>
    <s v="NONBU"/>
    <s v="G0000110"/>
    <s v="ACT"/>
    <s v="REV"/>
    <s v="974"/>
    <m/>
    <m/>
    <s v="GLBATCH"/>
    <n v="2022"/>
    <d v="2022-12-28T00:00:00"/>
    <d v="2022-12-28T06:43:25"/>
    <x v="0"/>
  </r>
  <r>
    <s v="110"/>
    <s v="CAD6211202"/>
    <d v="2022-12-15T00:00:00"/>
    <s v="P"/>
    <s v="KY"/>
    <x v="0"/>
    <n v="12"/>
    <s v="10828"/>
    <s v="GLNANDA"/>
    <m/>
    <s v="USD"/>
    <n v="6705.56"/>
    <x v="0"/>
    <s v="NONBU"/>
    <s v="G0000110"/>
    <s v="ACT"/>
    <s v="REV"/>
    <s v="974"/>
    <m/>
    <m/>
    <s v="GLBATCH"/>
    <n v="2022"/>
    <d v="2022-12-28T00:00:00"/>
    <d v="2022-12-28T06:02:45"/>
    <x v="0"/>
  </r>
  <r>
    <s v="110"/>
    <s v="CAD6211221"/>
    <d v="2022-12-15T00:00:00"/>
    <s v="P"/>
    <s v="KY"/>
    <x v="0"/>
    <n v="12"/>
    <s v="10828"/>
    <s v="GLNANDA"/>
    <m/>
    <s v="USD"/>
    <n v="3874.18"/>
    <x v="0"/>
    <s v="NONBU"/>
    <s v="G0000110"/>
    <s v="ACT"/>
    <s v="REV"/>
    <s v="974"/>
    <m/>
    <m/>
    <s v="GLBATCH"/>
    <n v="2022"/>
    <d v="2023-01-03T00:00:00"/>
    <d v="2023-01-03T08:55:01"/>
    <x v="0"/>
  </r>
  <r>
    <s v="110"/>
    <s v="CAD6211222"/>
    <d v="2022-12-15T00:00:00"/>
    <s v="P"/>
    <s v="KY"/>
    <x v="0"/>
    <n v="12"/>
    <s v="10828"/>
    <s v="GLNANDA"/>
    <m/>
    <s v="USD"/>
    <n v="-748.39"/>
    <x v="0"/>
    <s v="NONBU"/>
    <s v="G0000110"/>
    <s v="ACT"/>
    <s v="REV"/>
    <s v="974"/>
    <m/>
    <m/>
    <s v="GLBATCH"/>
    <n v="2022"/>
    <d v="2023-01-03T00:00:00"/>
    <d v="2023-01-03T08:55:02"/>
    <x v="0"/>
  </r>
  <r>
    <s v="110"/>
    <s v="CAD6211219"/>
    <d v="2022-12-15T00:00:00"/>
    <s v="P"/>
    <s v="KY"/>
    <x v="0"/>
    <n v="12"/>
    <s v="10828"/>
    <s v="GLNANDA"/>
    <m/>
    <s v="USD"/>
    <n v="-19794.02"/>
    <x v="0"/>
    <s v="NONBU"/>
    <s v="G0000110"/>
    <s v="ACT"/>
    <s v="REV"/>
    <s v="974"/>
    <m/>
    <m/>
    <s v="GLBATCH"/>
    <n v="2022"/>
    <d v="2023-01-03T00:00:00"/>
    <d v="2023-01-03T08:55:01"/>
    <x v="0"/>
  </r>
  <r>
    <s v="110"/>
    <s v="CAD6211205"/>
    <d v="2022-12-15T00:00:00"/>
    <s v="P"/>
    <s v="KY"/>
    <x v="0"/>
    <n v="12"/>
    <s v="10828"/>
    <s v="GLNANDA"/>
    <m/>
    <s v="USD"/>
    <n v="-15452.14"/>
    <x v="0"/>
    <s v="NONBU"/>
    <s v="G0000110"/>
    <s v="ACT"/>
    <s v="REV"/>
    <s v="974"/>
    <m/>
    <m/>
    <s v="GLBATCH"/>
    <n v="2022"/>
    <d v="2022-12-28T00:00:00"/>
    <d v="2022-12-28T06:43:24"/>
    <x v="0"/>
  </r>
  <r>
    <s v="110"/>
    <s v="CAD6211227"/>
    <d v="2022-12-15T00:00:00"/>
    <s v="P"/>
    <s v="KY"/>
    <x v="0"/>
    <n v="12"/>
    <s v="10828"/>
    <s v="GLNANDA"/>
    <m/>
    <s v="USD"/>
    <n v="-17748.349999999999"/>
    <x v="0"/>
    <s v="NONBU"/>
    <s v="G0000110"/>
    <s v="ACT"/>
    <s v="REV"/>
    <s v="974"/>
    <m/>
    <m/>
    <s v="GLBATCH"/>
    <n v="2022"/>
    <d v="2023-01-03T00:00:00"/>
    <d v="2023-01-03T08:55:02"/>
    <x v="0"/>
  </r>
  <r>
    <s v="110"/>
    <s v="CAD6211229"/>
    <d v="2022-12-15T00:00:00"/>
    <s v="P"/>
    <s v="KY"/>
    <x v="0"/>
    <n v="12"/>
    <s v="10828"/>
    <s v="GLNANDA"/>
    <m/>
    <s v="USD"/>
    <n v="-64830.12"/>
    <x v="0"/>
    <s v="NONBU"/>
    <s v="G0000110"/>
    <s v="ACT"/>
    <s v="REV"/>
    <s v="974"/>
    <m/>
    <m/>
    <s v="GLBATCH"/>
    <n v="2022"/>
    <d v="2023-01-03T00:00:00"/>
    <d v="2023-01-03T08:55:03"/>
    <x v="0"/>
  </r>
  <r>
    <s v="110"/>
    <s v="CAD6211208"/>
    <d v="2022-12-15T00:00:00"/>
    <s v="P"/>
    <s v="KY"/>
    <x v="0"/>
    <n v="12"/>
    <s v="10828"/>
    <s v="GLNANDA"/>
    <m/>
    <s v="USD"/>
    <n v="-5330.09"/>
    <x v="0"/>
    <s v="NONBU"/>
    <s v="G0000110"/>
    <s v="ACT"/>
    <s v="REV"/>
    <s v="974"/>
    <m/>
    <m/>
    <s v="GLBATCH"/>
    <n v="2022"/>
    <d v="2022-12-28T00:00:00"/>
    <d v="2022-12-28T06:43:26"/>
    <x v="0"/>
  </r>
  <r>
    <s v="110"/>
    <s v="CAD6211230"/>
    <d v="2022-12-15T00:00:00"/>
    <s v="P"/>
    <s v="KY"/>
    <x v="0"/>
    <n v="12"/>
    <s v="10828"/>
    <s v="GLNANDA"/>
    <m/>
    <s v="USD"/>
    <n v="-7658.66"/>
    <x v="0"/>
    <s v="NONBU"/>
    <s v="G0000110"/>
    <s v="ACT"/>
    <s v="REV"/>
    <s v="974"/>
    <m/>
    <m/>
    <s v="GLBATCH"/>
    <n v="2022"/>
    <d v="2023-01-04T00:00:00"/>
    <d v="2023-01-04T06:28:47"/>
    <x v="0"/>
  </r>
  <r>
    <s v="110"/>
    <s v="CAD6211220"/>
    <d v="2022-12-15T00:00:00"/>
    <s v="P"/>
    <s v="KY"/>
    <x v="0"/>
    <n v="12"/>
    <s v="10828"/>
    <s v="GLNANDA"/>
    <m/>
    <s v="USD"/>
    <n v="531.27"/>
    <x v="0"/>
    <s v="NONBU"/>
    <s v="G0000110"/>
    <s v="ACT"/>
    <s v="REV"/>
    <s v="974"/>
    <m/>
    <m/>
    <s v="GLBATCH"/>
    <n v="2022"/>
    <d v="2023-01-03T00:00:00"/>
    <d v="2023-01-03T08:55:01"/>
    <x v="0"/>
  </r>
  <r>
    <s v="110"/>
    <s v="CAD6211209"/>
    <d v="2022-12-15T00:00:00"/>
    <s v="P"/>
    <s v="KY"/>
    <x v="0"/>
    <n v="12"/>
    <s v="10828"/>
    <s v="GLNANDA"/>
    <m/>
    <s v="USD"/>
    <n v="-3548.05"/>
    <x v="0"/>
    <s v="NONBU"/>
    <s v="G0000110"/>
    <s v="ACT"/>
    <s v="REV"/>
    <s v="974"/>
    <m/>
    <m/>
    <s v="GLBATCH"/>
    <n v="2022"/>
    <d v="2022-12-28T00:00:00"/>
    <d v="2022-12-28T06:43:26"/>
    <x v="0"/>
  </r>
  <r>
    <s v="110"/>
    <s v="CAD6211212"/>
    <d v="2022-12-15T00:00:00"/>
    <s v="P"/>
    <s v="KY"/>
    <x v="0"/>
    <n v="12"/>
    <s v="10828"/>
    <s v="GLNANDA"/>
    <m/>
    <s v="USD"/>
    <n v="-1245.68"/>
    <x v="0"/>
    <s v="NONBU"/>
    <s v="G0000110"/>
    <s v="ACT"/>
    <s v="REV"/>
    <s v="974"/>
    <m/>
    <m/>
    <s v="GLBATCH"/>
    <n v="2022"/>
    <d v="2023-01-03T00:00:00"/>
    <d v="2023-01-03T08:54:58"/>
    <x v="0"/>
  </r>
  <r>
    <s v="110"/>
    <s v="CAD6211228"/>
    <d v="2022-12-15T00:00:00"/>
    <s v="P"/>
    <s v="KY"/>
    <x v="0"/>
    <n v="12"/>
    <s v="10828"/>
    <s v="GLNANDA"/>
    <m/>
    <s v="USD"/>
    <n v="-1679.25"/>
    <x v="0"/>
    <s v="NONBU"/>
    <s v="G0000110"/>
    <s v="ACT"/>
    <s v="REV"/>
    <s v="974"/>
    <m/>
    <m/>
    <s v="GLBATCH"/>
    <n v="2022"/>
    <d v="2023-01-03T00:00:00"/>
    <d v="2023-01-03T08:55:03"/>
    <x v="0"/>
  </r>
  <r>
    <s v="110"/>
    <s v="CAD6211206"/>
    <d v="2022-12-15T00:00:00"/>
    <s v="P"/>
    <s v="KY"/>
    <x v="0"/>
    <n v="12"/>
    <s v="10828"/>
    <s v="GLNANDA"/>
    <m/>
    <s v="USD"/>
    <n v="-102.1"/>
    <x v="0"/>
    <s v="NONBU"/>
    <s v="G0000110"/>
    <s v="ACT"/>
    <s v="REV"/>
    <s v="974"/>
    <m/>
    <m/>
    <s v="GLBATCH"/>
    <n v="2022"/>
    <d v="2022-12-28T00:00:00"/>
    <d v="2022-12-28T06:43:25"/>
    <x v="0"/>
  </r>
  <r>
    <s v="110"/>
    <s v="CAD6210103"/>
    <d v="2022-12-15T00:00:00"/>
    <s v="P"/>
    <s v="KY"/>
    <x v="0"/>
    <n v="12"/>
    <s v="10828"/>
    <s v="GLNANDA"/>
    <m/>
    <s v="USD"/>
    <n v="-7419.99"/>
    <x v="0"/>
    <s v="NONBU"/>
    <s v="G0000110"/>
    <s v="ACT"/>
    <s v="REV"/>
    <s v="974"/>
    <m/>
    <m/>
    <s v="GLBATCH"/>
    <n v="2022"/>
    <d v="2023-01-04T00:00:00"/>
    <d v="2023-01-04T13:42:54"/>
    <x v="0"/>
  </r>
  <r>
    <s v="110"/>
    <s v="CAD6211216"/>
    <d v="2022-12-15T00:00:00"/>
    <s v="P"/>
    <s v="KY"/>
    <x v="0"/>
    <n v="12"/>
    <s v="10828"/>
    <s v="GLNANDA"/>
    <m/>
    <s v="USD"/>
    <n v="-12722.57"/>
    <x v="0"/>
    <s v="NONBU"/>
    <s v="G0000110"/>
    <s v="ACT"/>
    <s v="REV"/>
    <s v="974"/>
    <m/>
    <m/>
    <s v="GLBATCH"/>
    <n v="2022"/>
    <d v="2023-01-03T00:00:00"/>
    <d v="2023-01-03T08:55:00"/>
    <x v="0"/>
  </r>
  <r>
    <s v="110"/>
    <s v="CAD6211213"/>
    <d v="2022-12-15T00:00:00"/>
    <s v="P"/>
    <s v="KY"/>
    <x v="0"/>
    <n v="12"/>
    <s v="10828"/>
    <s v="GLNANDA"/>
    <m/>
    <s v="USD"/>
    <n v="847.55"/>
    <x v="0"/>
    <s v="NONBU"/>
    <s v="G0000110"/>
    <s v="ACT"/>
    <s v="REV"/>
    <s v="974"/>
    <m/>
    <m/>
    <s v="GLBATCH"/>
    <n v="2022"/>
    <d v="2023-01-03T00:00:00"/>
    <d v="2023-01-03T08:54:59"/>
    <x v="0"/>
  </r>
  <r>
    <s v="110"/>
    <s v="CAD6210120"/>
    <d v="2023-01-15T00:00:00"/>
    <s v="P"/>
    <s v="KY"/>
    <x v="0"/>
    <n v="1"/>
    <s v="10828"/>
    <s v="GLNANDA"/>
    <m/>
    <s v="USD"/>
    <n v="-28769.47"/>
    <x v="0"/>
    <s v="NONBU"/>
    <s v="G0000110"/>
    <s v="ACT"/>
    <s v="REV"/>
    <s v="974"/>
    <m/>
    <m/>
    <s v="GLBATCH"/>
    <n v="2023"/>
    <d v="2023-02-01T00:00:00"/>
    <d v="2023-02-01T07:36:12"/>
    <x v="0"/>
  </r>
  <r>
    <s v="110"/>
    <s v="CAD6210111"/>
    <d v="2023-01-15T00:00:00"/>
    <s v="P"/>
    <s v="KY"/>
    <x v="0"/>
    <n v="1"/>
    <s v="10828"/>
    <s v="GLNANDA"/>
    <m/>
    <s v="USD"/>
    <n v="-240.25"/>
    <x v="0"/>
    <s v="NONBU"/>
    <s v="G0000110"/>
    <s v="ACT"/>
    <s v="REV"/>
    <s v="974"/>
    <m/>
    <m/>
    <s v="GLBATCH"/>
    <n v="2023"/>
    <d v="2023-02-01T00:00:00"/>
    <d v="2023-02-01T07:28:14"/>
    <x v="0"/>
  </r>
  <r>
    <s v="110"/>
    <s v="CAD6210119"/>
    <d v="2023-01-15T00:00:00"/>
    <s v="P"/>
    <s v="KY"/>
    <x v="0"/>
    <n v="1"/>
    <s v="10828"/>
    <s v="GLNANDA"/>
    <m/>
    <s v="USD"/>
    <n v="-1644.02"/>
    <x v="0"/>
    <s v="NONBU"/>
    <s v="G0000110"/>
    <s v="ACT"/>
    <s v="REV"/>
    <s v="974"/>
    <m/>
    <m/>
    <s v="GLBATCH"/>
    <n v="2023"/>
    <d v="2023-02-01T00:00:00"/>
    <d v="2023-02-01T07:36:12"/>
    <x v="0"/>
  </r>
  <r>
    <s v="110"/>
    <s v="CAD6210112"/>
    <d v="2023-01-15T00:00:00"/>
    <s v="P"/>
    <s v="KY"/>
    <x v="0"/>
    <n v="1"/>
    <s v="10828"/>
    <s v="GLNANDA"/>
    <m/>
    <s v="USD"/>
    <n v="-211.68"/>
    <x v="0"/>
    <s v="NONBU"/>
    <s v="G0000110"/>
    <s v="ACT"/>
    <s v="REV"/>
    <s v="974"/>
    <m/>
    <m/>
    <s v="GLBATCH"/>
    <n v="2023"/>
    <d v="2023-02-01T00:00:00"/>
    <d v="2023-02-01T07:28:15"/>
    <x v="0"/>
  </r>
  <r>
    <s v="110"/>
    <s v="CAD6210124"/>
    <d v="2023-01-15T00:00:00"/>
    <s v="P"/>
    <s v="KY"/>
    <x v="0"/>
    <n v="1"/>
    <s v="10828"/>
    <s v="GLNANDA"/>
    <m/>
    <s v="USD"/>
    <n v="5435.14"/>
    <x v="0"/>
    <s v="NONBU"/>
    <s v="G0000110"/>
    <s v="ACT"/>
    <s v="REV"/>
    <s v="974"/>
    <m/>
    <m/>
    <s v="GLBATCH"/>
    <n v="2023"/>
    <d v="2023-02-01T00:00:00"/>
    <d v="2023-02-01T07:36:13"/>
    <x v="0"/>
  </r>
  <r>
    <s v="110"/>
    <s v="CAD6210123"/>
    <d v="2023-01-15T00:00:00"/>
    <s v="P"/>
    <s v="KY"/>
    <x v="0"/>
    <n v="1"/>
    <s v="10828"/>
    <s v="GLNANDA"/>
    <m/>
    <s v="USD"/>
    <n v="-21029.06"/>
    <x v="0"/>
    <s v="NONBU"/>
    <s v="G0000110"/>
    <s v="ACT"/>
    <s v="REV"/>
    <s v="974"/>
    <m/>
    <m/>
    <s v="GLBATCH"/>
    <n v="2023"/>
    <d v="2023-02-01T00:00:00"/>
    <d v="2023-02-01T07:36:13"/>
    <x v="0"/>
  </r>
  <r>
    <s v="110"/>
    <s v="CAD6210105"/>
    <d v="2023-01-15T00:00:00"/>
    <s v="P"/>
    <s v="KY"/>
    <x v="0"/>
    <n v="1"/>
    <s v="10828"/>
    <s v="GLNANDA"/>
    <m/>
    <s v="USD"/>
    <n v="-14275.47"/>
    <x v="0"/>
    <s v="NONBU"/>
    <s v="G0000110"/>
    <s v="ACT"/>
    <s v="REV"/>
    <s v="974"/>
    <m/>
    <m/>
    <s v="GLBATCH"/>
    <n v="2023"/>
    <d v="2023-01-11T00:00:00"/>
    <d v="2023-01-11T10:04:01"/>
    <x v="0"/>
  </r>
  <r>
    <s v="110"/>
    <s v="CAD6210106"/>
    <d v="2023-01-15T00:00:00"/>
    <s v="P"/>
    <s v="KY"/>
    <x v="0"/>
    <n v="1"/>
    <s v="10828"/>
    <s v="GLNANDA"/>
    <m/>
    <s v="USD"/>
    <n v="-7456.42"/>
    <x v="0"/>
    <s v="NONBU"/>
    <s v="G0000110"/>
    <s v="ACT"/>
    <s v="REV"/>
    <s v="974"/>
    <m/>
    <m/>
    <s v="GLBATCH"/>
    <n v="2023"/>
    <d v="2023-02-01T00:00:00"/>
    <d v="2023-02-01T07:28:13"/>
    <x v="0"/>
  </r>
  <r>
    <s v="110"/>
    <s v="CAD6210125"/>
    <d v="2023-01-15T00:00:00"/>
    <s v="P"/>
    <s v="KY"/>
    <x v="0"/>
    <n v="1"/>
    <s v="10828"/>
    <s v="GLNANDA"/>
    <m/>
    <s v="USD"/>
    <n v="-6903.28"/>
    <x v="0"/>
    <s v="NONBU"/>
    <s v="G0000110"/>
    <s v="ACT"/>
    <s v="REV"/>
    <s v="974"/>
    <m/>
    <m/>
    <s v="GLBATCH"/>
    <n v="2023"/>
    <d v="2023-02-01T00:00:00"/>
    <d v="2023-02-01T07:36:14"/>
    <x v="0"/>
  </r>
  <r>
    <s v="110"/>
    <s v="CAD6210109"/>
    <d v="2023-01-15T00:00:00"/>
    <s v="P"/>
    <s v="KY"/>
    <x v="0"/>
    <n v="1"/>
    <s v="10828"/>
    <s v="GLNANDA"/>
    <m/>
    <s v="USD"/>
    <n v="-14643.87"/>
    <x v="0"/>
    <s v="NONBU"/>
    <s v="G0000110"/>
    <s v="ACT"/>
    <s v="REV"/>
    <s v="974"/>
    <m/>
    <m/>
    <s v="GLBATCH"/>
    <n v="2023"/>
    <d v="2023-02-01T00:00:00"/>
    <d v="2023-02-01T07:28:13"/>
    <x v="0"/>
  </r>
  <r>
    <s v="110"/>
    <s v="CAD6210201"/>
    <d v="2023-01-15T00:00:00"/>
    <s v="P"/>
    <s v="KY"/>
    <x v="0"/>
    <n v="1"/>
    <s v="10828"/>
    <s v="GLNANDA"/>
    <m/>
    <s v="USD"/>
    <n v="-5831.82"/>
    <x v="0"/>
    <s v="NONBU"/>
    <s v="G0000110"/>
    <s v="ACT"/>
    <s v="REV"/>
    <s v="974"/>
    <m/>
    <m/>
    <s v="GLBATCH"/>
    <n v="2023"/>
    <d v="2023-02-02T00:00:00"/>
    <d v="2023-02-02T14:14:32"/>
    <x v="0"/>
  </r>
  <r>
    <s v="110"/>
    <s v="CAD6210131"/>
    <d v="2023-01-15T00:00:00"/>
    <s v="P"/>
    <s v="KY"/>
    <x v="0"/>
    <n v="1"/>
    <s v="10828"/>
    <s v="GLNANDA"/>
    <m/>
    <s v="USD"/>
    <n v="483.32"/>
    <x v="0"/>
    <s v="NONBU"/>
    <s v="G0000110"/>
    <s v="ACT"/>
    <s v="REV"/>
    <s v="974"/>
    <m/>
    <m/>
    <s v="GLBATCH"/>
    <n v="2023"/>
    <d v="2023-02-02T00:00:00"/>
    <d v="2023-02-02T14:14:32"/>
    <x v="0"/>
  </r>
  <r>
    <s v="110"/>
    <s v="CAD6210113"/>
    <d v="2023-01-15T00:00:00"/>
    <s v="P"/>
    <s v="KY"/>
    <x v="0"/>
    <n v="1"/>
    <s v="10828"/>
    <s v="GLNANDA"/>
    <m/>
    <s v="USD"/>
    <n v="-3948.01"/>
    <x v="0"/>
    <s v="NONBU"/>
    <s v="G0000110"/>
    <s v="ACT"/>
    <s v="REV"/>
    <s v="974"/>
    <m/>
    <m/>
    <s v="GLBATCH"/>
    <n v="2023"/>
    <d v="2023-02-01T00:00:00"/>
    <d v="2023-02-01T07:28:15"/>
    <x v="0"/>
  </r>
  <r>
    <s v="110"/>
    <s v="CAD6210118"/>
    <d v="2023-01-15T00:00:00"/>
    <s v="P"/>
    <s v="KY"/>
    <x v="0"/>
    <n v="1"/>
    <s v="10828"/>
    <s v="GLNANDA"/>
    <m/>
    <s v="USD"/>
    <n v="-6011.21"/>
    <x v="0"/>
    <s v="NONBU"/>
    <s v="G0000110"/>
    <s v="ACT"/>
    <s v="REV"/>
    <s v="974"/>
    <m/>
    <m/>
    <s v="GLBATCH"/>
    <n v="2023"/>
    <d v="2023-02-01T00:00:00"/>
    <d v="2023-02-01T07:28:16"/>
    <x v="0"/>
  </r>
  <r>
    <s v="110"/>
    <s v="CAD6210117"/>
    <d v="2023-01-15T00:00:00"/>
    <s v="P"/>
    <s v="KY"/>
    <x v="0"/>
    <n v="1"/>
    <s v="10828"/>
    <s v="GLNANDA"/>
    <m/>
    <s v="USD"/>
    <n v="19097.77"/>
    <x v="0"/>
    <s v="NONBU"/>
    <s v="G0000110"/>
    <s v="ACT"/>
    <s v="REV"/>
    <s v="974"/>
    <m/>
    <m/>
    <s v="GLBATCH"/>
    <n v="2023"/>
    <d v="2023-02-01T00:00:00"/>
    <d v="2023-02-01T07:28:15"/>
    <x v="0"/>
  </r>
  <r>
    <s v="110"/>
    <s v="CAD6210116"/>
    <d v="2023-01-15T00:00:00"/>
    <s v="P"/>
    <s v="KY"/>
    <x v="0"/>
    <n v="1"/>
    <s v="10828"/>
    <s v="GLNANDA"/>
    <m/>
    <s v="USD"/>
    <n v="-27267.3"/>
    <x v="0"/>
    <s v="NONBU"/>
    <s v="G0000110"/>
    <s v="ACT"/>
    <s v="REV"/>
    <s v="974"/>
    <m/>
    <m/>
    <s v="GLBATCH"/>
    <n v="2023"/>
    <d v="2023-02-01T00:00:00"/>
    <d v="2023-02-01T07:28:15"/>
    <x v="0"/>
  </r>
  <r>
    <s v="110"/>
    <s v="CAD6210130"/>
    <d v="2023-01-15T00:00:00"/>
    <s v="P"/>
    <s v="KY"/>
    <x v="0"/>
    <n v="1"/>
    <s v="10828"/>
    <s v="GLNANDA"/>
    <m/>
    <s v="USD"/>
    <n v="-130181.09"/>
    <x v="0"/>
    <s v="NONBU"/>
    <s v="G0000110"/>
    <s v="ACT"/>
    <s v="REV"/>
    <s v="974"/>
    <m/>
    <m/>
    <s v="GLBATCH"/>
    <n v="2023"/>
    <d v="2023-02-01T00:00:00"/>
    <d v="2023-02-01T07:36:15"/>
    <x v="0"/>
  </r>
  <r>
    <s v="110"/>
    <s v="CAD6210110"/>
    <d v="2023-01-15T00:00:00"/>
    <s v="P"/>
    <s v="KY"/>
    <x v="0"/>
    <n v="1"/>
    <s v="10828"/>
    <s v="GLNANDA"/>
    <m/>
    <s v="USD"/>
    <n v="6543.29"/>
    <x v="0"/>
    <s v="NONBU"/>
    <s v="G0000110"/>
    <s v="ACT"/>
    <s v="REV"/>
    <s v="974"/>
    <m/>
    <m/>
    <s v="GLBATCH"/>
    <n v="2023"/>
    <d v="2023-02-01T00:00:00"/>
    <d v="2023-02-01T07:28:14"/>
    <x v="0"/>
  </r>
  <r>
    <s v="110"/>
    <s v="CAD6210126"/>
    <d v="2023-01-15T00:00:00"/>
    <s v="P"/>
    <s v="KY"/>
    <x v="0"/>
    <n v="1"/>
    <s v="10828"/>
    <s v="GLNANDA"/>
    <m/>
    <s v="USD"/>
    <n v="-2425.0700000000002"/>
    <x v="0"/>
    <s v="NONBU"/>
    <s v="G0000110"/>
    <s v="ACT"/>
    <s v="REV"/>
    <s v="974"/>
    <m/>
    <m/>
    <s v="GLBATCH"/>
    <n v="2023"/>
    <d v="2023-02-01T00:00:00"/>
    <d v="2023-02-01T07:36:14"/>
    <x v="0"/>
  </r>
  <r>
    <s v="110"/>
    <s v="CAD6210127"/>
    <d v="2023-01-15T00:00:00"/>
    <s v="P"/>
    <s v="KY"/>
    <x v="0"/>
    <n v="1"/>
    <s v="10828"/>
    <s v="GLNANDA"/>
    <m/>
    <s v="USD"/>
    <n v="-5808.09"/>
    <x v="0"/>
    <s v="NONBU"/>
    <s v="G0000110"/>
    <s v="ACT"/>
    <s v="REV"/>
    <s v="974"/>
    <m/>
    <m/>
    <s v="GLBATCH"/>
    <n v="2023"/>
    <d v="2023-02-01T00:00:00"/>
    <d v="2023-02-01T07:36:14"/>
    <x v="0"/>
  </r>
  <r>
    <s v="110"/>
    <s v="CAD6210104"/>
    <d v="2023-01-15T00:00:00"/>
    <s v="P"/>
    <s v="KY"/>
    <x v="0"/>
    <n v="1"/>
    <s v="10828"/>
    <s v="GLNANDA"/>
    <m/>
    <s v="USD"/>
    <n v="205.15"/>
    <x v="0"/>
    <s v="NONBU"/>
    <s v="G0000110"/>
    <s v="ACT"/>
    <s v="REV"/>
    <s v="974"/>
    <m/>
    <m/>
    <s v="GLBATCH"/>
    <n v="2023"/>
    <d v="2023-01-11T00:00:00"/>
    <d v="2023-01-11T10:04:01"/>
    <x v="0"/>
  </r>
  <r>
    <s v="110"/>
    <s v="CAD6210228"/>
    <d v="2023-02-15T00:00:00"/>
    <s v="P"/>
    <s v="KY"/>
    <x v="0"/>
    <n v="2"/>
    <s v="10828"/>
    <s v="GLNANDA"/>
    <m/>
    <s v="USD"/>
    <n v="4827.54"/>
    <x v="0"/>
    <s v="NONBU"/>
    <s v="G0000110"/>
    <s v="ACT"/>
    <s v="REV"/>
    <s v="974"/>
    <m/>
    <m/>
    <s v="GLBATCH"/>
    <n v="2023"/>
    <d v="2023-03-01T00:00:00"/>
    <d v="2023-03-01T15:23:24"/>
    <x v="1"/>
  </r>
  <r>
    <s v="110"/>
    <s v="CAD6210220"/>
    <d v="2023-02-15T00:00:00"/>
    <s v="P"/>
    <s v="KY"/>
    <x v="0"/>
    <n v="2"/>
    <s v="10828"/>
    <s v="GLNANDA"/>
    <m/>
    <s v="USD"/>
    <n v="-29233.82"/>
    <x v="0"/>
    <s v="NONBU"/>
    <s v="G0000110"/>
    <s v="ACT"/>
    <s v="REV"/>
    <s v="974"/>
    <m/>
    <m/>
    <s v="GLBATCH"/>
    <n v="2023"/>
    <d v="2023-02-23T00:00:00"/>
    <d v="2023-02-23T02:36:42"/>
    <x v="0"/>
  </r>
  <r>
    <s v="110"/>
    <s v="CAD6210227"/>
    <d v="2023-02-15T00:00:00"/>
    <s v="P"/>
    <s v="KY"/>
    <x v="0"/>
    <n v="2"/>
    <s v="10828"/>
    <s v="GLNANDA"/>
    <m/>
    <s v="USD"/>
    <n v="-48221.34"/>
    <x v="0"/>
    <s v="NONBU"/>
    <s v="G0000110"/>
    <s v="ACT"/>
    <s v="REV"/>
    <s v="974"/>
    <m/>
    <m/>
    <s v="GLBATCH"/>
    <n v="2023"/>
    <d v="2023-02-28T00:00:00"/>
    <d v="2023-02-28T15:06:49"/>
    <x v="2"/>
  </r>
  <r>
    <s v="110"/>
    <s v="CAD6210215"/>
    <d v="2023-02-15T00:00:00"/>
    <s v="P"/>
    <s v="KY"/>
    <x v="0"/>
    <n v="2"/>
    <s v="10828"/>
    <s v="GLNANDA"/>
    <m/>
    <s v="USD"/>
    <n v="-2434.41"/>
    <x v="0"/>
    <s v="NONBU"/>
    <s v="G0000110"/>
    <s v="ACT"/>
    <s v="REV"/>
    <s v="974"/>
    <m/>
    <m/>
    <s v="GLBATCH"/>
    <n v="2023"/>
    <d v="2023-02-23T00:00:00"/>
    <d v="2023-02-23T02:36:41"/>
    <x v="0"/>
  </r>
  <r>
    <s v="110"/>
    <s v="CAD6210217"/>
    <d v="2023-02-15T00:00:00"/>
    <s v="P"/>
    <s v="KY"/>
    <x v="0"/>
    <n v="2"/>
    <s v="10828"/>
    <s v="GLNANDA"/>
    <m/>
    <s v="USD"/>
    <n v="-17856.689999999999"/>
    <x v="0"/>
    <s v="NONBU"/>
    <s v="G0000110"/>
    <s v="ACT"/>
    <s v="REV"/>
    <s v="974"/>
    <m/>
    <m/>
    <s v="GLBATCH"/>
    <n v="2023"/>
    <d v="2023-02-23T00:00:00"/>
    <d v="2023-02-23T02:36:42"/>
    <x v="0"/>
  </r>
  <r>
    <s v="110"/>
    <s v="CAD6210216"/>
    <d v="2023-02-15T00:00:00"/>
    <s v="P"/>
    <s v="KY"/>
    <x v="0"/>
    <n v="2"/>
    <s v="10828"/>
    <s v="GLNANDA"/>
    <m/>
    <s v="USD"/>
    <n v="-12382.25"/>
    <x v="0"/>
    <s v="NONBU"/>
    <s v="G0000110"/>
    <s v="ACT"/>
    <s v="REV"/>
    <s v="974"/>
    <m/>
    <m/>
    <s v="GLBATCH"/>
    <n v="2023"/>
    <d v="2023-02-23T00:00:00"/>
    <d v="2023-02-23T02:36:42"/>
    <x v="0"/>
  </r>
  <r>
    <s v="110"/>
    <s v="CAD6210222"/>
    <d v="2023-02-15T00:00:00"/>
    <s v="P"/>
    <s v="KY"/>
    <x v="0"/>
    <n v="2"/>
    <s v="10828"/>
    <s v="GLNANDA"/>
    <m/>
    <s v="USD"/>
    <n v="-1967.58"/>
    <x v="0"/>
    <s v="NONBU"/>
    <s v="G0000110"/>
    <s v="ACT"/>
    <s v="REV"/>
    <s v="974"/>
    <m/>
    <m/>
    <s v="GLBATCH"/>
    <n v="2023"/>
    <d v="2023-02-23T00:00:00"/>
    <d v="2023-02-23T11:01:45"/>
    <x v="0"/>
  </r>
  <r>
    <s v="110"/>
    <s v="CAD6210301"/>
    <d v="2023-02-15T00:00:00"/>
    <s v="P"/>
    <s v="KY"/>
    <x v="0"/>
    <n v="2"/>
    <s v="10828"/>
    <s v="GLNANDA"/>
    <m/>
    <s v="USD"/>
    <n v="-6485.41"/>
    <x v="0"/>
    <s v="NONBU"/>
    <s v="G0000110"/>
    <s v="ACT"/>
    <s v="REV"/>
    <s v="974"/>
    <m/>
    <m/>
    <s v="GLBATCH"/>
    <n v="2023"/>
    <d v="2023-03-02T00:00:00"/>
    <d v="2023-03-02T12:03:04"/>
    <x v="3"/>
  </r>
  <r>
    <s v="110"/>
    <s v="CAD6210214"/>
    <d v="2023-02-15T00:00:00"/>
    <s v="P"/>
    <s v="KY"/>
    <x v="0"/>
    <n v="2"/>
    <s v="10828"/>
    <s v="GLNANDA"/>
    <m/>
    <s v="USD"/>
    <n v="715.71"/>
    <x v="0"/>
    <s v="NONBU"/>
    <s v="G0000110"/>
    <s v="ACT"/>
    <s v="REV"/>
    <s v="974"/>
    <m/>
    <m/>
    <s v="GLBATCH"/>
    <n v="2023"/>
    <d v="2023-02-23T00:00:00"/>
    <d v="2023-02-23T02:36:41"/>
    <x v="0"/>
  </r>
  <r>
    <s v="110"/>
    <s v="CAD6210224"/>
    <d v="2023-02-15T00:00:00"/>
    <s v="P"/>
    <s v="KY"/>
    <x v="0"/>
    <n v="2"/>
    <s v="10828"/>
    <s v="GLNANDA"/>
    <m/>
    <s v="USD"/>
    <n v="-8068.77"/>
    <x v="0"/>
    <s v="NONBU"/>
    <s v="G0000110"/>
    <s v="ACT"/>
    <s v="REV"/>
    <s v="974"/>
    <m/>
    <m/>
    <s v="GLBATCH"/>
    <n v="2023"/>
    <d v="2023-02-28T00:00:00"/>
    <d v="2023-02-28T15:06:48"/>
    <x v="4"/>
  </r>
  <r>
    <s v="110"/>
    <s v="CAD6210223"/>
    <d v="2023-02-15T00:00:00"/>
    <s v="P"/>
    <s v="KY"/>
    <x v="0"/>
    <n v="2"/>
    <s v="10828"/>
    <s v="GLNANDA"/>
    <m/>
    <s v="USD"/>
    <n v="-5218.71"/>
    <x v="0"/>
    <s v="NONBU"/>
    <s v="G0000110"/>
    <s v="ACT"/>
    <s v="REV"/>
    <s v="974"/>
    <m/>
    <m/>
    <s v="GLBATCH"/>
    <n v="2023"/>
    <d v="2023-02-28T00:00:00"/>
    <d v="2023-02-28T15:06:45"/>
    <x v="5"/>
  </r>
  <r>
    <s v="110"/>
    <s v="CAD6210202"/>
    <d v="2023-02-15T00:00:00"/>
    <s v="P"/>
    <s v="KY"/>
    <x v="0"/>
    <n v="2"/>
    <s v="10828"/>
    <s v="GLNANDA"/>
    <m/>
    <s v="USD"/>
    <n v="-12515.84"/>
    <x v="0"/>
    <s v="NONBU"/>
    <s v="G0000110"/>
    <s v="ACT"/>
    <s v="REV"/>
    <s v="974"/>
    <m/>
    <m/>
    <s v="GLBATCH"/>
    <n v="2023"/>
    <d v="2023-02-23T00:00:00"/>
    <d v="2023-02-23T02:36:38"/>
    <x v="0"/>
  </r>
  <r>
    <s v="110"/>
    <s v="CAD6210208"/>
    <d v="2023-02-15T00:00:00"/>
    <s v="P"/>
    <s v="KY"/>
    <x v="0"/>
    <n v="2"/>
    <s v="10828"/>
    <s v="GLNANDA"/>
    <m/>
    <s v="USD"/>
    <n v="-7949.6"/>
    <x v="0"/>
    <s v="NONBU"/>
    <s v="G0000110"/>
    <s v="ACT"/>
    <s v="REV"/>
    <s v="974"/>
    <m/>
    <m/>
    <s v="GLBATCH"/>
    <n v="2023"/>
    <d v="2023-02-23T00:00:00"/>
    <d v="2023-02-23T02:36:40"/>
    <x v="0"/>
  </r>
  <r>
    <s v="110"/>
    <s v="CAD6210206"/>
    <d v="2023-02-15T00:00:00"/>
    <s v="P"/>
    <s v="KY"/>
    <x v="0"/>
    <n v="2"/>
    <s v="10828"/>
    <s v="GLNANDA"/>
    <m/>
    <s v="USD"/>
    <n v="-7309.41"/>
    <x v="0"/>
    <s v="NONBU"/>
    <s v="G0000110"/>
    <s v="ACT"/>
    <s v="REV"/>
    <s v="974"/>
    <m/>
    <m/>
    <s v="GLBATCH"/>
    <n v="2023"/>
    <d v="2023-02-23T00:00:00"/>
    <d v="2023-02-23T02:36:39"/>
    <x v="0"/>
  </r>
  <r>
    <s v="110"/>
    <s v="CAD6210203"/>
    <d v="2023-02-15T00:00:00"/>
    <s v="P"/>
    <s v="KY"/>
    <x v="0"/>
    <n v="2"/>
    <s v="10828"/>
    <s v="GLNANDA"/>
    <m/>
    <s v="USD"/>
    <n v="1916.48"/>
    <x v="0"/>
    <s v="NONBU"/>
    <s v="G0000110"/>
    <s v="ACT"/>
    <s v="REV"/>
    <s v="974"/>
    <m/>
    <m/>
    <s v="GLBATCH"/>
    <n v="2023"/>
    <d v="2023-02-23T00:00:00"/>
    <d v="2023-02-23T02:36:39"/>
    <x v="0"/>
  </r>
  <r>
    <s v="110"/>
    <s v="CAD6210207"/>
    <d v="2023-02-15T00:00:00"/>
    <s v="P"/>
    <s v="KY"/>
    <x v="0"/>
    <n v="2"/>
    <s v="10828"/>
    <s v="GLNANDA"/>
    <m/>
    <s v="USD"/>
    <n v="105.18"/>
    <x v="0"/>
    <s v="NONBU"/>
    <s v="G0000110"/>
    <s v="ACT"/>
    <s v="REV"/>
    <s v="974"/>
    <m/>
    <m/>
    <s v="GLBATCH"/>
    <n v="2023"/>
    <d v="2023-02-23T00:00:00"/>
    <d v="2023-02-23T02:36:39"/>
    <x v="0"/>
  </r>
  <r>
    <s v="110"/>
    <s v="CAD6210221"/>
    <d v="2023-02-15T00:00:00"/>
    <s v="P"/>
    <s v="KY"/>
    <x v="0"/>
    <n v="2"/>
    <s v="10828"/>
    <s v="GLNANDA"/>
    <m/>
    <s v="USD"/>
    <n v="11730.68"/>
    <x v="0"/>
    <s v="NONBU"/>
    <s v="G0000110"/>
    <s v="ACT"/>
    <s v="REV"/>
    <s v="974"/>
    <m/>
    <m/>
    <s v="GLBATCH"/>
    <n v="2023"/>
    <d v="2023-02-23T00:00:00"/>
    <d v="2023-02-23T02:36:42"/>
    <x v="0"/>
  </r>
  <r>
    <s v="110"/>
    <s v="CAD6210213"/>
    <d v="2023-02-15T00:00:00"/>
    <s v="P"/>
    <s v="KY"/>
    <x v="0"/>
    <n v="2"/>
    <s v="10828"/>
    <s v="GLNANDA"/>
    <m/>
    <s v="USD"/>
    <n v="-10162.219999999999"/>
    <x v="0"/>
    <s v="NONBU"/>
    <s v="G0000110"/>
    <s v="ACT"/>
    <s v="REV"/>
    <s v="974"/>
    <m/>
    <m/>
    <s v="GLBATCH"/>
    <n v="2023"/>
    <d v="2023-02-23T00:00:00"/>
    <d v="2023-02-23T02:36:41"/>
    <x v="0"/>
  </r>
  <r>
    <s v="110"/>
    <s v="CAD6210209"/>
    <d v="2023-02-15T00:00:00"/>
    <s v="P"/>
    <s v="KY"/>
    <x v="0"/>
    <n v="2"/>
    <s v="10828"/>
    <s v="GLNANDA"/>
    <m/>
    <s v="USD"/>
    <n v="77973.47"/>
    <x v="0"/>
    <s v="NONBU"/>
    <s v="G0000110"/>
    <s v="ACT"/>
    <s v="REV"/>
    <s v="974"/>
    <m/>
    <m/>
    <s v="GLBATCH"/>
    <n v="2023"/>
    <d v="2023-02-23T00:00:00"/>
    <d v="2023-02-23T02:36:40"/>
    <x v="0"/>
  </r>
  <r>
    <s v="110"/>
    <s v="CAD6210210"/>
    <d v="2023-02-15T00:00:00"/>
    <s v="P"/>
    <s v="KY"/>
    <x v="0"/>
    <n v="2"/>
    <s v="10828"/>
    <s v="GLNANDA"/>
    <m/>
    <s v="USD"/>
    <n v="-3523.36"/>
    <x v="0"/>
    <s v="NONBU"/>
    <s v="G0000110"/>
    <s v="ACT"/>
    <s v="REV"/>
    <s v="974"/>
    <m/>
    <m/>
    <s v="GLBATCH"/>
    <n v="2023"/>
    <d v="2023-02-23T00:00:00"/>
    <d v="2023-02-23T02:36:40"/>
    <x v="0"/>
  </r>
  <r>
    <s v="110"/>
    <s v="CAD6210314"/>
    <d v="2023-03-15T00:00:00"/>
    <s v="P"/>
    <s v="KY"/>
    <x v="0"/>
    <n v="3"/>
    <s v="10828"/>
    <s v="GLNANDA"/>
    <m/>
    <s v="USD"/>
    <n v="1332.84"/>
    <x v="0"/>
    <s v="NONBU"/>
    <s v="G0000110"/>
    <s v="ACT"/>
    <s v="REV"/>
    <s v="974"/>
    <m/>
    <m/>
    <s v="GLBATCH"/>
    <n v="2023"/>
    <d v="2023-03-30T00:00:00"/>
    <d v="2023-03-30T16:59:30"/>
    <x v="6"/>
  </r>
  <r>
    <s v="110"/>
    <s v="CAD6210306"/>
    <d v="2023-03-15T00:00:00"/>
    <s v="P"/>
    <s v="KY"/>
    <x v="0"/>
    <n v="3"/>
    <s v="10828"/>
    <s v="GLNANDA"/>
    <m/>
    <s v="USD"/>
    <n v="-9713.49"/>
    <x v="0"/>
    <s v="NONBU"/>
    <s v="G0000110"/>
    <s v="ACT"/>
    <s v="REV"/>
    <s v="974"/>
    <m/>
    <m/>
    <s v="GLBATCH"/>
    <n v="2023"/>
    <d v="2023-03-28T00:00:00"/>
    <d v="2023-03-28T15:17:37"/>
    <x v="7"/>
  </r>
  <r>
    <s v="110"/>
    <s v="CAD6210303"/>
    <d v="2023-03-15T00:00:00"/>
    <s v="P"/>
    <s v="KY"/>
    <x v="0"/>
    <n v="3"/>
    <s v="10828"/>
    <s v="GLNANDA"/>
    <m/>
    <s v="USD"/>
    <n v="-10861.55"/>
    <x v="0"/>
    <s v="NONBU"/>
    <s v="G0000110"/>
    <s v="ACT"/>
    <s v="REV"/>
    <s v="974"/>
    <m/>
    <m/>
    <s v="GLBATCH"/>
    <n v="2023"/>
    <d v="2023-03-28T00:00:00"/>
    <d v="2023-03-28T15:14:21"/>
    <x v="8"/>
  </r>
  <r>
    <s v="110"/>
    <s v="CAD6210327"/>
    <d v="2023-03-15T00:00:00"/>
    <s v="P"/>
    <s v="KY"/>
    <x v="0"/>
    <n v="3"/>
    <s v="10828"/>
    <s v="GLNANDA"/>
    <m/>
    <s v="USD"/>
    <n v="-3171.99"/>
    <x v="0"/>
    <s v="NONBU"/>
    <s v="G0000110"/>
    <s v="ACT"/>
    <s v="REV"/>
    <s v="974"/>
    <m/>
    <m/>
    <s v="GLBATCH"/>
    <n v="2023"/>
    <d v="2023-03-31T00:00:00"/>
    <d v="2023-03-31T15:33:29"/>
    <x v="9"/>
  </r>
  <r>
    <s v="110"/>
    <s v="CAD6210323"/>
    <d v="2023-03-15T00:00:00"/>
    <s v="P"/>
    <s v="KY"/>
    <x v="0"/>
    <n v="3"/>
    <s v="10828"/>
    <s v="GLNANDA"/>
    <m/>
    <s v="USD"/>
    <n v="-1176.54"/>
    <x v="0"/>
    <s v="NONBU"/>
    <s v="G0000110"/>
    <s v="ACT"/>
    <s v="REV"/>
    <s v="974"/>
    <m/>
    <m/>
    <s v="GLBATCH"/>
    <n v="2023"/>
    <d v="2023-03-31T00:00:00"/>
    <d v="2023-03-31T15:33:25"/>
    <x v="10"/>
  </r>
  <r>
    <s v="110"/>
    <s v="CAD6210317"/>
    <d v="2023-03-15T00:00:00"/>
    <s v="P"/>
    <s v="KY"/>
    <x v="0"/>
    <n v="3"/>
    <s v="10828"/>
    <s v="GLNANDA"/>
    <m/>
    <s v="USD"/>
    <n v="-25573.67"/>
    <x v="0"/>
    <s v="NONBU"/>
    <s v="G0000110"/>
    <s v="ACT"/>
    <s v="REV"/>
    <s v="974"/>
    <m/>
    <m/>
    <s v="GLBATCH"/>
    <n v="2023"/>
    <d v="2023-03-30T00:00:00"/>
    <d v="2023-03-30T16:59:36"/>
    <x v="11"/>
  </r>
  <r>
    <s v="110"/>
    <s v="CAD6210324"/>
    <d v="2023-03-15T00:00:00"/>
    <s v="P"/>
    <s v="KY"/>
    <x v="0"/>
    <n v="3"/>
    <s v="10828"/>
    <s v="GLNANDA"/>
    <m/>
    <s v="USD"/>
    <n v="1316.8"/>
    <x v="0"/>
    <s v="NONBU"/>
    <s v="G0000110"/>
    <s v="ACT"/>
    <s v="REV"/>
    <s v="974"/>
    <m/>
    <m/>
    <s v="GLBATCH"/>
    <n v="2023"/>
    <d v="2023-03-31T00:00:00"/>
    <d v="2023-03-31T15:33:27"/>
    <x v="12"/>
  </r>
  <r>
    <s v="110"/>
    <s v="CAD6210313"/>
    <d v="2023-03-15T00:00:00"/>
    <s v="P"/>
    <s v="KY"/>
    <x v="0"/>
    <n v="3"/>
    <s v="10828"/>
    <s v="GLNANDA"/>
    <m/>
    <s v="USD"/>
    <n v="-5212.2299999999996"/>
    <x v="0"/>
    <s v="NONBU"/>
    <s v="G0000110"/>
    <s v="ACT"/>
    <s v="REV"/>
    <s v="974"/>
    <m/>
    <m/>
    <s v="GLBATCH"/>
    <n v="2023"/>
    <d v="2023-03-30T00:00:00"/>
    <d v="2023-03-30T16:59:28"/>
    <x v="13"/>
  </r>
  <r>
    <s v="110"/>
    <s v="CAD6210308"/>
    <d v="2023-03-15T00:00:00"/>
    <s v="P"/>
    <s v="KY"/>
    <x v="0"/>
    <n v="3"/>
    <s v="10828"/>
    <s v="GLNANDA"/>
    <m/>
    <s v="USD"/>
    <n v="-1761.91"/>
    <x v="0"/>
    <s v="NONBU"/>
    <s v="G0000110"/>
    <s v="ACT"/>
    <s v="REV"/>
    <s v="974"/>
    <m/>
    <m/>
    <s v="GLBATCH"/>
    <n v="2023"/>
    <d v="2023-03-30T00:00:00"/>
    <d v="2023-03-30T16:59:22"/>
    <x v="14"/>
  </r>
  <r>
    <s v="110"/>
    <s v="CAD6210309"/>
    <d v="2023-03-15T00:00:00"/>
    <s v="P"/>
    <s v="KY"/>
    <x v="0"/>
    <n v="3"/>
    <s v="10828"/>
    <s v="GLNANDA"/>
    <m/>
    <s v="USD"/>
    <n v="-2577.7399999999998"/>
    <x v="0"/>
    <s v="NONBU"/>
    <s v="G0000110"/>
    <s v="ACT"/>
    <s v="REV"/>
    <s v="974"/>
    <m/>
    <m/>
    <s v="GLBATCH"/>
    <n v="2023"/>
    <d v="2023-03-30T00:00:00"/>
    <d v="2023-03-30T16:59:24"/>
    <x v="15"/>
  </r>
  <r>
    <s v="110"/>
    <s v="CAD6210403"/>
    <d v="2023-03-15T00:00:00"/>
    <s v="P"/>
    <s v="KY"/>
    <x v="0"/>
    <n v="3"/>
    <s v="10828"/>
    <s v="GLNANDA"/>
    <m/>
    <s v="USD"/>
    <n v="-15510.05"/>
    <x v="0"/>
    <s v="NONBU"/>
    <s v="G0000110"/>
    <s v="ACT"/>
    <s v="REV"/>
    <s v="974"/>
    <m/>
    <m/>
    <s v="GLBATCH"/>
    <n v="2023"/>
    <d v="2023-04-04T00:00:00"/>
    <d v="2023-04-04T11:58:45"/>
    <x v="16"/>
  </r>
  <r>
    <s v="110"/>
    <s v="CAD6210316"/>
    <d v="2023-03-15T00:00:00"/>
    <s v="P"/>
    <s v="KY"/>
    <x v="0"/>
    <n v="3"/>
    <s v="10828"/>
    <s v="GLNANDA"/>
    <m/>
    <s v="USD"/>
    <n v="-2217.6"/>
    <x v="0"/>
    <s v="NONBU"/>
    <s v="G0000110"/>
    <s v="ACT"/>
    <s v="REV"/>
    <s v="974"/>
    <m/>
    <m/>
    <s v="GLBATCH"/>
    <n v="2023"/>
    <d v="2023-03-30T00:00:00"/>
    <d v="2023-03-30T16:59:34"/>
    <x v="17"/>
  </r>
  <r>
    <s v="110"/>
    <s v="CAD6210320"/>
    <d v="2023-03-15T00:00:00"/>
    <s v="P"/>
    <s v="KY"/>
    <x v="0"/>
    <n v="3"/>
    <s v="10828"/>
    <s v="GLNANDA"/>
    <m/>
    <s v="USD"/>
    <n v="-11768.21"/>
    <x v="0"/>
    <s v="NONBU"/>
    <s v="G0000110"/>
    <s v="ACT"/>
    <s v="REV"/>
    <s v="974"/>
    <m/>
    <m/>
    <s v="GLBATCH"/>
    <n v="2023"/>
    <d v="2023-03-30T00:00:00"/>
    <d v="2023-03-30T16:59:37"/>
    <x v="18"/>
  </r>
  <r>
    <s v="110"/>
    <s v="CAD6210322"/>
    <d v="2023-03-15T00:00:00"/>
    <s v="P"/>
    <s v="KY"/>
    <x v="0"/>
    <n v="3"/>
    <s v="10828"/>
    <s v="GLNANDA"/>
    <m/>
    <s v="USD"/>
    <n v="-35701.71"/>
    <x v="0"/>
    <s v="NONBU"/>
    <s v="G0000110"/>
    <s v="ACT"/>
    <s v="REV"/>
    <s v="974"/>
    <m/>
    <m/>
    <s v="GLBATCH"/>
    <n v="2023"/>
    <d v="2023-03-30T00:00:00"/>
    <d v="2023-03-30T16:59:41"/>
    <x v="19"/>
  </r>
  <r>
    <s v="110"/>
    <s v="CAD6210328"/>
    <d v="2023-03-15T00:00:00"/>
    <s v="P"/>
    <s v="KY"/>
    <x v="0"/>
    <n v="3"/>
    <s v="10828"/>
    <s v="GLNANDA"/>
    <m/>
    <s v="USD"/>
    <n v="8261.5400000000009"/>
    <x v="0"/>
    <s v="NONBU"/>
    <s v="G0000110"/>
    <s v="ACT"/>
    <s v="REV"/>
    <s v="974"/>
    <m/>
    <m/>
    <s v="GLBATCH"/>
    <n v="2023"/>
    <d v="2023-03-31T00:00:00"/>
    <d v="2023-03-31T15:33:31"/>
    <x v="20"/>
  </r>
  <r>
    <s v="110"/>
    <s v="CAD6210310"/>
    <d v="2023-03-15T00:00:00"/>
    <s v="P"/>
    <s v="KY"/>
    <x v="0"/>
    <n v="3"/>
    <s v="10828"/>
    <s v="GLNANDA"/>
    <m/>
    <s v="USD"/>
    <n v="-6218.74"/>
    <x v="0"/>
    <s v="NONBU"/>
    <s v="G0000110"/>
    <s v="ACT"/>
    <s v="REV"/>
    <s v="974"/>
    <m/>
    <m/>
    <s v="GLBATCH"/>
    <n v="2023"/>
    <d v="2023-03-30T00:00:00"/>
    <d v="2023-03-30T16:59:26"/>
    <x v="21"/>
  </r>
  <r>
    <s v="110"/>
    <s v="CAD6210321"/>
    <d v="2023-03-15T00:00:00"/>
    <s v="P"/>
    <s v="KY"/>
    <x v="0"/>
    <n v="3"/>
    <s v="10828"/>
    <s v="GLNANDA"/>
    <m/>
    <s v="USD"/>
    <n v="-682.36"/>
    <x v="0"/>
    <s v="NONBU"/>
    <s v="G0000110"/>
    <s v="ACT"/>
    <s v="REV"/>
    <s v="974"/>
    <m/>
    <m/>
    <s v="GLBATCH"/>
    <n v="2023"/>
    <d v="2023-03-30T00:00:00"/>
    <d v="2023-03-30T16:59:39"/>
    <x v="22"/>
  </r>
  <r>
    <s v="110"/>
    <s v="CAD6210329"/>
    <d v="2023-03-15T00:00:00"/>
    <s v="P"/>
    <s v="KY"/>
    <x v="0"/>
    <n v="3"/>
    <s v="10828"/>
    <s v="GLNANDA"/>
    <m/>
    <s v="USD"/>
    <n v="-8110.3"/>
    <x v="0"/>
    <s v="NONBU"/>
    <s v="G0000110"/>
    <s v="ACT"/>
    <s v="REV"/>
    <s v="974"/>
    <m/>
    <m/>
    <s v="GLBATCH"/>
    <n v="2023"/>
    <d v="2023-03-31T00:00:00"/>
    <d v="2023-03-31T15:33:32"/>
    <x v="23"/>
  </r>
  <r>
    <s v="110"/>
    <s v="CAD6210330"/>
    <d v="2023-03-15T00:00:00"/>
    <s v="P"/>
    <s v="KY"/>
    <x v="0"/>
    <n v="3"/>
    <s v="10828"/>
    <s v="GLNANDA"/>
    <m/>
    <s v="USD"/>
    <n v="-5187.45"/>
    <x v="0"/>
    <s v="NONBU"/>
    <s v="G0000110"/>
    <s v="ACT"/>
    <s v="REV"/>
    <s v="974"/>
    <m/>
    <m/>
    <s v="GLBATCH"/>
    <n v="2023"/>
    <d v="2023-04-03T00:00:00"/>
    <d v="2023-04-03T11:57:20"/>
    <x v="24"/>
  </r>
  <r>
    <s v="110"/>
    <s v="CAD6210315"/>
    <d v="2023-03-15T00:00:00"/>
    <s v="P"/>
    <s v="KY"/>
    <x v="0"/>
    <n v="3"/>
    <s v="10828"/>
    <s v="GLNANDA"/>
    <m/>
    <s v="USD"/>
    <n v="-3836.44"/>
    <x v="0"/>
    <s v="NONBU"/>
    <s v="G0000110"/>
    <s v="ACT"/>
    <s v="REV"/>
    <s v="974"/>
    <m/>
    <m/>
    <s v="GLBATCH"/>
    <n v="2023"/>
    <d v="2023-03-30T00:00:00"/>
    <d v="2023-03-30T16:59:32"/>
    <x v="25"/>
  </r>
  <r>
    <s v="110"/>
    <s v="CAD6210302"/>
    <d v="2023-03-15T00:00:00"/>
    <s v="P"/>
    <s v="KY"/>
    <x v="0"/>
    <n v="3"/>
    <s v="10828"/>
    <s v="GLNANDA"/>
    <m/>
    <s v="USD"/>
    <n v="-5804.87"/>
    <x v="0"/>
    <s v="NONBU"/>
    <s v="G0000110"/>
    <s v="ACT"/>
    <s v="REV"/>
    <s v="974"/>
    <m/>
    <m/>
    <s v="GLBATCH"/>
    <n v="2023"/>
    <d v="2023-03-28T00:00:00"/>
    <d v="2023-03-28T15:14:19"/>
    <x v="26"/>
  </r>
  <r>
    <s v="110"/>
    <s v="CAD6210307"/>
    <d v="2023-03-15T00:00:00"/>
    <s v="P"/>
    <s v="KY"/>
    <x v="0"/>
    <n v="3"/>
    <s v="10828"/>
    <s v="GLNANDA"/>
    <m/>
    <s v="USD"/>
    <n v="459.42"/>
    <x v="0"/>
    <s v="NONBU"/>
    <s v="G0000110"/>
    <s v="ACT"/>
    <s v="REV"/>
    <s v="974"/>
    <m/>
    <m/>
    <s v="GLBATCH"/>
    <n v="2023"/>
    <d v="2023-03-30T00:00:00"/>
    <d v="2023-03-30T16:59:19"/>
    <x v="27"/>
  </r>
  <r>
    <s v="110"/>
    <s v="CAD6210331"/>
    <d v="2023-03-15T00:00:00"/>
    <s v="P"/>
    <s v="KY"/>
    <x v="0"/>
    <n v="3"/>
    <s v="10828"/>
    <s v="GLNANDA"/>
    <m/>
    <s v="USD"/>
    <n v="-3585.19"/>
    <x v="0"/>
    <s v="NONBU"/>
    <s v="G0000110"/>
    <s v="ACT"/>
    <s v="REV"/>
    <s v="974"/>
    <m/>
    <m/>
    <s v="GLBATCH"/>
    <n v="2023"/>
    <d v="2023-04-03T00:00:00"/>
    <d v="2023-04-03T11:57:23"/>
    <x v="28"/>
  </r>
  <r>
    <m/>
    <m/>
    <m/>
    <m/>
    <m/>
    <x v="1"/>
    <m/>
    <m/>
    <m/>
    <m/>
    <m/>
    <m/>
    <x v="1"/>
    <m/>
    <m/>
    <m/>
    <m/>
    <m/>
    <m/>
    <m/>
    <m/>
    <m/>
    <m/>
    <m/>
    <x v="29"/>
  </r>
  <r>
    <m/>
    <m/>
    <m/>
    <m/>
    <m/>
    <x v="1"/>
    <m/>
    <m/>
    <m/>
    <m/>
    <m/>
    <m/>
    <x v="1"/>
    <m/>
    <m/>
    <m/>
    <m/>
    <m/>
    <m/>
    <m/>
    <m/>
    <m/>
    <m/>
    <m/>
    <x v="29"/>
  </r>
</pivotCacheRecords>
</file>

<file path=xl/pivotCache/pivotCacheRecords3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2184">
  <r>
    <s v="03"/>
    <s v="KY"/>
    <s v="KY"/>
    <s v="202204"/>
    <x v="0"/>
    <x v="0"/>
    <x v="0"/>
    <x v="0"/>
    <x v="0"/>
    <n v="0"/>
    <n v="-17.97"/>
  </r>
  <r>
    <s v="03"/>
    <s v="KY"/>
    <s v="KY"/>
    <s v="202204"/>
    <x v="0"/>
    <x v="0"/>
    <x v="0"/>
    <x v="0"/>
    <x v="1"/>
    <n v="0"/>
    <n v="-10.18"/>
  </r>
  <r>
    <s v="03"/>
    <s v="KY"/>
    <s v="KY"/>
    <s v="202204"/>
    <x v="0"/>
    <x v="0"/>
    <x v="0"/>
    <x v="0"/>
    <x v="2"/>
    <n v="0"/>
    <n v="-13.3"/>
  </r>
  <r>
    <s v="03"/>
    <s v="KY"/>
    <s v="KY"/>
    <s v="202204"/>
    <x v="0"/>
    <x v="0"/>
    <x v="0"/>
    <x v="0"/>
    <x v="3"/>
    <n v="0"/>
    <n v="-0.72"/>
  </r>
  <r>
    <s v="03"/>
    <s v="KY"/>
    <s v="KY"/>
    <s v="202204"/>
    <x v="0"/>
    <x v="0"/>
    <x v="0"/>
    <x v="0"/>
    <x v="4"/>
    <n v="0"/>
    <n v="-0.87"/>
  </r>
  <r>
    <s v="03"/>
    <s v="KY"/>
    <s v="KY"/>
    <s v="202204"/>
    <x v="0"/>
    <x v="0"/>
    <x v="0"/>
    <x v="0"/>
    <x v="5"/>
    <n v="0"/>
    <n v="-6.83"/>
  </r>
  <r>
    <s v="03"/>
    <s v="KY"/>
    <s v="KY"/>
    <s v="202204"/>
    <x v="0"/>
    <x v="0"/>
    <x v="0"/>
    <x v="0"/>
    <x v="6"/>
    <n v="0"/>
    <n v="-11.34"/>
  </r>
  <r>
    <s v="03"/>
    <s v="KY"/>
    <s v="KY"/>
    <s v="202204"/>
    <x v="0"/>
    <x v="0"/>
    <x v="0"/>
    <x v="0"/>
    <x v="7"/>
    <n v="0"/>
    <n v="-0.82"/>
  </r>
  <r>
    <s v="03"/>
    <s v="KY"/>
    <s v="KY"/>
    <s v="202204"/>
    <x v="0"/>
    <x v="0"/>
    <x v="0"/>
    <x v="1"/>
    <x v="0"/>
    <n v="0"/>
    <n v="-5.32"/>
  </r>
  <r>
    <s v="03"/>
    <s v="KY"/>
    <s v="KY"/>
    <s v="202204"/>
    <x v="0"/>
    <x v="0"/>
    <x v="0"/>
    <x v="1"/>
    <x v="1"/>
    <n v="0"/>
    <n v="-34.6"/>
  </r>
  <r>
    <s v="03"/>
    <s v="KY"/>
    <s v="KY"/>
    <s v="202204"/>
    <x v="0"/>
    <x v="0"/>
    <x v="0"/>
    <x v="1"/>
    <x v="2"/>
    <n v="0"/>
    <n v="-5.54"/>
  </r>
  <r>
    <s v="03"/>
    <s v="KY"/>
    <s v="KY"/>
    <s v="202204"/>
    <x v="0"/>
    <x v="0"/>
    <x v="0"/>
    <x v="1"/>
    <x v="8"/>
    <n v="0"/>
    <n v="-1.93"/>
  </r>
  <r>
    <s v="03"/>
    <s v="KY"/>
    <s v="KY"/>
    <s v="202204"/>
    <x v="0"/>
    <x v="0"/>
    <x v="0"/>
    <x v="1"/>
    <x v="6"/>
    <n v="0"/>
    <n v="-12.08"/>
  </r>
  <r>
    <s v="03"/>
    <s v="KY"/>
    <s v="KY"/>
    <s v="202204"/>
    <x v="0"/>
    <x v="0"/>
    <x v="0"/>
    <x v="1"/>
    <x v="7"/>
    <n v="0"/>
    <n v="-2.74"/>
  </r>
  <r>
    <s v="03"/>
    <s v="KY"/>
    <s v="KY"/>
    <s v="202204"/>
    <x v="0"/>
    <x v="0"/>
    <x v="0"/>
    <x v="2"/>
    <x v="9"/>
    <n v="0"/>
    <n v="-4.9000000000000004"/>
  </r>
  <r>
    <s v="03"/>
    <s v="KY"/>
    <s v="KY"/>
    <s v="202204"/>
    <x v="0"/>
    <x v="0"/>
    <x v="0"/>
    <x v="2"/>
    <x v="2"/>
    <n v="0"/>
    <n v="-23.34"/>
  </r>
  <r>
    <s v="03"/>
    <s v="KY"/>
    <s v="KY"/>
    <s v="202204"/>
    <x v="0"/>
    <x v="0"/>
    <x v="0"/>
    <x v="2"/>
    <x v="10"/>
    <n v="0"/>
    <n v="-1.46"/>
  </r>
  <r>
    <s v="03"/>
    <s v="KY"/>
    <s v="KY"/>
    <s v="202204"/>
    <x v="0"/>
    <x v="0"/>
    <x v="0"/>
    <x v="2"/>
    <x v="3"/>
    <n v="0"/>
    <n v="-31.67"/>
  </r>
  <r>
    <s v="03"/>
    <s v="KY"/>
    <s v="KY"/>
    <s v="202204"/>
    <x v="0"/>
    <x v="0"/>
    <x v="0"/>
    <x v="2"/>
    <x v="4"/>
    <n v="0"/>
    <n v="-15.74"/>
  </r>
  <r>
    <s v="03"/>
    <s v="KY"/>
    <s v="KY"/>
    <s v="202204"/>
    <x v="0"/>
    <x v="0"/>
    <x v="0"/>
    <x v="2"/>
    <x v="5"/>
    <n v="0"/>
    <n v="-120.51"/>
  </r>
  <r>
    <s v="03"/>
    <s v="KY"/>
    <s v="KY"/>
    <s v="202204"/>
    <x v="0"/>
    <x v="0"/>
    <x v="0"/>
    <x v="2"/>
    <x v="8"/>
    <n v="0"/>
    <n v="-12.18"/>
  </r>
  <r>
    <s v="03"/>
    <s v="KY"/>
    <s v="KY"/>
    <s v="202204"/>
    <x v="0"/>
    <x v="0"/>
    <x v="0"/>
    <x v="2"/>
    <x v="6"/>
    <n v="0"/>
    <n v="-50.64"/>
  </r>
  <r>
    <s v="03"/>
    <s v="KY"/>
    <s v="KY"/>
    <s v="202204"/>
    <x v="0"/>
    <x v="0"/>
    <x v="0"/>
    <x v="2"/>
    <x v="11"/>
    <n v="0"/>
    <n v="-17.63"/>
  </r>
  <r>
    <s v="03"/>
    <s v="KY"/>
    <s v="KY"/>
    <s v="202204"/>
    <x v="0"/>
    <x v="0"/>
    <x v="0"/>
    <x v="2"/>
    <x v="12"/>
    <n v="0"/>
    <n v="-16.91"/>
  </r>
  <r>
    <s v="03"/>
    <s v="KY"/>
    <s v="KY"/>
    <s v="202204"/>
    <x v="0"/>
    <x v="0"/>
    <x v="0"/>
    <x v="2"/>
    <x v="13"/>
    <n v="0"/>
    <n v="-25.38"/>
  </r>
  <r>
    <s v="03"/>
    <s v="KY"/>
    <s v="KY"/>
    <s v="202204"/>
    <x v="0"/>
    <x v="0"/>
    <x v="0"/>
    <x v="2"/>
    <x v="7"/>
    <n v="0"/>
    <n v="-4.34"/>
  </r>
  <r>
    <s v="03"/>
    <s v="KY"/>
    <s v="KY"/>
    <s v="202204"/>
    <x v="0"/>
    <x v="0"/>
    <x v="0"/>
    <x v="2"/>
    <x v="14"/>
    <n v="0"/>
    <n v="-21.06"/>
  </r>
  <r>
    <s v="03"/>
    <s v="KY"/>
    <s v="KY"/>
    <s v="202204"/>
    <x v="0"/>
    <x v="0"/>
    <x v="0"/>
    <x v="2"/>
    <x v="15"/>
    <n v="0"/>
    <n v="-4065.79"/>
  </r>
  <r>
    <s v="03"/>
    <s v="KY"/>
    <s v="KY"/>
    <s v="202204"/>
    <x v="0"/>
    <x v="0"/>
    <x v="0"/>
    <x v="2"/>
    <x v="16"/>
    <n v="0"/>
    <n v="-37"/>
  </r>
  <r>
    <s v="03"/>
    <s v="KY"/>
    <s v="KY"/>
    <s v="202204"/>
    <x v="0"/>
    <x v="0"/>
    <x v="0"/>
    <x v="2"/>
    <x v="17"/>
    <n v="0"/>
    <n v="-4909.96"/>
  </r>
  <r>
    <s v="03"/>
    <s v="KY"/>
    <s v="KY"/>
    <s v="202204"/>
    <x v="0"/>
    <x v="0"/>
    <x v="0"/>
    <x v="2"/>
    <x v="18"/>
    <n v="0"/>
    <n v="-198.76"/>
  </r>
  <r>
    <s v="03"/>
    <s v="KY"/>
    <s v="KY"/>
    <s v="202204"/>
    <x v="0"/>
    <x v="0"/>
    <x v="0"/>
    <x v="2"/>
    <x v="19"/>
    <n v="0"/>
    <n v="-12.57"/>
  </r>
  <r>
    <s v="03"/>
    <s v="KY"/>
    <s v="KY"/>
    <s v="202204"/>
    <x v="0"/>
    <x v="0"/>
    <x v="0"/>
    <x v="2"/>
    <x v="20"/>
    <n v="0"/>
    <n v="-19.95"/>
  </r>
  <r>
    <s v="03"/>
    <s v="KY"/>
    <s v="KY"/>
    <s v="202204"/>
    <x v="0"/>
    <x v="0"/>
    <x v="0"/>
    <x v="2"/>
    <x v="21"/>
    <n v="0"/>
    <n v="-5611"/>
  </r>
  <r>
    <s v="03"/>
    <s v="KY"/>
    <s v="KY"/>
    <s v="202204"/>
    <x v="0"/>
    <x v="0"/>
    <x v="0"/>
    <x v="2"/>
    <x v="22"/>
    <n v="0"/>
    <n v="-304.54000000000002"/>
  </r>
  <r>
    <s v="03"/>
    <s v="KY"/>
    <s v="KY"/>
    <s v="202204"/>
    <x v="0"/>
    <x v="0"/>
    <x v="0"/>
    <x v="2"/>
    <x v="23"/>
    <n v="0"/>
    <n v="-2558.92"/>
  </r>
  <r>
    <s v="03"/>
    <s v="KY"/>
    <s v="KY"/>
    <s v="202204"/>
    <x v="0"/>
    <x v="0"/>
    <x v="0"/>
    <x v="3"/>
    <x v="2"/>
    <n v="0"/>
    <n v="-6.93"/>
  </r>
  <r>
    <s v="03"/>
    <s v="KY"/>
    <s v="KY"/>
    <s v="202204"/>
    <x v="0"/>
    <x v="0"/>
    <x v="0"/>
    <x v="3"/>
    <x v="5"/>
    <n v="0"/>
    <n v="-34.630000000000003"/>
  </r>
  <r>
    <s v="03"/>
    <s v="KY"/>
    <s v="KY"/>
    <s v="202204"/>
    <x v="0"/>
    <x v="0"/>
    <x v="0"/>
    <x v="3"/>
    <x v="6"/>
    <n v="0"/>
    <n v="-0.72"/>
  </r>
  <r>
    <s v="03"/>
    <s v="KY"/>
    <s v="KY"/>
    <s v="202204"/>
    <x v="0"/>
    <x v="0"/>
    <x v="0"/>
    <x v="3"/>
    <x v="7"/>
    <n v="0"/>
    <n v="-0.91"/>
  </r>
  <r>
    <s v="03"/>
    <s v="KY"/>
    <s v="KY"/>
    <s v="202204"/>
    <x v="0"/>
    <x v="0"/>
    <x v="0"/>
    <x v="3"/>
    <x v="15"/>
    <n v="0"/>
    <n v="-910.52"/>
  </r>
  <r>
    <s v="03"/>
    <s v="KY"/>
    <s v="KY"/>
    <s v="202204"/>
    <x v="0"/>
    <x v="0"/>
    <x v="0"/>
    <x v="3"/>
    <x v="17"/>
    <n v="0"/>
    <n v="-5133.66"/>
  </r>
  <r>
    <s v="03"/>
    <s v="KY"/>
    <s v="KY"/>
    <s v="202204"/>
    <x v="0"/>
    <x v="0"/>
    <x v="0"/>
    <x v="3"/>
    <x v="18"/>
    <n v="0"/>
    <n v="-46.34"/>
  </r>
  <r>
    <s v="03"/>
    <s v="KY"/>
    <s v="KY"/>
    <s v="202204"/>
    <x v="0"/>
    <x v="0"/>
    <x v="0"/>
    <x v="3"/>
    <x v="24"/>
    <n v="0"/>
    <n v="-37.22"/>
  </r>
  <r>
    <s v="03"/>
    <s v="KY"/>
    <s v="KY"/>
    <s v="202204"/>
    <x v="0"/>
    <x v="0"/>
    <x v="0"/>
    <x v="3"/>
    <x v="19"/>
    <n v="0"/>
    <n v="-18.61"/>
  </r>
  <r>
    <s v="03"/>
    <s v="KY"/>
    <s v="KY"/>
    <s v="202204"/>
    <x v="0"/>
    <x v="0"/>
    <x v="0"/>
    <x v="3"/>
    <x v="20"/>
    <n v="0"/>
    <n v="-16.329999999999998"/>
  </r>
  <r>
    <s v="03"/>
    <s v="KY"/>
    <s v="KY"/>
    <s v="202204"/>
    <x v="0"/>
    <x v="0"/>
    <x v="0"/>
    <x v="3"/>
    <x v="21"/>
    <n v="0"/>
    <n v="-1678.11"/>
  </r>
  <r>
    <s v="03"/>
    <s v="KY"/>
    <s v="KY"/>
    <s v="202204"/>
    <x v="0"/>
    <x v="0"/>
    <x v="0"/>
    <x v="3"/>
    <x v="22"/>
    <n v="0"/>
    <n v="-839.68"/>
  </r>
  <r>
    <s v="03"/>
    <s v="KY"/>
    <s v="KY"/>
    <s v="202204"/>
    <x v="0"/>
    <x v="0"/>
    <x v="0"/>
    <x v="4"/>
    <x v="6"/>
    <n v="0"/>
    <n v="-0.09"/>
  </r>
  <r>
    <s v="03"/>
    <s v="KY"/>
    <s v="KY"/>
    <s v="202204"/>
    <x v="0"/>
    <x v="0"/>
    <x v="0"/>
    <x v="4"/>
    <x v="15"/>
    <n v="0"/>
    <n v="-20.21"/>
  </r>
  <r>
    <s v="03"/>
    <s v="KY"/>
    <s v="KY"/>
    <s v="202204"/>
    <x v="0"/>
    <x v="0"/>
    <x v="0"/>
    <x v="4"/>
    <x v="17"/>
    <n v="0"/>
    <n v="-26.89"/>
  </r>
  <r>
    <s v="03"/>
    <s v="KY"/>
    <s v="KY"/>
    <s v="202204"/>
    <x v="0"/>
    <x v="0"/>
    <x v="0"/>
    <x v="5"/>
    <x v="10"/>
    <n v="0"/>
    <n v="-4.32"/>
  </r>
  <r>
    <s v="03"/>
    <s v="KY"/>
    <s v="KY"/>
    <s v="202204"/>
    <x v="0"/>
    <x v="0"/>
    <x v="0"/>
    <x v="5"/>
    <x v="3"/>
    <n v="0"/>
    <n v="-1.84"/>
  </r>
  <r>
    <s v="03"/>
    <s v="KY"/>
    <s v="KY"/>
    <s v="202204"/>
    <x v="0"/>
    <x v="0"/>
    <x v="0"/>
    <x v="5"/>
    <x v="4"/>
    <n v="0"/>
    <n v="-4.7"/>
  </r>
  <r>
    <s v="03"/>
    <s v="KY"/>
    <s v="KY"/>
    <s v="202204"/>
    <x v="0"/>
    <x v="0"/>
    <x v="0"/>
    <x v="5"/>
    <x v="6"/>
    <n v="0"/>
    <n v="-1.74"/>
  </r>
  <r>
    <s v="03"/>
    <s v="KY"/>
    <s v="KY"/>
    <s v="202204"/>
    <x v="0"/>
    <x v="0"/>
    <x v="0"/>
    <x v="5"/>
    <x v="15"/>
    <n v="0"/>
    <n v="-391.89"/>
  </r>
  <r>
    <s v="03"/>
    <s v="KY"/>
    <s v="KY"/>
    <s v="202204"/>
    <x v="0"/>
    <x v="0"/>
    <x v="0"/>
    <x v="5"/>
    <x v="17"/>
    <n v="0"/>
    <n v="-2090.9499999999998"/>
  </r>
  <r>
    <s v="03"/>
    <s v="KY"/>
    <s v="KY"/>
    <s v="202204"/>
    <x v="0"/>
    <x v="0"/>
    <x v="0"/>
    <x v="5"/>
    <x v="25"/>
    <n v="0"/>
    <n v="-103.46"/>
  </r>
  <r>
    <s v="03"/>
    <s v="KY"/>
    <s v="KY"/>
    <s v="202204"/>
    <x v="0"/>
    <x v="0"/>
    <x v="0"/>
    <x v="5"/>
    <x v="21"/>
    <n v="0"/>
    <n v="-1460.13"/>
  </r>
  <r>
    <s v="03"/>
    <s v="KY"/>
    <s v="KY"/>
    <s v="202204"/>
    <x v="0"/>
    <x v="0"/>
    <x v="0"/>
    <x v="5"/>
    <x v="26"/>
    <n v="0"/>
    <n v="-874.2"/>
  </r>
  <r>
    <s v="03"/>
    <s v="KY"/>
    <s v="KY"/>
    <s v="202204"/>
    <x v="0"/>
    <x v="0"/>
    <x v="0"/>
    <x v="5"/>
    <x v="27"/>
    <n v="0"/>
    <n v="-6137.91"/>
  </r>
  <r>
    <s v="03"/>
    <s v="KY"/>
    <s v="KY"/>
    <s v="202204"/>
    <x v="0"/>
    <x v="0"/>
    <x v="0"/>
    <x v="6"/>
    <x v="6"/>
    <n v="0"/>
    <n v="-4.95"/>
  </r>
  <r>
    <s v="03"/>
    <s v="KY"/>
    <s v="KY"/>
    <s v="202204"/>
    <x v="0"/>
    <x v="0"/>
    <x v="0"/>
    <x v="6"/>
    <x v="15"/>
    <n v="0"/>
    <n v="-5.76"/>
  </r>
  <r>
    <s v="03"/>
    <s v="KY"/>
    <s v="KY"/>
    <s v="202204"/>
    <x v="0"/>
    <x v="0"/>
    <x v="0"/>
    <x v="6"/>
    <x v="17"/>
    <n v="0"/>
    <n v="-183.46"/>
  </r>
  <r>
    <s v="03"/>
    <s v="KY"/>
    <s v="KY"/>
    <s v="202204"/>
    <x v="0"/>
    <x v="0"/>
    <x v="0"/>
    <x v="6"/>
    <x v="21"/>
    <n v="0"/>
    <n v="-860.69"/>
  </r>
  <r>
    <s v="03"/>
    <s v="KY"/>
    <s v="KY"/>
    <s v="202204"/>
    <x v="0"/>
    <x v="0"/>
    <x v="0"/>
    <x v="7"/>
    <x v="15"/>
    <n v="0"/>
    <n v="-9.7200000000000006"/>
  </r>
  <r>
    <s v="03"/>
    <s v="KY"/>
    <s v="KY"/>
    <s v="202204"/>
    <x v="0"/>
    <x v="0"/>
    <x v="0"/>
    <x v="7"/>
    <x v="17"/>
    <n v="0"/>
    <n v="-62.26"/>
  </r>
  <r>
    <s v="03"/>
    <s v="KY"/>
    <s v="KY"/>
    <s v="202204"/>
    <x v="0"/>
    <x v="0"/>
    <x v="0"/>
    <x v="7"/>
    <x v="25"/>
    <n v="0"/>
    <n v="-6.5"/>
  </r>
  <r>
    <s v="03"/>
    <s v="KY"/>
    <s v="KY"/>
    <s v="202204"/>
    <x v="0"/>
    <x v="0"/>
    <x v="0"/>
    <x v="7"/>
    <x v="28"/>
    <n v="0"/>
    <n v="-185.13"/>
  </r>
  <r>
    <s v="03"/>
    <s v="KY"/>
    <s v="KY"/>
    <s v="202204"/>
    <x v="0"/>
    <x v="0"/>
    <x v="0"/>
    <x v="7"/>
    <x v="26"/>
    <n v="0"/>
    <n v="-1582.62"/>
  </r>
  <r>
    <s v="03"/>
    <s v="KY"/>
    <s v="KY"/>
    <s v="202204"/>
    <x v="0"/>
    <x v="0"/>
    <x v="0"/>
    <x v="7"/>
    <x v="27"/>
    <n v="0"/>
    <n v="-15204.61"/>
  </r>
  <r>
    <s v="03"/>
    <s v="KY"/>
    <s v="KY"/>
    <s v="202204"/>
    <x v="1"/>
    <x v="0"/>
    <x v="0"/>
    <x v="8"/>
    <x v="29"/>
    <n v="0"/>
    <n v="451.23"/>
  </r>
  <r>
    <s v="03"/>
    <s v="KY"/>
    <s v="KY"/>
    <s v="202204"/>
    <x v="1"/>
    <x v="0"/>
    <x v="0"/>
    <x v="0"/>
    <x v="0"/>
    <n v="0"/>
    <n v="277.08"/>
  </r>
  <r>
    <s v="03"/>
    <s v="KY"/>
    <s v="KY"/>
    <s v="202204"/>
    <x v="1"/>
    <x v="0"/>
    <x v="0"/>
    <x v="0"/>
    <x v="1"/>
    <n v="0"/>
    <n v="135.33000000000001"/>
  </r>
  <r>
    <s v="03"/>
    <s v="KY"/>
    <s v="KY"/>
    <s v="202204"/>
    <x v="1"/>
    <x v="0"/>
    <x v="0"/>
    <x v="0"/>
    <x v="9"/>
    <n v="0"/>
    <n v="8.5"/>
  </r>
  <r>
    <s v="03"/>
    <s v="KY"/>
    <s v="KY"/>
    <s v="202204"/>
    <x v="1"/>
    <x v="0"/>
    <x v="0"/>
    <x v="0"/>
    <x v="2"/>
    <n v="0"/>
    <n v="168.58"/>
  </r>
  <r>
    <s v="03"/>
    <s v="KY"/>
    <s v="KY"/>
    <s v="202204"/>
    <x v="1"/>
    <x v="0"/>
    <x v="0"/>
    <x v="0"/>
    <x v="3"/>
    <n v="0"/>
    <n v="7.82"/>
  </r>
  <r>
    <s v="03"/>
    <s v="KY"/>
    <s v="KY"/>
    <s v="202204"/>
    <x v="1"/>
    <x v="0"/>
    <x v="0"/>
    <x v="0"/>
    <x v="4"/>
    <n v="0"/>
    <n v="5.8"/>
  </r>
  <r>
    <s v="03"/>
    <s v="KY"/>
    <s v="KY"/>
    <s v="202204"/>
    <x v="1"/>
    <x v="0"/>
    <x v="0"/>
    <x v="0"/>
    <x v="5"/>
    <n v="0"/>
    <n v="17.739999999999998"/>
  </r>
  <r>
    <s v="03"/>
    <s v="KY"/>
    <s v="KY"/>
    <s v="202204"/>
    <x v="1"/>
    <x v="0"/>
    <x v="0"/>
    <x v="0"/>
    <x v="8"/>
    <n v="0"/>
    <n v="3.22"/>
  </r>
  <r>
    <s v="03"/>
    <s v="KY"/>
    <s v="KY"/>
    <s v="202204"/>
    <x v="1"/>
    <x v="0"/>
    <x v="0"/>
    <x v="0"/>
    <x v="6"/>
    <n v="0"/>
    <n v="92.93"/>
  </r>
  <r>
    <s v="03"/>
    <s v="KY"/>
    <s v="KY"/>
    <s v="202204"/>
    <x v="1"/>
    <x v="0"/>
    <x v="0"/>
    <x v="0"/>
    <x v="11"/>
    <n v="0"/>
    <n v="1.31"/>
  </r>
  <r>
    <s v="03"/>
    <s v="KY"/>
    <s v="KY"/>
    <s v="202204"/>
    <x v="1"/>
    <x v="0"/>
    <x v="0"/>
    <x v="0"/>
    <x v="7"/>
    <n v="0"/>
    <n v="23.79"/>
  </r>
  <r>
    <s v="03"/>
    <s v="KY"/>
    <s v="KY"/>
    <s v="202204"/>
    <x v="1"/>
    <x v="0"/>
    <x v="0"/>
    <x v="1"/>
    <x v="30"/>
    <n v="0"/>
    <n v="0.54"/>
  </r>
  <r>
    <s v="03"/>
    <s v="KY"/>
    <s v="KY"/>
    <s v="202204"/>
    <x v="1"/>
    <x v="0"/>
    <x v="0"/>
    <x v="1"/>
    <x v="0"/>
    <n v="0"/>
    <n v="306.60000000000002"/>
  </r>
  <r>
    <s v="03"/>
    <s v="KY"/>
    <s v="KY"/>
    <s v="202204"/>
    <x v="1"/>
    <x v="0"/>
    <x v="0"/>
    <x v="1"/>
    <x v="31"/>
    <n v="0"/>
    <n v="3.06"/>
  </r>
  <r>
    <s v="03"/>
    <s v="KY"/>
    <s v="KY"/>
    <s v="202204"/>
    <x v="1"/>
    <x v="0"/>
    <x v="0"/>
    <x v="1"/>
    <x v="1"/>
    <n v="0"/>
    <n v="596.64"/>
  </r>
  <r>
    <s v="03"/>
    <s v="KY"/>
    <s v="KY"/>
    <s v="202204"/>
    <x v="1"/>
    <x v="0"/>
    <x v="0"/>
    <x v="1"/>
    <x v="9"/>
    <n v="0"/>
    <n v="2.8"/>
  </r>
  <r>
    <s v="03"/>
    <s v="KY"/>
    <s v="KY"/>
    <s v="202204"/>
    <x v="1"/>
    <x v="0"/>
    <x v="0"/>
    <x v="1"/>
    <x v="2"/>
    <n v="0"/>
    <n v="103.03"/>
  </r>
  <r>
    <s v="03"/>
    <s v="KY"/>
    <s v="KY"/>
    <s v="202204"/>
    <x v="1"/>
    <x v="0"/>
    <x v="0"/>
    <x v="1"/>
    <x v="3"/>
    <n v="0"/>
    <n v="6.13"/>
  </r>
  <r>
    <s v="03"/>
    <s v="KY"/>
    <s v="KY"/>
    <s v="202204"/>
    <x v="1"/>
    <x v="0"/>
    <x v="0"/>
    <x v="1"/>
    <x v="4"/>
    <n v="0"/>
    <n v="4.5599999999999996"/>
  </r>
  <r>
    <s v="03"/>
    <s v="KY"/>
    <s v="KY"/>
    <s v="202204"/>
    <x v="1"/>
    <x v="0"/>
    <x v="0"/>
    <x v="1"/>
    <x v="5"/>
    <n v="0"/>
    <n v="19.68"/>
  </r>
  <r>
    <s v="03"/>
    <s v="KY"/>
    <s v="KY"/>
    <s v="202204"/>
    <x v="1"/>
    <x v="0"/>
    <x v="0"/>
    <x v="1"/>
    <x v="8"/>
    <n v="0"/>
    <n v="5.5"/>
  </r>
  <r>
    <s v="03"/>
    <s v="KY"/>
    <s v="KY"/>
    <s v="202204"/>
    <x v="1"/>
    <x v="0"/>
    <x v="0"/>
    <x v="1"/>
    <x v="6"/>
    <n v="0"/>
    <n v="89.05"/>
  </r>
  <r>
    <s v="03"/>
    <s v="KY"/>
    <s v="KY"/>
    <s v="202204"/>
    <x v="1"/>
    <x v="0"/>
    <x v="0"/>
    <x v="1"/>
    <x v="7"/>
    <n v="0"/>
    <n v="17.22"/>
  </r>
  <r>
    <s v="03"/>
    <s v="KY"/>
    <s v="KY"/>
    <s v="202204"/>
    <x v="1"/>
    <x v="0"/>
    <x v="0"/>
    <x v="2"/>
    <x v="9"/>
    <n v="0"/>
    <n v="16.75"/>
  </r>
  <r>
    <s v="03"/>
    <s v="KY"/>
    <s v="KY"/>
    <s v="202204"/>
    <x v="1"/>
    <x v="0"/>
    <x v="0"/>
    <x v="2"/>
    <x v="2"/>
    <n v="0"/>
    <n v="80.650000000000006"/>
  </r>
  <r>
    <s v="03"/>
    <s v="KY"/>
    <s v="KY"/>
    <s v="202204"/>
    <x v="1"/>
    <x v="0"/>
    <x v="0"/>
    <x v="2"/>
    <x v="10"/>
    <n v="0"/>
    <n v="8.83"/>
  </r>
  <r>
    <s v="03"/>
    <s v="KY"/>
    <s v="KY"/>
    <s v="202204"/>
    <x v="1"/>
    <x v="0"/>
    <x v="0"/>
    <x v="2"/>
    <x v="3"/>
    <n v="0"/>
    <n v="81.5"/>
  </r>
  <r>
    <s v="03"/>
    <s v="KY"/>
    <s v="KY"/>
    <s v="202204"/>
    <x v="1"/>
    <x v="0"/>
    <x v="0"/>
    <x v="2"/>
    <x v="32"/>
    <n v="0"/>
    <n v="15.97"/>
  </r>
  <r>
    <s v="03"/>
    <s v="KY"/>
    <s v="KY"/>
    <s v="202204"/>
    <x v="1"/>
    <x v="0"/>
    <x v="0"/>
    <x v="2"/>
    <x v="4"/>
    <n v="0"/>
    <n v="63.77"/>
  </r>
  <r>
    <s v="03"/>
    <s v="KY"/>
    <s v="KY"/>
    <s v="202204"/>
    <x v="1"/>
    <x v="0"/>
    <x v="0"/>
    <x v="2"/>
    <x v="5"/>
    <n v="0"/>
    <n v="376.71"/>
  </r>
  <r>
    <s v="03"/>
    <s v="KY"/>
    <s v="KY"/>
    <s v="202204"/>
    <x v="1"/>
    <x v="0"/>
    <x v="0"/>
    <x v="2"/>
    <x v="33"/>
    <n v="0"/>
    <n v="1.26"/>
  </r>
  <r>
    <s v="03"/>
    <s v="KY"/>
    <s v="KY"/>
    <s v="202204"/>
    <x v="1"/>
    <x v="0"/>
    <x v="0"/>
    <x v="2"/>
    <x v="8"/>
    <n v="0"/>
    <n v="45.03"/>
  </r>
  <r>
    <s v="03"/>
    <s v="KY"/>
    <s v="KY"/>
    <s v="202204"/>
    <x v="1"/>
    <x v="0"/>
    <x v="0"/>
    <x v="2"/>
    <x v="6"/>
    <n v="0"/>
    <n v="142.61000000000001"/>
  </r>
  <r>
    <s v="03"/>
    <s v="KY"/>
    <s v="KY"/>
    <s v="202204"/>
    <x v="1"/>
    <x v="0"/>
    <x v="0"/>
    <x v="2"/>
    <x v="11"/>
    <n v="0"/>
    <n v="57.93"/>
  </r>
  <r>
    <s v="03"/>
    <s v="KY"/>
    <s v="KY"/>
    <s v="202204"/>
    <x v="1"/>
    <x v="0"/>
    <x v="0"/>
    <x v="2"/>
    <x v="12"/>
    <n v="0"/>
    <n v="16.91"/>
  </r>
  <r>
    <s v="03"/>
    <s v="KY"/>
    <s v="KY"/>
    <s v="202204"/>
    <x v="1"/>
    <x v="0"/>
    <x v="0"/>
    <x v="2"/>
    <x v="13"/>
    <n v="0"/>
    <n v="25.38"/>
  </r>
  <r>
    <s v="03"/>
    <s v="KY"/>
    <s v="KY"/>
    <s v="202204"/>
    <x v="1"/>
    <x v="0"/>
    <x v="0"/>
    <x v="2"/>
    <x v="7"/>
    <n v="0"/>
    <n v="19.98"/>
  </r>
  <r>
    <s v="03"/>
    <s v="KY"/>
    <s v="KY"/>
    <s v="202204"/>
    <x v="1"/>
    <x v="0"/>
    <x v="0"/>
    <x v="2"/>
    <x v="14"/>
    <n v="0"/>
    <n v="37.119999999999997"/>
  </r>
  <r>
    <s v="03"/>
    <s v="KY"/>
    <s v="KY"/>
    <s v="202204"/>
    <x v="1"/>
    <x v="0"/>
    <x v="0"/>
    <x v="2"/>
    <x v="15"/>
    <n v="0"/>
    <n v="21323.97"/>
  </r>
  <r>
    <s v="03"/>
    <s v="KY"/>
    <s v="KY"/>
    <s v="202204"/>
    <x v="1"/>
    <x v="0"/>
    <x v="0"/>
    <x v="2"/>
    <x v="34"/>
    <n v="0"/>
    <n v="3.4"/>
  </r>
  <r>
    <s v="03"/>
    <s v="KY"/>
    <s v="KY"/>
    <s v="202204"/>
    <x v="1"/>
    <x v="0"/>
    <x v="0"/>
    <x v="2"/>
    <x v="16"/>
    <n v="0"/>
    <n v="62.51"/>
  </r>
  <r>
    <s v="03"/>
    <s v="KY"/>
    <s v="KY"/>
    <s v="202204"/>
    <x v="1"/>
    <x v="0"/>
    <x v="0"/>
    <x v="2"/>
    <x v="17"/>
    <n v="0"/>
    <n v="20134.099999999999"/>
  </r>
  <r>
    <s v="03"/>
    <s v="KY"/>
    <s v="KY"/>
    <s v="202204"/>
    <x v="1"/>
    <x v="0"/>
    <x v="0"/>
    <x v="2"/>
    <x v="18"/>
    <n v="0"/>
    <n v="198.76"/>
  </r>
  <r>
    <s v="03"/>
    <s v="KY"/>
    <s v="KY"/>
    <s v="202204"/>
    <x v="1"/>
    <x v="0"/>
    <x v="0"/>
    <x v="2"/>
    <x v="25"/>
    <n v="0"/>
    <n v="21.55"/>
  </r>
  <r>
    <s v="03"/>
    <s v="KY"/>
    <s v="KY"/>
    <s v="202204"/>
    <x v="1"/>
    <x v="0"/>
    <x v="0"/>
    <x v="2"/>
    <x v="35"/>
    <n v="0"/>
    <n v="10.24"/>
  </r>
  <r>
    <s v="03"/>
    <s v="KY"/>
    <s v="KY"/>
    <s v="202204"/>
    <x v="1"/>
    <x v="0"/>
    <x v="0"/>
    <x v="2"/>
    <x v="24"/>
    <n v="0"/>
    <n v="9.81"/>
  </r>
  <r>
    <s v="03"/>
    <s v="KY"/>
    <s v="KY"/>
    <s v="202204"/>
    <x v="1"/>
    <x v="0"/>
    <x v="0"/>
    <x v="2"/>
    <x v="19"/>
    <n v="0"/>
    <n v="37.549999999999997"/>
  </r>
  <r>
    <s v="03"/>
    <s v="KY"/>
    <s v="KY"/>
    <s v="202204"/>
    <x v="1"/>
    <x v="0"/>
    <x v="0"/>
    <x v="2"/>
    <x v="20"/>
    <n v="0"/>
    <n v="278.31"/>
  </r>
  <r>
    <s v="03"/>
    <s v="KY"/>
    <s v="KY"/>
    <s v="202204"/>
    <x v="1"/>
    <x v="0"/>
    <x v="0"/>
    <x v="2"/>
    <x v="21"/>
    <n v="0"/>
    <n v="8273.2000000000007"/>
  </r>
  <r>
    <s v="03"/>
    <s v="KY"/>
    <s v="KY"/>
    <s v="202204"/>
    <x v="1"/>
    <x v="0"/>
    <x v="0"/>
    <x v="2"/>
    <x v="22"/>
    <n v="0"/>
    <n v="304.54000000000002"/>
  </r>
  <r>
    <s v="03"/>
    <s v="KY"/>
    <s v="KY"/>
    <s v="202204"/>
    <x v="1"/>
    <x v="0"/>
    <x v="0"/>
    <x v="2"/>
    <x v="36"/>
    <n v="0"/>
    <n v="1831.27"/>
  </r>
  <r>
    <s v="03"/>
    <s v="KY"/>
    <s v="KY"/>
    <s v="202204"/>
    <x v="1"/>
    <x v="0"/>
    <x v="0"/>
    <x v="2"/>
    <x v="27"/>
    <n v="0"/>
    <n v="10560.89"/>
  </r>
  <r>
    <s v="03"/>
    <s v="KY"/>
    <s v="KY"/>
    <s v="202204"/>
    <x v="1"/>
    <x v="0"/>
    <x v="0"/>
    <x v="2"/>
    <x v="23"/>
    <n v="0"/>
    <n v="27707.05"/>
  </r>
  <r>
    <s v="03"/>
    <s v="KY"/>
    <s v="KY"/>
    <s v="202204"/>
    <x v="1"/>
    <x v="0"/>
    <x v="0"/>
    <x v="3"/>
    <x v="2"/>
    <n v="0"/>
    <n v="10.1"/>
  </r>
  <r>
    <s v="03"/>
    <s v="KY"/>
    <s v="KY"/>
    <s v="202204"/>
    <x v="1"/>
    <x v="0"/>
    <x v="0"/>
    <x v="3"/>
    <x v="3"/>
    <n v="0"/>
    <n v="8.06"/>
  </r>
  <r>
    <s v="03"/>
    <s v="KY"/>
    <s v="KY"/>
    <s v="202204"/>
    <x v="1"/>
    <x v="0"/>
    <x v="0"/>
    <x v="3"/>
    <x v="4"/>
    <n v="0"/>
    <n v="3.14"/>
  </r>
  <r>
    <s v="03"/>
    <s v="KY"/>
    <s v="KY"/>
    <s v="202204"/>
    <x v="1"/>
    <x v="0"/>
    <x v="0"/>
    <x v="3"/>
    <x v="5"/>
    <n v="0"/>
    <n v="101.35"/>
  </r>
  <r>
    <s v="03"/>
    <s v="KY"/>
    <s v="KY"/>
    <s v="202204"/>
    <x v="1"/>
    <x v="0"/>
    <x v="0"/>
    <x v="3"/>
    <x v="8"/>
    <n v="0"/>
    <n v="8.7200000000000006"/>
  </r>
  <r>
    <s v="03"/>
    <s v="KY"/>
    <s v="KY"/>
    <s v="202204"/>
    <x v="1"/>
    <x v="0"/>
    <x v="0"/>
    <x v="3"/>
    <x v="6"/>
    <n v="0"/>
    <n v="9.14"/>
  </r>
  <r>
    <s v="03"/>
    <s v="KY"/>
    <s v="KY"/>
    <s v="202204"/>
    <x v="1"/>
    <x v="0"/>
    <x v="0"/>
    <x v="3"/>
    <x v="11"/>
    <n v="0"/>
    <n v="8.65"/>
  </r>
  <r>
    <s v="03"/>
    <s v="KY"/>
    <s v="KY"/>
    <s v="202204"/>
    <x v="1"/>
    <x v="0"/>
    <x v="0"/>
    <x v="3"/>
    <x v="7"/>
    <n v="0"/>
    <n v="1.82"/>
  </r>
  <r>
    <s v="03"/>
    <s v="KY"/>
    <s v="KY"/>
    <s v="202204"/>
    <x v="1"/>
    <x v="0"/>
    <x v="0"/>
    <x v="3"/>
    <x v="15"/>
    <n v="0"/>
    <n v="4560.3100000000004"/>
  </r>
  <r>
    <s v="03"/>
    <s v="KY"/>
    <s v="KY"/>
    <s v="202204"/>
    <x v="1"/>
    <x v="0"/>
    <x v="0"/>
    <x v="3"/>
    <x v="17"/>
    <n v="0"/>
    <n v="16700.88"/>
  </r>
  <r>
    <s v="03"/>
    <s v="KY"/>
    <s v="KY"/>
    <s v="202204"/>
    <x v="1"/>
    <x v="0"/>
    <x v="0"/>
    <x v="3"/>
    <x v="18"/>
    <n v="0"/>
    <n v="46.34"/>
  </r>
  <r>
    <s v="03"/>
    <s v="KY"/>
    <s v="KY"/>
    <s v="202204"/>
    <x v="1"/>
    <x v="0"/>
    <x v="0"/>
    <x v="3"/>
    <x v="35"/>
    <n v="0"/>
    <n v="16.39"/>
  </r>
  <r>
    <s v="03"/>
    <s v="KY"/>
    <s v="KY"/>
    <s v="202204"/>
    <x v="1"/>
    <x v="0"/>
    <x v="0"/>
    <x v="3"/>
    <x v="24"/>
    <n v="0"/>
    <n v="53.97"/>
  </r>
  <r>
    <s v="03"/>
    <s v="KY"/>
    <s v="KY"/>
    <s v="202204"/>
    <x v="1"/>
    <x v="0"/>
    <x v="0"/>
    <x v="3"/>
    <x v="19"/>
    <n v="0"/>
    <n v="18.64"/>
  </r>
  <r>
    <s v="03"/>
    <s v="KY"/>
    <s v="KY"/>
    <s v="202204"/>
    <x v="1"/>
    <x v="0"/>
    <x v="0"/>
    <x v="3"/>
    <x v="20"/>
    <n v="0"/>
    <n v="54.25"/>
  </r>
  <r>
    <s v="03"/>
    <s v="KY"/>
    <s v="KY"/>
    <s v="202204"/>
    <x v="1"/>
    <x v="0"/>
    <x v="0"/>
    <x v="3"/>
    <x v="21"/>
    <n v="0"/>
    <n v="8874.59"/>
  </r>
  <r>
    <s v="03"/>
    <s v="KY"/>
    <s v="KY"/>
    <s v="202204"/>
    <x v="1"/>
    <x v="0"/>
    <x v="0"/>
    <x v="3"/>
    <x v="26"/>
    <n v="0"/>
    <n v="1312.03"/>
  </r>
  <r>
    <s v="03"/>
    <s v="KY"/>
    <s v="KY"/>
    <s v="202204"/>
    <x v="1"/>
    <x v="0"/>
    <x v="0"/>
    <x v="3"/>
    <x v="22"/>
    <n v="0"/>
    <n v="839.68"/>
  </r>
  <r>
    <s v="03"/>
    <s v="KY"/>
    <s v="KY"/>
    <s v="202204"/>
    <x v="1"/>
    <x v="0"/>
    <x v="0"/>
    <x v="4"/>
    <x v="3"/>
    <n v="0"/>
    <n v="26.11"/>
  </r>
  <r>
    <s v="03"/>
    <s v="KY"/>
    <s v="KY"/>
    <s v="202204"/>
    <x v="1"/>
    <x v="0"/>
    <x v="0"/>
    <x v="4"/>
    <x v="5"/>
    <n v="0"/>
    <n v="10.41"/>
  </r>
  <r>
    <s v="03"/>
    <s v="KY"/>
    <s v="KY"/>
    <s v="202204"/>
    <x v="1"/>
    <x v="0"/>
    <x v="0"/>
    <x v="4"/>
    <x v="6"/>
    <n v="0"/>
    <n v="15.31"/>
  </r>
  <r>
    <s v="03"/>
    <s v="KY"/>
    <s v="KY"/>
    <s v="202204"/>
    <x v="1"/>
    <x v="0"/>
    <x v="0"/>
    <x v="4"/>
    <x v="15"/>
    <n v="0"/>
    <n v="270.17"/>
  </r>
  <r>
    <s v="03"/>
    <s v="KY"/>
    <s v="KY"/>
    <s v="202204"/>
    <x v="1"/>
    <x v="0"/>
    <x v="0"/>
    <x v="4"/>
    <x v="17"/>
    <n v="0"/>
    <n v="733.85"/>
  </r>
  <r>
    <s v="03"/>
    <s v="KY"/>
    <s v="KY"/>
    <s v="202204"/>
    <x v="1"/>
    <x v="0"/>
    <x v="0"/>
    <x v="5"/>
    <x v="9"/>
    <n v="0"/>
    <n v="0.84"/>
  </r>
  <r>
    <s v="03"/>
    <s v="KY"/>
    <s v="KY"/>
    <s v="202204"/>
    <x v="1"/>
    <x v="0"/>
    <x v="0"/>
    <x v="5"/>
    <x v="2"/>
    <n v="0"/>
    <n v="3.63"/>
  </r>
  <r>
    <s v="03"/>
    <s v="KY"/>
    <s v="KY"/>
    <s v="202204"/>
    <x v="1"/>
    <x v="0"/>
    <x v="0"/>
    <x v="5"/>
    <x v="10"/>
    <n v="0"/>
    <n v="4.32"/>
  </r>
  <r>
    <s v="03"/>
    <s v="KY"/>
    <s v="KY"/>
    <s v="202204"/>
    <x v="1"/>
    <x v="0"/>
    <x v="0"/>
    <x v="5"/>
    <x v="3"/>
    <n v="0"/>
    <n v="2.73"/>
  </r>
  <r>
    <s v="03"/>
    <s v="KY"/>
    <s v="KY"/>
    <s v="202204"/>
    <x v="1"/>
    <x v="0"/>
    <x v="0"/>
    <x v="5"/>
    <x v="4"/>
    <n v="0"/>
    <n v="4.7"/>
  </r>
  <r>
    <s v="03"/>
    <s v="KY"/>
    <s v="KY"/>
    <s v="202204"/>
    <x v="1"/>
    <x v="0"/>
    <x v="0"/>
    <x v="5"/>
    <x v="5"/>
    <n v="0"/>
    <n v="6.3"/>
  </r>
  <r>
    <s v="03"/>
    <s v="KY"/>
    <s v="KY"/>
    <s v="202204"/>
    <x v="1"/>
    <x v="0"/>
    <x v="0"/>
    <x v="5"/>
    <x v="6"/>
    <n v="0"/>
    <n v="2.48"/>
  </r>
  <r>
    <s v="03"/>
    <s v="KY"/>
    <s v="KY"/>
    <s v="202204"/>
    <x v="1"/>
    <x v="0"/>
    <x v="0"/>
    <x v="5"/>
    <x v="14"/>
    <n v="0"/>
    <n v="7.62"/>
  </r>
  <r>
    <s v="03"/>
    <s v="KY"/>
    <s v="KY"/>
    <s v="202204"/>
    <x v="1"/>
    <x v="0"/>
    <x v="0"/>
    <x v="5"/>
    <x v="15"/>
    <n v="0"/>
    <n v="823.47"/>
  </r>
  <r>
    <s v="03"/>
    <s v="KY"/>
    <s v="KY"/>
    <s v="202204"/>
    <x v="1"/>
    <x v="0"/>
    <x v="0"/>
    <x v="5"/>
    <x v="17"/>
    <n v="0"/>
    <n v="2935.49"/>
  </r>
  <r>
    <s v="03"/>
    <s v="KY"/>
    <s v="KY"/>
    <s v="202204"/>
    <x v="1"/>
    <x v="0"/>
    <x v="0"/>
    <x v="5"/>
    <x v="18"/>
    <n v="0"/>
    <n v="53.76"/>
  </r>
  <r>
    <s v="03"/>
    <s v="KY"/>
    <s v="KY"/>
    <s v="202204"/>
    <x v="1"/>
    <x v="0"/>
    <x v="0"/>
    <x v="5"/>
    <x v="25"/>
    <n v="0"/>
    <n v="284.93"/>
  </r>
  <r>
    <s v="03"/>
    <s v="KY"/>
    <s v="KY"/>
    <s v="202204"/>
    <x v="1"/>
    <x v="0"/>
    <x v="0"/>
    <x v="5"/>
    <x v="21"/>
    <n v="0"/>
    <n v="1312.11"/>
  </r>
  <r>
    <s v="03"/>
    <s v="KY"/>
    <s v="KY"/>
    <s v="202204"/>
    <x v="1"/>
    <x v="0"/>
    <x v="0"/>
    <x v="5"/>
    <x v="26"/>
    <n v="0"/>
    <n v="1664.75"/>
  </r>
  <r>
    <s v="03"/>
    <s v="KY"/>
    <s v="KY"/>
    <s v="202204"/>
    <x v="1"/>
    <x v="0"/>
    <x v="0"/>
    <x v="5"/>
    <x v="27"/>
    <n v="0"/>
    <n v="9105.5300000000007"/>
  </r>
  <r>
    <s v="03"/>
    <s v="KY"/>
    <s v="KY"/>
    <s v="202204"/>
    <x v="1"/>
    <x v="0"/>
    <x v="0"/>
    <x v="5"/>
    <x v="23"/>
    <n v="0"/>
    <n v="7799.37"/>
  </r>
  <r>
    <s v="03"/>
    <s v="KY"/>
    <s v="KY"/>
    <s v="202204"/>
    <x v="1"/>
    <x v="0"/>
    <x v="0"/>
    <x v="5"/>
    <x v="37"/>
    <n v="0"/>
    <n v="3756.46"/>
  </r>
  <r>
    <s v="03"/>
    <s v="KY"/>
    <s v="KY"/>
    <s v="202204"/>
    <x v="1"/>
    <x v="0"/>
    <x v="0"/>
    <x v="6"/>
    <x v="6"/>
    <n v="0"/>
    <n v="4.95"/>
  </r>
  <r>
    <s v="03"/>
    <s v="KY"/>
    <s v="KY"/>
    <s v="202204"/>
    <x v="1"/>
    <x v="0"/>
    <x v="0"/>
    <x v="6"/>
    <x v="15"/>
    <n v="0"/>
    <n v="81.93"/>
  </r>
  <r>
    <s v="03"/>
    <s v="KY"/>
    <s v="KY"/>
    <s v="202204"/>
    <x v="1"/>
    <x v="0"/>
    <x v="0"/>
    <x v="6"/>
    <x v="17"/>
    <n v="0"/>
    <n v="582.39"/>
  </r>
  <r>
    <s v="03"/>
    <s v="KY"/>
    <s v="KY"/>
    <s v="202204"/>
    <x v="1"/>
    <x v="0"/>
    <x v="0"/>
    <x v="6"/>
    <x v="25"/>
    <n v="0"/>
    <n v="122.19"/>
  </r>
  <r>
    <s v="03"/>
    <s v="KY"/>
    <s v="KY"/>
    <s v="202204"/>
    <x v="1"/>
    <x v="0"/>
    <x v="0"/>
    <x v="6"/>
    <x v="21"/>
    <n v="0"/>
    <n v="860.69"/>
  </r>
  <r>
    <s v="03"/>
    <s v="KY"/>
    <s v="KY"/>
    <s v="202204"/>
    <x v="1"/>
    <x v="0"/>
    <x v="0"/>
    <x v="6"/>
    <x v="38"/>
    <n v="0"/>
    <n v="5.24"/>
  </r>
  <r>
    <s v="03"/>
    <s v="KY"/>
    <s v="KY"/>
    <s v="202204"/>
    <x v="1"/>
    <x v="0"/>
    <x v="0"/>
    <x v="7"/>
    <x v="2"/>
    <n v="0"/>
    <n v="0.64"/>
  </r>
  <r>
    <s v="03"/>
    <s v="KY"/>
    <s v="KY"/>
    <s v="202204"/>
    <x v="1"/>
    <x v="0"/>
    <x v="0"/>
    <x v="7"/>
    <x v="3"/>
    <n v="0"/>
    <n v="20.58"/>
  </r>
  <r>
    <s v="03"/>
    <s v="KY"/>
    <s v="KY"/>
    <s v="202204"/>
    <x v="1"/>
    <x v="0"/>
    <x v="0"/>
    <x v="7"/>
    <x v="4"/>
    <n v="0"/>
    <n v="1.04"/>
  </r>
  <r>
    <s v="03"/>
    <s v="KY"/>
    <s v="KY"/>
    <s v="202204"/>
    <x v="1"/>
    <x v="0"/>
    <x v="0"/>
    <x v="7"/>
    <x v="6"/>
    <n v="0"/>
    <n v="2.23"/>
  </r>
  <r>
    <s v="03"/>
    <s v="KY"/>
    <s v="KY"/>
    <s v="202204"/>
    <x v="1"/>
    <x v="0"/>
    <x v="0"/>
    <x v="7"/>
    <x v="15"/>
    <n v="0"/>
    <n v="91.32"/>
  </r>
  <r>
    <s v="03"/>
    <s v="KY"/>
    <s v="KY"/>
    <s v="202204"/>
    <x v="1"/>
    <x v="0"/>
    <x v="0"/>
    <x v="7"/>
    <x v="17"/>
    <n v="0"/>
    <n v="442.85"/>
  </r>
  <r>
    <s v="03"/>
    <s v="KY"/>
    <s v="KY"/>
    <s v="202204"/>
    <x v="1"/>
    <x v="0"/>
    <x v="0"/>
    <x v="7"/>
    <x v="25"/>
    <n v="0"/>
    <n v="1391.85"/>
  </r>
  <r>
    <s v="03"/>
    <s v="KY"/>
    <s v="KY"/>
    <s v="202204"/>
    <x v="1"/>
    <x v="0"/>
    <x v="0"/>
    <x v="7"/>
    <x v="28"/>
    <n v="0"/>
    <n v="286.98"/>
  </r>
  <r>
    <s v="03"/>
    <s v="KY"/>
    <s v="KY"/>
    <s v="202204"/>
    <x v="1"/>
    <x v="0"/>
    <x v="0"/>
    <x v="7"/>
    <x v="21"/>
    <n v="0"/>
    <n v="1011.01"/>
  </r>
  <r>
    <s v="03"/>
    <s v="KY"/>
    <s v="KY"/>
    <s v="202204"/>
    <x v="1"/>
    <x v="0"/>
    <x v="0"/>
    <x v="7"/>
    <x v="26"/>
    <n v="0"/>
    <n v="6577.08"/>
  </r>
  <r>
    <s v="03"/>
    <s v="KY"/>
    <s v="KY"/>
    <s v="202204"/>
    <x v="1"/>
    <x v="0"/>
    <x v="0"/>
    <x v="7"/>
    <x v="22"/>
    <n v="0"/>
    <n v="732.29"/>
  </r>
  <r>
    <s v="03"/>
    <s v="KY"/>
    <s v="KY"/>
    <s v="202204"/>
    <x v="1"/>
    <x v="0"/>
    <x v="0"/>
    <x v="7"/>
    <x v="39"/>
    <n v="0"/>
    <n v="395.57"/>
  </r>
  <r>
    <s v="03"/>
    <s v="KY"/>
    <s v="KY"/>
    <s v="202204"/>
    <x v="1"/>
    <x v="0"/>
    <x v="0"/>
    <x v="7"/>
    <x v="40"/>
    <n v="0"/>
    <n v="4370.43"/>
  </r>
  <r>
    <s v="03"/>
    <s v="KY"/>
    <s v="KY"/>
    <s v="202204"/>
    <x v="1"/>
    <x v="0"/>
    <x v="0"/>
    <x v="7"/>
    <x v="27"/>
    <n v="0"/>
    <n v="21514.82"/>
  </r>
  <r>
    <s v="03"/>
    <s v="KY"/>
    <s v="KY"/>
    <s v="202204"/>
    <x v="2"/>
    <x v="0"/>
    <x v="0"/>
    <x v="0"/>
    <x v="0"/>
    <n v="0"/>
    <n v="-0.15"/>
  </r>
  <r>
    <s v="03"/>
    <s v="KY"/>
    <s v="KY"/>
    <s v="202204"/>
    <x v="2"/>
    <x v="0"/>
    <x v="0"/>
    <x v="0"/>
    <x v="2"/>
    <n v="0"/>
    <n v="-0.54"/>
  </r>
  <r>
    <s v="03"/>
    <s v="KY"/>
    <s v="KY"/>
    <s v="202204"/>
    <x v="2"/>
    <x v="0"/>
    <x v="0"/>
    <x v="1"/>
    <x v="0"/>
    <n v="0"/>
    <n v="-1.41"/>
  </r>
  <r>
    <s v="03"/>
    <s v="KY"/>
    <s v="KY"/>
    <s v="202204"/>
    <x v="2"/>
    <x v="0"/>
    <x v="0"/>
    <x v="1"/>
    <x v="2"/>
    <n v="0"/>
    <n v="-1.1399999999999999"/>
  </r>
  <r>
    <s v="03"/>
    <s v="KY"/>
    <s v="KY"/>
    <s v="202204"/>
    <x v="2"/>
    <x v="0"/>
    <x v="0"/>
    <x v="1"/>
    <x v="7"/>
    <n v="0"/>
    <n v="-0.49"/>
  </r>
  <r>
    <s v="03"/>
    <s v="KY"/>
    <s v="KY"/>
    <s v="202204"/>
    <x v="2"/>
    <x v="0"/>
    <x v="0"/>
    <x v="2"/>
    <x v="15"/>
    <n v="0"/>
    <n v="-85.91"/>
  </r>
  <r>
    <s v="03"/>
    <s v="KY"/>
    <s v="KY"/>
    <s v="202204"/>
    <x v="2"/>
    <x v="0"/>
    <x v="0"/>
    <x v="2"/>
    <x v="17"/>
    <n v="0"/>
    <n v="-58.34"/>
  </r>
  <r>
    <s v="03"/>
    <s v="KY"/>
    <s v="KY"/>
    <s v="202204"/>
    <x v="2"/>
    <x v="0"/>
    <x v="0"/>
    <x v="2"/>
    <x v="18"/>
    <n v="0"/>
    <n v="-208.84"/>
  </r>
  <r>
    <s v="03"/>
    <s v="KY"/>
    <s v="KY"/>
    <s v="202204"/>
    <x v="2"/>
    <x v="0"/>
    <x v="0"/>
    <x v="3"/>
    <x v="15"/>
    <n v="0"/>
    <n v="-16.07"/>
  </r>
  <r>
    <s v="03"/>
    <s v="KY"/>
    <s v="KY"/>
    <s v="202204"/>
    <x v="2"/>
    <x v="0"/>
    <x v="0"/>
    <x v="3"/>
    <x v="17"/>
    <n v="0"/>
    <n v="-11.9"/>
  </r>
  <r>
    <s v="03"/>
    <s v="KY"/>
    <s v="KY"/>
    <s v="202204"/>
    <x v="2"/>
    <x v="0"/>
    <x v="0"/>
    <x v="3"/>
    <x v="21"/>
    <n v="0"/>
    <n v="-358.79"/>
  </r>
  <r>
    <s v="03"/>
    <s v="KY"/>
    <s v="KY"/>
    <s v="202204"/>
    <x v="2"/>
    <x v="0"/>
    <x v="0"/>
    <x v="4"/>
    <x v="15"/>
    <n v="0"/>
    <n v="-2.38"/>
  </r>
  <r>
    <s v="03"/>
    <s v="KY"/>
    <s v="KY"/>
    <s v="202204"/>
    <x v="2"/>
    <x v="0"/>
    <x v="0"/>
    <x v="6"/>
    <x v="17"/>
    <n v="0"/>
    <n v="-305.49"/>
  </r>
  <r>
    <s v="03"/>
    <s v="KY"/>
    <s v="KY"/>
    <s v="202204"/>
    <x v="2"/>
    <x v="0"/>
    <x v="0"/>
    <x v="7"/>
    <x v="27"/>
    <n v="0"/>
    <n v="-2206.6799999999998"/>
  </r>
  <r>
    <s v="03"/>
    <s v="KY"/>
    <s v="KY"/>
    <s v="202205"/>
    <x v="0"/>
    <x v="0"/>
    <x v="0"/>
    <x v="0"/>
    <x v="0"/>
    <n v="0"/>
    <n v="-8.9499999999999993"/>
  </r>
  <r>
    <s v="03"/>
    <s v="KY"/>
    <s v="KY"/>
    <s v="202205"/>
    <x v="0"/>
    <x v="0"/>
    <x v="0"/>
    <x v="0"/>
    <x v="1"/>
    <n v="0"/>
    <n v="-2.15"/>
  </r>
  <r>
    <s v="03"/>
    <s v="KY"/>
    <s v="KY"/>
    <s v="202205"/>
    <x v="0"/>
    <x v="0"/>
    <x v="0"/>
    <x v="0"/>
    <x v="9"/>
    <n v="0"/>
    <n v="-0.8"/>
  </r>
  <r>
    <s v="03"/>
    <s v="KY"/>
    <s v="KY"/>
    <s v="202205"/>
    <x v="0"/>
    <x v="0"/>
    <x v="0"/>
    <x v="0"/>
    <x v="2"/>
    <n v="0"/>
    <n v="-8.57"/>
  </r>
  <r>
    <s v="03"/>
    <s v="KY"/>
    <s v="KY"/>
    <s v="202205"/>
    <x v="0"/>
    <x v="0"/>
    <x v="0"/>
    <x v="0"/>
    <x v="3"/>
    <n v="0"/>
    <n v="-1.58"/>
  </r>
  <r>
    <s v="03"/>
    <s v="KY"/>
    <s v="KY"/>
    <s v="202205"/>
    <x v="0"/>
    <x v="0"/>
    <x v="0"/>
    <x v="0"/>
    <x v="4"/>
    <n v="0"/>
    <n v="-0.98"/>
  </r>
  <r>
    <s v="03"/>
    <s v="KY"/>
    <s v="KY"/>
    <s v="202205"/>
    <x v="0"/>
    <x v="0"/>
    <x v="0"/>
    <x v="0"/>
    <x v="5"/>
    <n v="0"/>
    <n v="-1.52"/>
  </r>
  <r>
    <s v="03"/>
    <s v="KY"/>
    <s v="KY"/>
    <s v="202205"/>
    <x v="0"/>
    <x v="0"/>
    <x v="0"/>
    <x v="0"/>
    <x v="6"/>
    <n v="0"/>
    <n v="-4.83"/>
  </r>
  <r>
    <s v="03"/>
    <s v="KY"/>
    <s v="KY"/>
    <s v="202205"/>
    <x v="0"/>
    <x v="0"/>
    <x v="0"/>
    <x v="0"/>
    <x v="7"/>
    <n v="0"/>
    <n v="-2.69"/>
  </r>
  <r>
    <s v="03"/>
    <s v="KY"/>
    <s v="KY"/>
    <s v="202205"/>
    <x v="0"/>
    <x v="0"/>
    <x v="0"/>
    <x v="1"/>
    <x v="0"/>
    <n v="0"/>
    <n v="-8.59"/>
  </r>
  <r>
    <s v="03"/>
    <s v="KY"/>
    <s v="KY"/>
    <s v="202205"/>
    <x v="0"/>
    <x v="0"/>
    <x v="0"/>
    <x v="1"/>
    <x v="1"/>
    <n v="0"/>
    <n v="-32.409999999999997"/>
  </r>
  <r>
    <s v="03"/>
    <s v="KY"/>
    <s v="KY"/>
    <s v="202205"/>
    <x v="0"/>
    <x v="0"/>
    <x v="0"/>
    <x v="1"/>
    <x v="2"/>
    <n v="0"/>
    <n v="-5.84"/>
  </r>
  <r>
    <s v="03"/>
    <s v="KY"/>
    <s v="KY"/>
    <s v="202205"/>
    <x v="0"/>
    <x v="0"/>
    <x v="0"/>
    <x v="1"/>
    <x v="3"/>
    <n v="0"/>
    <n v="-0.88"/>
  </r>
  <r>
    <s v="03"/>
    <s v="KY"/>
    <s v="KY"/>
    <s v="202205"/>
    <x v="0"/>
    <x v="0"/>
    <x v="0"/>
    <x v="1"/>
    <x v="6"/>
    <n v="0"/>
    <n v="-2.82"/>
  </r>
  <r>
    <s v="03"/>
    <s v="KY"/>
    <s v="KY"/>
    <s v="202205"/>
    <x v="0"/>
    <x v="0"/>
    <x v="0"/>
    <x v="1"/>
    <x v="7"/>
    <n v="0"/>
    <n v="-0.99"/>
  </r>
  <r>
    <s v="03"/>
    <s v="KY"/>
    <s v="KY"/>
    <s v="202205"/>
    <x v="0"/>
    <x v="0"/>
    <x v="0"/>
    <x v="2"/>
    <x v="9"/>
    <n v="0"/>
    <n v="-3.13"/>
  </r>
  <r>
    <s v="03"/>
    <s v="KY"/>
    <s v="KY"/>
    <s v="202205"/>
    <x v="0"/>
    <x v="0"/>
    <x v="0"/>
    <x v="2"/>
    <x v="2"/>
    <n v="0"/>
    <n v="-13.32"/>
  </r>
  <r>
    <s v="03"/>
    <s v="KY"/>
    <s v="KY"/>
    <s v="202205"/>
    <x v="0"/>
    <x v="0"/>
    <x v="0"/>
    <x v="2"/>
    <x v="10"/>
    <n v="0"/>
    <n v="-2.98"/>
  </r>
  <r>
    <s v="03"/>
    <s v="KY"/>
    <s v="KY"/>
    <s v="202205"/>
    <x v="0"/>
    <x v="0"/>
    <x v="0"/>
    <x v="2"/>
    <x v="3"/>
    <n v="0"/>
    <n v="-25.74"/>
  </r>
  <r>
    <s v="03"/>
    <s v="KY"/>
    <s v="KY"/>
    <s v="202205"/>
    <x v="0"/>
    <x v="0"/>
    <x v="0"/>
    <x v="2"/>
    <x v="32"/>
    <n v="0"/>
    <n v="-1.56"/>
  </r>
  <r>
    <s v="03"/>
    <s v="KY"/>
    <s v="KY"/>
    <s v="202205"/>
    <x v="0"/>
    <x v="0"/>
    <x v="0"/>
    <x v="2"/>
    <x v="4"/>
    <n v="0"/>
    <n v="-15.18"/>
  </r>
  <r>
    <s v="03"/>
    <s v="KY"/>
    <s v="KY"/>
    <s v="202205"/>
    <x v="0"/>
    <x v="0"/>
    <x v="0"/>
    <x v="2"/>
    <x v="5"/>
    <n v="0"/>
    <n v="-168.37"/>
  </r>
  <r>
    <s v="03"/>
    <s v="KY"/>
    <s v="KY"/>
    <s v="202205"/>
    <x v="0"/>
    <x v="0"/>
    <x v="0"/>
    <x v="2"/>
    <x v="6"/>
    <n v="0"/>
    <n v="-16.8"/>
  </r>
  <r>
    <s v="03"/>
    <s v="KY"/>
    <s v="KY"/>
    <s v="202205"/>
    <x v="0"/>
    <x v="0"/>
    <x v="0"/>
    <x v="2"/>
    <x v="11"/>
    <n v="0"/>
    <n v="-26.2"/>
  </r>
  <r>
    <s v="03"/>
    <s v="KY"/>
    <s v="KY"/>
    <s v="202205"/>
    <x v="0"/>
    <x v="0"/>
    <x v="0"/>
    <x v="2"/>
    <x v="13"/>
    <n v="0"/>
    <n v="-18.309999999999999"/>
  </r>
  <r>
    <s v="03"/>
    <s v="KY"/>
    <s v="KY"/>
    <s v="202205"/>
    <x v="0"/>
    <x v="0"/>
    <x v="0"/>
    <x v="2"/>
    <x v="7"/>
    <n v="0"/>
    <n v="-1.38"/>
  </r>
  <r>
    <s v="03"/>
    <s v="KY"/>
    <s v="KY"/>
    <s v="202205"/>
    <x v="0"/>
    <x v="0"/>
    <x v="0"/>
    <x v="2"/>
    <x v="15"/>
    <n v="0"/>
    <n v="-3472.3"/>
  </r>
  <r>
    <s v="03"/>
    <s v="KY"/>
    <s v="KY"/>
    <s v="202205"/>
    <x v="0"/>
    <x v="0"/>
    <x v="0"/>
    <x v="2"/>
    <x v="16"/>
    <n v="0"/>
    <n v="-48.09"/>
  </r>
  <r>
    <s v="03"/>
    <s v="KY"/>
    <s v="KY"/>
    <s v="202205"/>
    <x v="0"/>
    <x v="0"/>
    <x v="0"/>
    <x v="2"/>
    <x v="17"/>
    <n v="0"/>
    <n v="-6688.76"/>
  </r>
  <r>
    <s v="03"/>
    <s v="KY"/>
    <s v="KY"/>
    <s v="202205"/>
    <x v="0"/>
    <x v="0"/>
    <x v="0"/>
    <x v="2"/>
    <x v="18"/>
    <n v="0"/>
    <n v="-88.87"/>
  </r>
  <r>
    <s v="03"/>
    <s v="KY"/>
    <s v="KY"/>
    <s v="202205"/>
    <x v="0"/>
    <x v="0"/>
    <x v="0"/>
    <x v="2"/>
    <x v="24"/>
    <n v="0"/>
    <n v="-15.21"/>
  </r>
  <r>
    <s v="03"/>
    <s v="KY"/>
    <s v="KY"/>
    <s v="202205"/>
    <x v="0"/>
    <x v="0"/>
    <x v="0"/>
    <x v="2"/>
    <x v="20"/>
    <n v="0"/>
    <n v="-8.91"/>
  </r>
  <r>
    <s v="03"/>
    <s v="KY"/>
    <s v="KY"/>
    <s v="202205"/>
    <x v="0"/>
    <x v="0"/>
    <x v="0"/>
    <x v="2"/>
    <x v="21"/>
    <n v="0"/>
    <n v="-1892.42"/>
  </r>
  <r>
    <s v="03"/>
    <s v="KY"/>
    <s v="KY"/>
    <s v="202205"/>
    <x v="0"/>
    <x v="0"/>
    <x v="0"/>
    <x v="2"/>
    <x v="27"/>
    <n v="0"/>
    <n v="-10560.89"/>
  </r>
  <r>
    <s v="03"/>
    <s v="KY"/>
    <s v="KY"/>
    <s v="202205"/>
    <x v="0"/>
    <x v="0"/>
    <x v="0"/>
    <x v="2"/>
    <x v="23"/>
    <n v="0"/>
    <n v="-25148.13"/>
  </r>
  <r>
    <s v="03"/>
    <s v="KY"/>
    <s v="KY"/>
    <s v="202205"/>
    <x v="0"/>
    <x v="0"/>
    <x v="0"/>
    <x v="3"/>
    <x v="2"/>
    <n v="0"/>
    <n v="-2.57"/>
  </r>
  <r>
    <s v="03"/>
    <s v="KY"/>
    <s v="KY"/>
    <s v="202205"/>
    <x v="0"/>
    <x v="0"/>
    <x v="0"/>
    <x v="3"/>
    <x v="3"/>
    <n v="0"/>
    <n v="-3.51"/>
  </r>
  <r>
    <s v="03"/>
    <s v="KY"/>
    <s v="KY"/>
    <s v="202205"/>
    <x v="0"/>
    <x v="0"/>
    <x v="0"/>
    <x v="3"/>
    <x v="4"/>
    <n v="0"/>
    <n v="-2.0699999999999998"/>
  </r>
  <r>
    <s v="03"/>
    <s v="KY"/>
    <s v="KY"/>
    <s v="202205"/>
    <x v="0"/>
    <x v="0"/>
    <x v="0"/>
    <x v="3"/>
    <x v="5"/>
    <n v="0"/>
    <n v="-3.16"/>
  </r>
  <r>
    <s v="03"/>
    <s v="KY"/>
    <s v="KY"/>
    <s v="202205"/>
    <x v="0"/>
    <x v="0"/>
    <x v="0"/>
    <x v="3"/>
    <x v="6"/>
    <n v="0"/>
    <n v="-1.51"/>
  </r>
  <r>
    <s v="03"/>
    <s v="KY"/>
    <s v="KY"/>
    <s v="202205"/>
    <x v="0"/>
    <x v="0"/>
    <x v="0"/>
    <x v="3"/>
    <x v="7"/>
    <n v="0"/>
    <n v="-0.9"/>
  </r>
  <r>
    <s v="03"/>
    <s v="KY"/>
    <s v="KY"/>
    <s v="202205"/>
    <x v="0"/>
    <x v="0"/>
    <x v="0"/>
    <x v="3"/>
    <x v="15"/>
    <n v="0"/>
    <n v="-511.17"/>
  </r>
  <r>
    <s v="03"/>
    <s v="KY"/>
    <s v="KY"/>
    <s v="202205"/>
    <x v="0"/>
    <x v="0"/>
    <x v="0"/>
    <x v="3"/>
    <x v="17"/>
    <n v="0"/>
    <n v="-3866.37"/>
  </r>
  <r>
    <s v="03"/>
    <s v="KY"/>
    <s v="KY"/>
    <s v="202205"/>
    <x v="0"/>
    <x v="0"/>
    <x v="0"/>
    <x v="3"/>
    <x v="35"/>
    <n v="0"/>
    <n v="-6.5"/>
  </r>
  <r>
    <s v="03"/>
    <s v="KY"/>
    <s v="KY"/>
    <s v="202205"/>
    <x v="0"/>
    <x v="0"/>
    <x v="0"/>
    <x v="3"/>
    <x v="24"/>
    <n v="0"/>
    <n v="-23.15"/>
  </r>
  <r>
    <s v="03"/>
    <s v="KY"/>
    <s v="KY"/>
    <s v="202205"/>
    <x v="0"/>
    <x v="0"/>
    <x v="0"/>
    <x v="3"/>
    <x v="20"/>
    <n v="0"/>
    <n v="-16.899999999999999"/>
  </r>
  <r>
    <s v="03"/>
    <s v="KY"/>
    <s v="KY"/>
    <s v="202205"/>
    <x v="0"/>
    <x v="0"/>
    <x v="0"/>
    <x v="3"/>
    <x v="21"/>
    <n v="0"/>
    <n v="-2651.3"/>
  </r>
  <r>
    <s v="03"/>
    <s v="KY"/>
    <s v="KY"/>
    <s v="202205"/>
    <x v="0"/>
    <x v="0"/>
    <x v="0"/>
    <x v="4"/>
    <x v="15"/>
    <n v="0"/>
    <n v="-50.26"/>
  </r>
  <r>
    <s v="03"/>
    <s v="KY"/>
    <s v="KY"/>
    <s v="202205"/>
    <x v="0"/>
    <x v="0"/>
    <x v="0"/>
    <x v="4"/>
    <x v="17"/>
    <n v="0"/>
    <n v="-152.62"/>
  </r>
  <r>
    <s v="03"/>
    <s v="KY"/>
    <s v="KY"/>
    <s v="202205"/>
    <x v="0"/>
    <x v="0"/>
    <x v="0"/>
    <x v="5"/>
    <x v="2"/>
    <n v="0"/>
    <n v="-2.99"/>
  </r>
  <r>
    <s v="03"/>
    <s v="KY"/>
    <s v="KY"/>
    <s v="202205"/>
    <x v="0"/>
    <x v="0"/>
    <x v="0"/>
    <x v="5"/>
    <x v="14"/>
    <n v="0"/>
    <n v="-8.52"/>
  </r>
  <r>
    <s v="03"/>
    <s v="KY"/>
    <s v="KY"/>
    <s v="202205"/>
    <x v="0"/>
    <x v="0"/>
    <x v="0"/>
    <x v="5"/>
    <x v="15"/>
    <n v="0"/>
    <n v="-337.02"/>
  </r>
  <r>
    <s v="03"/>
    <s v="KY"/>
    <s v="KY"/>
    <s v="202205"/>
    <x v="0"/>
    <x v="0"/>
    <x v="0"/>
    <x v="5"/>
    <x v="17"/>
    <n v="0"/>
    <n v="-910.36"/>
  </r>
  <r>
    <s v="03"/>
    <s v="KY"/>
    <s v="KY"/>
    <s v="202205"/>
    <x v="0"/>
    <x v="0"/>
    <x v="0"/>
    <x v="5"/>
    <x v="18"/>
    <n v="0"/>
    <n v="-46.49"/>
  </r>
  <r>
    <s v="03"/>
    <s v="KY"/>
    <s v="KY"/>
    <s v="202205"/>
    <x v="0"/>
    <x v="0"/>
    <x v="0"/>
    <x v="5"/>
    <x v="25"/>
    <n v="0"/>
    <n v="-181.88"/>
  </r>
  <r>
    <s v="03"/>
    <s v="KY"/>
    <s v="KY"/>
    <s v="202205"/>
    <x v="0"/>
    <x v="0"/>
    <x v="0"/>
    <x v="5"/>
    <x v="21"/>
    <n v="0"/>
    <n v="-188.38"/>
  </r>
  <r>
    <s v="03"/>
    <s v="KY"/>
    <s v="KY"/>
    <s v="202205"/>
    <x v="0"/>
    <x v="0"/>
    <x v="0"/>
    <x v="5"/>
    <x v="26"/>
    <n v="0"/>
    <n v="-2993.56"/>
  </r>
  <r>
    <s v="03"/>
    <s v="KY"/>
    <s v="KY"/>
    <s v="202205"/>
    <x v="0"/>
    <x v="0"/>
    <x v="0"/>
    <x v="5"/>
    <x v="27"/>
    <n v="0"/>
    <n v="-6693.29"/>
  </r>
  <r>
    <s v="03"/>
    <s v="KY"/>
    <s v="KY"/>
    <s v="202205"/>
    <x v="0"/>
    <x v="0"/>
    <x v="0"/>
    <x v="5"/>
    <x v="23"/>
    <n v="0"/>
    <n v="-7799.37"/>
  </r>
  <r>
    <s v="03"/>
    <s v="KY"/>
    <s v="KY"/>
    <s v="202205"/>
    <x v="0"/>
    <x v="0"/>
    <x v="0"/>
    <x v="6"/>
    <x v="6"/>
    <n v="0"/>
    <n v="-5.13"/>
  </r>
  <r>
    <s v="03"/>
    <s v="KY"/>
    <s v="KY"/>
    <s v="202205"/>
    <x v="0"/>
    <x v="0"/>
    <x v="0"/>
    <x v="6"/>
    <x v="15"/>
    <n v="0"/>
    <n v="-3.58"/>
  </r>
  <r>
    <s v="03"/>
    <s v="KY"/>
    <s v="KY"/>
    <s v="202205"/>
    <x v="0"/>
    <x v="0"/>
    <x v="0"/>
    <x v="6"/>
    <x v="17"/>
    <n v="0"/>
    <n v="-63.3"/>
  </r>
  <r>
    <s v="03"/>
    <s v="KY"/>
    <s v="KY"/>
    <s v="202205"/>
    <x v="0"/>
    <x v="0"/>
    <x v="0"/>
    <x v="6"/>
    <x v="21"/>
    <n v="0"/>
    <n v="-227.43"/>
  </r>
  <r>
    <s v="03"/>
    <s v="KY"/>
    <s v="KY"/>
    <s v="202205"/>
    <x v="0"/>
    <x v="0"/>
    <x v="0"/>
    <x v="6"/>
    <x v="26"/>
    <n v="0"/>
    <n v="-1496.99"/>
  </r>
  <r>
    <s v="03"/>
    <s v="KY"/>
    <s v="KY"/>
    <s v="202205"/>
    <x v="0"/>
    <x v="0"/>
    <x v="0"/>
    <x v="7"/>
    <x v="15"/>
    <n v="0"/>
    <n v="-10.66"/>
  </r>
  <r>
    <s v="03"/>
    <s v="KY"/>
    <s v="KY"/>
    <s v="202205"/>
    <x v="0"/>
    <x v="0"/>
    <x v="0"/>
    <x v="7"/>
    <x v="17"/>
    <n v="0"/>
    <n v="-51.53"/>
  </r>
  <r>
    <s v="03"/>
    <s v="KY"/>
    <s v="KY"/>
    <s v="202205"/>
    <x v="0"/>
    <x v="0"/>
    <x v="0"/>
    <x v="7"/>
    <x v="25"/>
    <n v="0"/>
    <n v="-80.53"/>
  </r>
  <r>
    <s v="03"/>
    <s v="KY"/>
    <s v="KY"/>
    <s v="202205"/>
    <x v="0"/>
    <x v="0"/>
    <x v="0"/>
    <x v="7"/>
    <x v="26"/>
    <n v="0"/>
    <n v="-765.89"/>
  </r>
  <r>
    <s v="03"/>
    <s v="KY"/>
    <s v="KY"/>
    <s v="202205"/>
    <x v="0"/>
    <x v="0"/>
    <x v="0"/>
    <x v="7"/>
    <x v="40"/>
    <n v="0"/>
    <n v="-9178.48"/>
  </r>
  <r>
    <s v="03"/>
    <s v="KY"/>
    <s v="KY"/>
    <s v="202205"/>
    <x v="1"/>
    <x v="0"/>
    <x v="0"/>
    <x v="8"/>
    <x v="29"/>
    <n v="0"/>
    <n v="1297.57"/>
  </r>
  <r>
    <s v="03"/>
    <s v="KY"/>
    <s v="KY"/>
    <s v="202205"/>
    <x v="1"/>
    <x v="0"/>
    <x v="0"/>
    <x v="0"/>
    <x v="30"/>
    <n v="0"/>
    <n v="0.61"/>
  </r>
  <r>
    <s v="03"/>
    <s v="KY"/>
    <s v="KY"/>
    <s v="202205"/>
    <x v="1"/>
    <x v="0"/>
    <x v="0"/>
    <x v="0"/>
    <x v="0"/>
    <n v="0"/>
    <n v="273.07"/>
  </r>
  <r>
    <s v="03"/>
    <s v="KY"/>
    <s v="KY"/>
    <s v="202205"/>
    <x v="1"/>
    <x v="0"/>
    <x v="0"/>
    <x v="0"/>
    <x v="1"/>
    <n v="0"/>
    <n v="127.66"/>
  </r>
  <r>
    <s v="03"/>
    <s v="KY"/>
    <s v="KY"/>
    <s v="202205"/>
    <x v="1"/>
    <x v="0"/>
    <x v="0"/>
    <x v="0"/>
    <x v="9"/>
    <n v="0"/>
    <n v="9.91"/>
  </r>
  <r>
    <s v="03"/>
    <s v="KY"/>
    <s v="KY"/>
    <s v="202205"/>
    <x v="1"/>
    <x v="0"/>
    <x v="0"/>
    <x v="0"/>
    <x v="2"/>
    <n v="0"/>
    <n v="171"/>
  </r>
  <r>
    <s v="03"/>
    <s v="KY"/>
    <s v="KY"/>
    <s v="202205"/>
    <x v="1"/>
    <x v="0"/>
    <x v="0"/>
    <x v="0"/>
    <x v="3"/>
    <n v="0"/>
    <n v="13"/>
  </r>
  <r>
    <s v="03"/>
    <s v="KY"/>
    <s v="KY"/>
    <s v="202205"/>
    <x v="1"/>
    <x v="0"/>
    <x v="0"/>
    <x v="0"/>
    <x v="4"/>
    <n v="0"/>
    <n v="12.12"/>
  </r>
  <r>
    <s v="03"/>
    <s v="KY"/>
    <s v="KY"/>
    <s v="202205"/>
    <x v="1"/>
    <x v="0"/>
    <x v="0"/>
    <x v="0"/>
    <x v="5"/>
    <n v="0"/>
    <n v="30.11"/>
  </r>
  <r>
    <s v="03"/>
    <s v="KY"/>
    <s v="KY"/>
    <s v="202205"/>
    <x v="1"/>
    <x v="0"/>
    <x v="0"/>
    <x v="0"/>
    <x v="8"/>
    <n v="0"/>
    <n v="2.02"/>
  </r>
  <r>
    <s v="03"/>
    <s v="KY"/>
    <s v="KY"/>
    <s v="202205"/>
    <x v="1"/>
    <x v="0"/>
    <x v="0"/>
    <x v="0"/>
    <x v="6"/>
    <n v="0"/>
    <n v="107.77"/>
  </r>
  <r>
    <s v="03"/>
    <s v="KY"/>
    <s v="KY"/>
    <s v="202205"/>
    <x v="1"/>
    <x v="0"/>
    <x v="0"/>
    <x v="0"/>
    <x v="11"/>
    <n v="0"/>
    <n v="1.51"/>
  </r>
  <r>
    <s v="03"/>
    <s v="KY"/>
    <s v="KY"/>
    <s v="202205"/>
    <x v="1"/>
    <x v="0"/>
    <x v="0"/>
    <x v="0"/>
    <x v="13"/>
    <n v="0"/>
    <n v="7.58"/>
  </r>
  <r>
    <s v="03"/>
    <s v="KY"/>
    <s v="KY"/>
    <s v="202205"/>
    <x v="1"/>
    <x v="0"/>
    <x v="0"/>
    <x v="0"/>
    <x v="7"/>
    <n v="0"/>
    <n v="20.47"/>
  </r>
  <r>
    <s v="03"/>
    <s v="KY"/>
    <s v="KY"/>
    <s v="202205"/>
    <x v="1"/>
    <x v="0"/>
    <x v="0"/>
    <x v="1"/>
    <x v="0"/>
    <n v="0"/>
    <n v="333.22"/>
  </r>
  <r>
    <s v="03"/>
    <s v="KY"/>
    <s v="KY"/>
    <s v="202205"/>
    <x v="1"/>
    <x v="0"/>
    <x v="0"/>
    <x v="1"/>
    <x v="31"/>
    <n v="0"/>
    <n v="0.91"/>
  </r>
  <r>
    <s v="03"/>
    <s v="KY"/>
    <s v="KY"/>
    <s v="202205"/>
    <x v="1"/>
    <x v="0"/>
    <x v="0"/>
    <x v="1"/>
    <x v="1"/>
    <n v="0"/>
    <n v="598.45000000000005"/>
  </r>
  <r>
    <s v="03"/>
    <s v="KY"/>
    <s v="KY"/>
    <s v="202205"/>
    <x v="1"/>
    <x v="0"/>
    <x v="0"/>
    <x v="1"/>
    <x v="41"/>
    <n v="0"/>
    <n v="0.61"/>
  </r>
  <r>
    <s v="03"/>
    <s v="KY"/>
    <s v="KY"/>
    <s v="202205"/>
    <x v="1"/>
    <x v="0"/>
    <x v="0"/>
    <x v="1"/>
    <x v="9"/>
    <n v="0"/>
    <n v="3.63"/>
  </r>
  <r>
    <s v="03"/>
    <s v="KY"/>
    <s v="KY"/>
    <s v="202205"/>
    <x v="1"/>
    <x v="0"/>
    <x v="0"/>
    <x v="1"/>
    <x v="2"/>
    <n v="0"/>
    <n v="121.25"/>
  </r>
  <r>
    <s v="03"/>
    <s v="KY"/>
    <s v="KY"/>
    <s v="202205"/>
    <x v="1"/>
    <x v="0"/>
    <x v="0"/>
    <x v="1"/>
    <x v="3"/>
    <n v="0"/>
    <n v="7.97"/>
  </r>
  <r>
    <s v="03"/>
    <s v="KY"/>
    <s v="KY"/>
    <s v="202205"/>
    <x v="1"/>
    <x v="0"/>
    <x v="0"/>
    <x v="1"/>
    <x v="4"/>
    <n v="0"/>
    <n v="3.98"/>
  </r>
  <r>
    <s v="03"/>
    <s v="KY"/>
    <s v="KY"/>
    <s v="202205"/>
    <x v="1"/>
    <x v="0"/>
    <x v="0"/>
    <x v="1"/>
    <x v="5"/>
    <n v="0"/>
    <n v="17.45"/>
  </r>
  <r>
    <s v="03"/>
    <s v="KY"/>
    <s v="KY"/>
    <s v="202205"/>
    <x v="1"/>
    <x v="0"/>
    <x v="0"/>
    <x v="1"/>
    <x v="8"/>
    <n v="0"/>
    <n v="5.82"/>
  </r>
  <r>
    <s v="03"/>
    <s v="KY"/>
    <s v="KY"/>
    <s v="202205"/>
    <x v="1"/>
    <x v="0"/>
    <x v="0"/>
    <x v="1"/>
    <x v="6"/>
    <n v="0"/>
    <n v="102.01"/>
  </r>
  <r>
    <s v="03"/>
    <s v="KY"/>
    <s v="KY"/>
    <s v="202205"/>
    <x v="1"/>
    <x v="0"/>
    <x v="0"/>
    <x v="1"/>
    <x v="11"/>
    <n v="0"/>
    <n v="1.56"/>
  </r>
  <r>
    <s v="03"/>
    <s v="KY"/>
    <s v="KY"/>
    <s v="202205"/>
    <x v="1"/>
    <x v="0"/>
    <x v="0"/>
    <x v="1"/>
    <x v="7"/>
    <n v="0"/>
    <n v="18.29"/>
  </r>
  <r>
    <s v="03"/>
    <s v="KY"/>
    <s v="KY"/>
    <s v="202205"/>
    <x v="1"/>
    <x v="0"/>
    <x v="0"/>
    <x v="2"/>
    <x v="9"/>
    <n v="0"/>
    <n v="17.62"/>
  </r>
  <r>
    <s v="03"/>
    <s v="KY"/>
    <s v="KY"/>
    <s v="202205"/>
    <x v="1"/>
    <x v="0"/>
    <x v="0"/>
    <x v="2"/>
    <x v="2"/>
    <n v="0"/>
    <n v="65.790000000000006"/>
  </r>
  <r>
    <s v="03"/>
    <s v="KY"/>
    <s v="KY"/>
    <s v="202205"/>
    <x v="1"/>
    <x v="0"/>
    <x v="0"/>
    <x v="2"/>
    <x v="10"/>
    <n v="0"/>
    <n v="6.11"/>
  </r>
  <r>
    <s v="03"/>
    <s v="KY"/>
    <s v="KY"/>
    <s v="202205"/>
    <x v="1"/>
    <x v="0"/>
    <x v="0"/>
    <x v="2"/>
    <x v="3"/>
    <n v="0"/>
    <n v="51.71"/>
  </r>
  <r>
    <s v="03"/>
    <s v="KY"/>
    <s v="KY"/>
    <s v="202205"/>
    <x v="1"/>
    <x v="0"/>
    <x v="0"/>
    <x v="2"/>
    <x v="32"/>
    <n v="0"/>
    <n v="1.56"/>
  </r>
  <r>
    <s v="03"/>
    <s v="KY"/>
    <s v="KY"/>
    <s v="202205"/>
    <x v="1"/>
    <x v="0"/>
    <x v="0"/>
    <x v="2"/>
    <x v="4"/>
    <n v="0"/>
    <n v="40.880000000000003"/>
  </r>
  <r>
    <s v="03"/>
    <s v="KY"/>
    <s v="KY"/>
    <s v="202205"/>
    <x v="1"/>
    <x v="0"/>
    <x v="0"/>
    <x v="2"/>
    <x v="5"/>
    <n v="0"/>
    <n v="150.13999999999999"/>
  </r>
  <r>
    <s v="03"/>
    <s v="KY"/>
    <s v="KY"/>
    <s v="202205"/>
    <x v="1"/>
    <x v="0"/>
    <x v="0"/>
    <x v="2"/>
    <x v="8"/>
    <n v="0"/>
    <n v="24.78"/>
  </r>
  <r>
    <s v="03"/>
    <s v="KY"/>
    <s v="KY"/>
    <s v="202205"/>
    <x v="1"/>
    <x v="0"/>
    <x v="0"/>
    <x v="2"/>
    <x v="6"/>
    <n v="0"/>
    <n v="94.95"/>
  </r>
  <r>
    <s v="03"/>
    <s v="KY"/>
    <s v="KY"/>
    <s v="202205"/>
    <x v="1"/>
    <x v="0"/>
    <x v="0"/>
    <x v="2"/>
    <x v="11"/>
    <n v="0"/>
    <n v="72.25"/>
  </r>
  <r>
    <s v="03"/>
    <s v="KY"/>
    <s v="KY"/>
    <s v="202205"/>
    <x v="1"/>
    <x v="0"/>
    <x v="0"/>
    <x v="2"/>
    <x v="13"/>
    <n v="0"/>
    <n v="18.309999999999999"/>
  </r>
  <r>
    <s v="03"/>
    <s v="KY"/>
    <s v="KY"/>
    <s v="202205"/>
    <x v="1"/>
    <x v="0"/>
    <x v="0"/>
    <x v="2"/>
    <x v="7"/>
    <n v="0"/>
    <n v="12.24"/>
  </r>
  <r>
    <s v="03"/>
    <s v="KY"/>
    <s v="KY"/>
    <s v="202205"/>
    <x v="1"/>
    <x v="0"/>
    <x v="0"/>
    <x v="2"/>
    <x v="14"/>
    <n v="0"/>
    <n v="6.14"/>
  </r>
  <r>
    <s v="03"/>
    <s v="KY"/>
    <s v="KY"/>
    <s v="202205"/>
    <x v="1"/>
    <x v="0"/>
    <x v="0"/>
    <x v="2"/>
    <x v="15"/>
    <n v="0"/>
    <n v="15849.38"/>
  </r>
  <r>
    <s v="03"/>
    <s v="KY"/>
    <s v="KY"/>
    <s v="202205"/>
    <x v="1"/>
    <x v="0"/>
    <x v="0"/>
    <x v="2"/>
    <x v="34"/>
    <n v="0"/>
    <n v="3.57"/>
  </r>
  <r>
    <s v="03"/>
    <s v="KY"/>
    <s v="KY"/>
    <s v="202205"/>
    <x v="1"/>
    <x v="0"/>
    <x v="0"/>
    <x v="2"/>
    <x v="16"/>
    <n v="0"/>
    <n v="61.88"/>
  </r>
  <r>
    <s v="03"/>
    <s v="KY"/>
    <s v="KY"/>
    <s v="202205"/>
    <x v="1"/>
    <x v="0"/>
    <x v="0"/>
    <x v="2"/>
    <x v="42"/>
    <n v="0"/>
    <n v="25.44"/>
  </r>
  <r>
    <s v="03"/>
    <s v="KY"/>
    <s v="KY"/>
    <s v="202205"/>
    <x v="1"/>
    <x v="0"/>
    <x v="0"/>
    <x v="2"/>
    <x v="17"/>
    <n v="0"/>
    <n v="16077.32"/>
  </r>
  <r>
    <s v="03"/>
    <s v="KY"/>
    <s v="KY"/>
    <s v="202205"/>
    <x v="1"/>
    <x v="0"/>
    <x v="0"/>
    <x v="2"/>
    <x v="18"/>
    <n v="0"/>
    <n v="129"/>
  </r>
  <r>
    <s v="03"/>
    <s v="KY"/>
    <s v="KY"/>
    <s v="202205"/>
    <x v="1"/>
    <x v="0"/>
    <x v="0"/>
    <x v="2"/>
    <x v="35"/>
    <n v="0"/>
    <n v="11.29"/>
  </r>
  <r>
    <s v="03"/>
    <s v="KY"/>
    <s v="KY"/>
    <s v="202205"/>
    <x v="1"/>
    <x v="0"/>
    <x v="0"/>
    <x v="2"/>
    <x v="24"/>
    <n v="0"/>
    <n v="15.21"/>
  </r>
  <r>
    <s v="03"/>
    <s v="KY"/>
    <s v="KY"/>
    <s v="202205"/>
    <x v="1"/>
    <x v="0"/>
    <x v="0"/>
    <x v="2"/>
    <x v="19"/>
    <n v="0"/>
    <n v="455.47"/>
  </r>
  <r>
    <s v="03"/>
    <s v="KY"/>
    <s v="KY"/>
    <s v="202205"/>
    <x v="1"/>
    <x v="0"/>
    <x v="0"/>
    <x v="2"/>
    <x v="20"/>
    <n v="0"/>
    <n v="146.41"/>
  </r>
  <r>
    <s v="03"/>
    <s v="KY"/>
    <s v="KY"/>
    <s v="202205"/>
    <x v="1"/>
    <x v="0"/>
    <x v="0"/>
    <x v="2"/>
    <x v="21"/>
    <n v="0"/>
    <n v="3002.34"/>
  </r>
  <r>
    <s v="03"/>
    <s v="KY"/>
    <s v="KY"/>
    <s v="202205"/>
    <x v="1"/>
    <x v="0"/>
    <x v="0"/>
    <x v="2"/>
    <x v="26"/>
    <n v="0"/>
    <n v="1"/>
  </r>
  <r>
    <s v="03"/>
    <s v="KY"/>
    <s v="KY"/>
    <s v="202205"/>
    <x v="1"/>
    <x v="0"/>
    <x v="0"/>
    <x v="2"/>
    <x v="36"/>
    <n v="0"/>
    <n v="2087.3200000000002"/>
  </r>
  <r>
    <s v="03"/>
    <s v="KY"/>
    <s v="KY"/>
    <s v="202205"/>
    <x v="1"/>
    <x v="0"/>
    <x v="0"/>
    <x v="2"/>
    <x v="27"/>
    <n v="0"/>
    <n v="8993.35"/>
  </r>
  <r>
    <s v="03"/>
    <s v="KY"/>
    <s v="KY"/>
    <s v="202205"/>
    <x v="1"/>
    <x v="0"/>
    <x v="0"/>
    <x v="2"/>
    <x v="23"/>
    <n v="0"/>
    <n v="4.6399999999999997"/>
  </r>
  <r>
    <s v="03"/>
    <s v="KY"/>
    <s v="KY"/>
    <s v="202205"/>
    <x v="1"/>
    <x v="0"/>
    <x v="0"/>
    <x v="3"/>
    <x v="2"/>
    <n v="0"/>
    <n v="25.78"/>
  </r>
  <r>
    <s v="03"/>
    <s v="KY"/>
    <s v="KY"/>
    <s v="202205"/>
    <x v="1"/>
    <x v="0"/>
    <x v="0"/>
    <x v="3"/>
    <x v="3"/>
    <n v="0"/>
    <n v="11.34"/>
  </r>
  <r>
    <s v="03"/>
    <s v="KY"/>
    <s v="KY"/>
    <s v="202205"/>
    <x v="1"/>
    <x v="0"/>
    <x v="0"/>
    <x v="3"/>
    <x v="4"/>
    <n v="0"/>
    <n v="15.92"/>
  </r>
  <r>
    <s v="03"/>
    <s v="KY"/>
    <s v="KY"/>
    <s v="202205"/>
    <x v="1"/>
    <x v="0"/>
    <x v="0"/>
    <x v="3"/>
    <x v="5"/>
    <n v="0"/>
    <n v="61.79"/>
  </r>
  <r>
    <s v="03"/>
    <s v="KY"/>
    <s v="KY"/>
    <s v="202205"/>
    <x v="1"/>
    <x v="0"/>
    <x v="0"/>
    <x v="3"/>
    <x v="6"/>
    <n v="0"/>
    <n v="12.71"/>
  </r>
  <r>
    <s v="03"/>
    <s v="KY"/>
    <s v="KY"/>
    <s v="202205"/>
    <x v="1"/>
    <x v="0"/>
    <x v="0"/>
    <x v="3"/>
    <x v="7"/>
    <n v="0"/>
    <n v="1.35"/>
  </r>
  <r>
    <s v="03"/>
    <s v="KY"/>
    <s v="KY"/>
    <s v="202205"/>
    <x v="1"/>
    <x v="0"/>
    <x v="0"/>
    <x v="3"/>
    <x v="15"/>
    <n v="0"/>
    <n v="3033.45"/>
  </r>
  <r>
    <s v="03"/>
    <s v="KY"/>
    <s v="KY"/>
    <s v="202205"/>
    <x v="1"/>
    <x v="0"/>
    <x v="0"/>
    <x v="3"/>
    <x v="17"/>
    <n v="0"/>
    <n v="10822.8"/>
  </r>
  <r>
    <s v="03"/>
    <s v="KY"/>
    <s v="KY"/>
    <s v="202205"/>
    <x v="1"/>
    <x v="0"/>
    <x v="0"/>
    <x v="3"/>
    <x v="35"/>
    <n v="0"/>
    <n v="57.71"/>
  </r>
  <r>
    <s v="03"/>
    <s v="KY"/>
    <s v="KY"/>
    <s v="202205"/>
    <x v="1"/>
    <x v="0"/>
    <x v="0"/>
    <x v="3"/>
    <x v="24"/>
    <n v="0"/>
    <n v="127.11"/>
  </r>
  <r>
    <s v="03"/>
    <s v="KY"/>
    <s v="KY"/>
    <s v="202205"/>
    <x v="1"/>
    <x v="0"/>
    <x v="0"/>
    <x v="3"/>
    <x v="19"/>
    <n v="0"/>
    <n v="210.08"/>
  </r>
  <r>
    <s v="03"/>
    <s v="KY"/>
    <s v="KY"/>
    <s v="202205"/>
    <x v="1"/>
    <x v="0"/>
    <x v="0"/>
    <x v="3"/>
    <x v="20"/>
    <n v="0"/>
    <n v="68.849999999999994"/>
  </r>
  <r>
    <s v="03"/>
    <s v="KY"/>
    <s v="KY"/>
    <s v="202205"/>
    <x v="1"/>
    <x v="0"/>
    <x v="0"/>
    <x v="3"/>
    <x v="21"/>
    <n v="0"/>
    <n v="2681.21"/>
  </r>
  <r>
    <s v="03"/>
    <s v="KY"/>
    <s v="KY"/>
    <s v="202205"/>
    <x v="1"/>
    <x v="0"/>
    <x v="0"/>
    <x v="3"/>
    <x v="22"/>
    <n v="0"/>
    <n v="962.36"/>
  </r>
  <r>
    <s v="03"/>
    <s v="KY"/>
    <s v="KY"/>
    <s v="202205"/>
    <x v="1"/>
    <x v="0"/>
    <x v="0"/>
    <x v="4"/>
    <x v="9"/>
    <n v="0"/>
    <n v="1.39"/>
  </r>
  <r>
    <s v="03"/>
    <s v="KY"/>
    <s v="KY"/>
    <s v="202205"/>
    <x v="1"/>
    <x v="0"/>
    <x v="0"/>
    <x v="4"/>
    <x v="3"/>
    <n v="0"/>
    <n v="70.040000000000006"/>
  </r>
  <r>
    <s v="03"/>
    <s v="KY"/>
    <s v="KY"/>
    <s v="202205"/>
    <x v="1"/>
    <x v="0"/>
    <x v="0"/>
    <x v="4"/>
    <x v="4"/>
    <n v="0"/>
    <n v="3.16"/>
  </r>
  <r>
    <s v="03"/>
    <s v="KY"/>
    <s v="KY"/>
    <s v="202205"/>
    <x v="1"/>
    <x v="0"/>
    <x v="0"/>
    <x v="4"/>
    <x v="5"/>
    <n v="0"/>
    <n v="65.27"/>
  </r>
  <r>
    <s v="03"/>
    <s v="KY"/>
    <s v="KY"/>
    <s v="202205"/>
    <x v="1"/>
    <x v="0"/>
    <x v="0"/>
    <x v="4"/>
    <x v="6"/>
    <n v="0"/>
    <n v="21.32"/>
  </r>
  <r>
    <s v="03"/>
    <s v="KY"/>
    <s v="KY"/>
    <s v="202205"/>
    <x v="1"/>
    <x v="0"/>
    <x v="0"/>
    <x v="4"/>
    <x v="15"/>
    <n v="0"/>
    <n v="398.36"/>
  </r>
  <r>
    <s v="03"/>
    <s v="KY"/>
    <s v="KY"/>
    <s v="202205"/>
    <x v="1"/>
    <x v="0"/>
    <x v="0"/>
    <x v="4"/>
    <x v="17"/>
    <n v="0"/>
    <n v="683.12"/>
  </r>
  <r>
    <s v="03"/>
    <s v="KY"/>
    <s v="KY"/>
    <s v="202205"/>
    <x v="1"/>
    <x v="0"/>
    <x v="0"/>
    <x v="4"/>
    <x v="43"/>
    <n v="0"/>
    <n v="977.37"/>
  </r>
  <r>
    <s v="03"/>
    <s v="KY"/>
    <s v="KY"/>
    <s v="202205"/>
    <x v="1"/>
    <x v="0"/>
    <x v="0"/>
    <x v="4"/>
    <x v="27"/>
    <n v="0"/>
    <n v="3891.72"/>
  </r>
  <r>
    <s v="03"/>
    <s v="KY"/>
    <s v="KY"/>
    <s v="202205"/>
    <x v="1"/>
    <x v="0"/>
    <x v="0"/>
    <x v="5"/>
    <x v="9"/>
    <n v="0"/>
    <n v="0.84"/>
  </r>
  <r>
    <s v="03"/>
    <s v="KY"/>
    <s v="KY"/>
    <s v="202205"/>
    <x v="1"/>
    <x v="0"/>
    <x v="0"/>
    <x v="5"/>
    <x v="2"/>
    <n v="0"/>
    <n v="1.91"/>
  </r>
  <r>
    <s v="03"/>
    <s v="KY"/>
    <s v="KY"/>
    <s v="202205"/>
    <x v="1"/>
    <x v="0"/>
    <x v="0"/>
    <x v="5"/>
    <x v="3"/>
    <n v="0"/>
    <n v="1.85"/>
  </r>
  <r>
    <s v="03"/>
    <s v="KY"/>
    <s v="KY"/>
    <s v="202205"/>
    <x v="1"/>
    <x v="0"/>
    <x v="0"/>
    <x v="5"/>
    <x v="5"/>
    <n v="0"/>
    <n v="34.299999999999997"/>
  </r>
  <r>
    <s v="03"/>
    <s v="KY"/>
    <s v="KY"/>
    <s v="202205"/>
    <x v="1"/>
    <x v="0"/>
    <x v="0"/>
    <x v="5"/>
    <x v="14"/>
    <n v="0"/>
    <n v="8.52"/>
  </r>
  <r>
    <s v="03"/>
    <s v="KY"/>
    <s v="KY"/>
    <s v="202205"/>
    <x v="1"/>
    <x v="0"/>
    <x v="0"/>
    <x v="5"/>
    <x v="15"/>
    <n v="0"/>
    <n v="662.77"/>
  </r>
  <r>
    <s v="03"/>
    <s v="KY"/>
    <s v="KY"/>
    <s v="202205"/>
    <x v="1"/>
    <x v="0"/>
    <x v="0"/>
    <x v="5"/>
    <x v="17"/>
    <n v="0"/>
    <n v="1823.11"/>
  </r>
  <r>
    <s v="03"/>
    <s v="KY"/>
    <s v="KY"/>
    <s v="202205"/>
    <x v="1"/>
    <x v="0"/>
    <x v="0"/>
    <x v="5"/>
    <x v="18"/>
    <n v="0"/>
    <n v="54.47"/>
  </r>
  <r>
    <s v="03"/>
    <s v="KY"/>
    <s v="KY"/>
    <s v="202205"/>
    <x v="1"/>
    <x v="0"/>
    <x v="0"/>
    <x v="5"/>
    <x v="25"/>
    <n v="0"/>
    <n v="17.43"/>
  </r>
  <r>
    <s v="03"/>
    <s v="KY"/>
    <s v="KY"/>
    <s v="202205"/>
    <x v="1"/>
    <x v="0"/>
    <x v="0"/>
    <x v="5"/>
    <x v="21"/>
    <n v="0"/>
    <n v="524.46"/>
  </r>
  <r>
    <s v="03"/>
    <s v="KY"/>
    <s v="KY"/>
    <s v="202205"/>
    <x v="1"/>
    <x v="0"/>
    <x v="0"/>
    <x v="5"/>
    <x v="26"/>
    <n v="0"/>
    <n v="2203.0100000000002"/>
  </r>
  <r>
    <s v="03"/>
    <s v="KY"/>
    <s v="KY"/>
    <s v="202205"/>
    <x v="1"/>
    <x v="0"/>
    <x v="0"/>
    <x v="5"/>
    <x v="27"/>
    <n v="0"/>
    <n v="13915.5"/>
  </r>
  <r>
    <s v="03"/>
    <s v="KY"/>
    <s v="KY"/>
    <s v="202205"/>
    <x v="1"/>
    <x v="0"/>
    <x v="0"/>
    <x v="5"/>
    <x v="37"/>
    <n v="0"/>
    <n v="4084.53"/>
  </r>
  <r>
    <s v="03"/>
    <s v="KY"/>
    <s v="KY"/>
    <s v="202205"/>
    <x v="1"/>
    <x v="0"/>
    <x v="0"/>
    <x v="6"/>
    <x v="6"/>
    <n v="0"/>
    <n v="5.13"/>
  </r>
  <r>
    <s v="03"/>
    <s v="KY"/>
    <s v="KY"/>
    <s v="202205"/>
    <x v="1"/>
    <x v="0"/>
    <x v="0"/>
    <x v="6"/>
    <x v="15"/>
    <n v="0"/>
    <n v="65.819999999999993"/>
  </r>
  <r>
    <s v="03"/>
    <s v="KY"/>
    <s v="KY"/>
    <s v="202205"/>
    <x v="1"/>
    <x v="0"/>
    <x v="0"/>
    <x v="6"/>
    <x v="17"/>
    <n v="0"/>
    <n v="89.39"/>
  </r>
  <r>
    <s v="03"/>
    <s v="KY"/>
    <s v="KY"/>
    <s v="202205"/>
    <x v="1"/>
    <x v="0"/>
    <x v="0"/>
    <x v="6"/>
    <x v="21"/>
    <n v="0"/>
    <n v="227.43"/>
  </r>
  <r>
    <s v="03"/>
    <s v="KY"/>
    <s v="KY"/>
    <s v="202205"/>
    <x v="1"/>
    <x v="0"/>
    <x v="0"/>
    <x v="6"/>
    <x v="26"/>
    <n v="0"/>
    <n v="1496.99"/>
  </r>
  <r>
    <s v="03"/>
    <s v="KY"/>
    <s v="KY"/>
    <s v="202205"/>
    <x v="1"/>
    <x v="0"/>
    <x v="0"/>
    <x v="7"/>
    <x v="2"/>
    <n v="0"/>
    <n v="0.63"/>
  </r>
  <r>
    <s v="03"/>
    <s v="KY"/>
    <s v="KY"/>
    <s v="202205"/>
    <x v="1"/>
    <x v="0"/>
    <x v="0"/>
    <x v="7"/>
    <x v="3"/>
    <n v="0"/>
    <n v="10.08"/>
  </r>
  <r>
    <s v="03"/>
    <s v="KY"/>
    <s v="KY"/>
    <s v="202205"/>
    <x v="1"/>
    <x v="0"/>
    <x v="0"/>
    <x v="7"/>
    <x v="4"/>
    <n v="0"/>
    <n v="1.03"/>
  </r>
  <r>
    <s v="03"/>
    <s v="KY"/>
    <s v="KY"/>
    <s v="202205"/>
    <x v="1"/>
    <x v="0"/>
    <x v="0"/>
    <x v="7"/>
    <x v="6"/>
    <n v="0"/>
    <n v="2.2200000000000002"/>
  </r>
  <r>
    <s v="03"/>
    <s v="KY"/>
    <s v="KY"/>
    <s v="202205"/>
    <x v="1"/>
    <x v="0"/>
    <x v="0"/>
    <x v="7"/>
    <x v="15"/>
    <n v="0"/>
    <n v="71.930000000000007"/>
  </r>
  <r>
    <s v="03"/>
    <s v="KY"/>
    <s v="KY"/>
    <s v="202205"/>
    <x v="1"/>
    <x v="0"/>
    <x v="0"/>
    <x v="7"/>
    <x v="17"/>
    <n v="0"/>
    <n v="183.94"/>
  </r>
  <r>
    <s v="03"/>
    <s v="KY"/>
    <s v="KY"/>
    <s v="202205"/>
    <x v="1"/>
    <x v="0"/>
    <x v="0"/>
    <x v="7"/>
    <x v="25"/>
    <n v="0"/>
    <n v="560.94000000000005"/>
  </r>
  <r>
    <s v="03"/>
    <s v="KY"/>
    <s v="KY"/>
    <s v="202205"/>
    <x v="1"/>
    <x v="0"/>
    <x v="0"/>
    <x v="7"/>
    <x v="28"/>
    <n v="0"/>
    <n v="136.83000000000001"/>
  </r>
  <r>
    <s v="03"/>
    <s v="KY"/>
    <s v="KY"/>
    <s v="202205"/>
    <x v="1"/>
    <x v="0"/>
    <x v="0"/>
    <x v="7"/>
    <x v="21"/>
    <n v="0"/>
    <n v="117.35"/>
  </r>
  <r>
    <s v="03"/>
    <s v="KY"/>
    <s v="KY"/>
    <s v="202205"/>
    <x v="1"/>
    <x v="0"/>
    <x v="0"/>
    <x v="7"/>
    <x v="26"/>
    <n v="0"/>
    <n v="5344.85"/>
  </r>
  <r>
    <s v="03"/>
    <s v="KY"/>
    <s v="KY"/>
    <s v="202205"/>
    <x v="1"/>
    <x v="0"/>
    <x v="0"/>
    <x v="7"/>
    <x v="22"/>
    <n v="0"/>
    <n v="835.5"/>
  </r>
  <r>
    <s v="03"/>
    <s v="KY"/>
    <s v="KY"/>
    <s v="202205"/>
    <x v="1"/>
    <x v="0"/>
    <x v="0"/>
    <x v="7"/>
    <x v="39"/>
    <n v="0"/>
    <n v="399.6"/>
  </r>
  <r>
    <s v="03"/>
    <s v="KY"/>
    <s v="KY"/>
    <s v="202205"/>
    <x v="1"/>
    <x v="0"/>
    <x v="0"/>
    <x v="7"/>
    <x v="40"/>
    <n v="0"/>
    <n v="9178.48"/>
  </r>
  <r>
    <s v="03"/>
    <s v="KY"/>
    <s v="KY"/>
    <s v="202205"/>
    <x v="1"/>
    <x v="0"/>
    <x v="0"/>
    <x v="7"/>
    <x v="27"/>
    <n v="0"/>
    <n v="23633.96"/>
  </r>
  <r>
    <s v="03"/>
    <s v="KY"/>
    <s v="KY"/>
    <s v="202205"/>
    <x v="1"/>
    <x v="0"/>
    <x v="0"/>
    <x v="7"/>
    <x v="23"/>
    <n v="0"/>
    <n v="14263.63"/>
  </r>
  <r>
    <s v="03"/>
    <s v="KY"/>
    <s v="KY"/>
    <s v="202205"/>
    <x v="2"/>
    <x v="0"/>
    <x v="0"/>
    <x v="0"/>
    <x v="2"/>
    <n v="0"/>
    <n v="-0.59"/>
  </r>
  <r>
    <s v="03"/>
    <s v="KY"/>
    <s v="KY"/>
    <s v="202205"/>
    <x v="2"/>
    <x v="0"/>
    <x v="0"/>
    <x v="0"/>
    <x v="6"/>
    <n v="0"/>
    <n v="-0.7"/>
  </r>
  <r>
    <s v="03"/>
    <s v="KY"/>
    <s v="KY"/>
    <s v="202205"/>
    <x v="2"/>
    <x v="0"/>
    <x v="0"/>
    <x v="0"/>
    <x v="7"/>
    <n v="0"/>
    <n v="-0.42"/>
  </r>
  <r>
    <s v="03"/>
    <s v="KY"/>
    <s v="KY"/>
    <s v="202205"/>
    <x v="2"/>
    <x v="0"/>
    <x v="0"/>
    <x v="1"/>
    <x v="0"/>
    <n v="0"/>
    <n v="-12.63"/>
  </r>
  <r>
    <s v="03"/>
    <s v="KY"/>
    <s v="KY"/>
    <s v="202205"/>
    <x v="2"/>
    <x v="0"/>
    <x v="0"/>
    <x v="1"/>
    <x v="1"/>
    <n v="0"/>
    <n v="-1.55"/>
  </r>
  <r>
    <s v="03"/>
    <s v="KY"/>
    <s v="KY"/>
    <s v="202205"/>
    <x v="2"/>
    <x v="0"/>
    <x v="0"/>
    <x v="1"/>
    <x v="2"/>
    <n v="0"/>
    <n v="-0.59"/>
  </r>
  <r>
    <s v="03"/>
    <s v="KY"/>
    <s v="KY"/>
    <s v="202205"/>
    <x v="2"/>
    <x v="0"/>
    <x v="0"/>
    <x v="1"/>
    <x v="6"/>
    <n v="0"/>
    <n v="-2.42"/>
  </r>
  <r>
    <s v="03"/>
    <s v="KY"/>
    <s v="KY"/>
    <s v="202205"/>
    <x v="2"/>
    <x v="0"/>
    <x v="0"/>
    <x v="2"/>
    <x v="2"/>
    <n v="0"/>
    <n v="-0.63"/>
  </r>
  <r>
    <s v="03"/>
    <s v="KY"/>
    <s v="KY"/>
    <s v="202205"/>
    <x v="2"/>
    <x v="0"/>
    <x v="0"/>
    <x v="2"/>
    <x v="15"/>
    <n v="0"/>
    <n v="-49.1"/>
  </r>
  <r>
    <s v="03"/>
    <s v="KY"/>
    <s v="KY"/>
    <s v="202205"/>
    <x v="2"/>
    <x v="0"/>
    <x v="0"/>
    <x v="2"/>
    <x v="17"/>
    <n v="0"/>
    <n v="-329.37"/>
  </r>
  <r>
    <s v="03"/>
    <s v="KY"/>
    <s v="KY"/>
    <s v="202205"/>
    <x v="2"/>
    <x v="0"/>
    <x v="0"/>
    <x v="3"/>
    <x v="15"/>
    <n v="0"/>
    <n v="-5.93"/>
  </r>
  <r>
    <s v="03"/>
    <s v="KY"/>
    <s v="KY"/>
    <s v="202205"/>
    <x v="2"/>
    <x v="0"/>
    <x v="0"/>
    <x v="3"/>
    <x v="17"/>
    <n v="0"/>
    <n v="-74.12"/>
  </r>
  <r>
    <s v="03"/>
    <s v="KY"/>
    <s v="KY"/>
    <s v="202206"/>
    <x v="0"/>
    <x v="0"/>
    <x v="0"/>
    <x v="0"/>
    <x v="0"/>
    <n v="0"/>
    <n v="-11.29"/>
  </r>
  <r>
    <s v="03"/>
    <s v="KY"/>
    <s v="KY"/>
    <s v="202206"/>
    <x v="0"/>
    <x v="0"/>
    <x v="0"/>
    <x v="0"/>
    <x v="1"/>
    <n v="0"/>
    <n v="-3.36"/>
  </r>
  <r>
    <s v="03"/>
    <s v="KY"/>
    <s v="KY"/>
    <s v="202206"/>
    <x v="0"/>
    <x v="0"/>
    <x v="0"/>
    <x v="0"/>
    <x v="9"/>
    <n v="0"/>
    <n v="-0.82"/>
  </r>
  <r>
    <s v="03"/>
    <s v="KY"/>
    <s v="KY"/>
    <s v="202206"/>
    <x v="0"/>
    <x v="0"/>
    <x v="0"/>
    <x v="0"/>
    <x v="2"/>
    <n v="0"/>
    <n v="-15.53"/>
  </r>
  <r>
    <s v="03"/>
    <s v="KY"/>
    <s v="KY"/>
    <s v="202206"/>
    <x v="0"/>
    <x v="0"/>
    <x v="0"/>
    <x v="0"/>
    <x v="3"/>
    <n v="0"/>
    <n v="-1.82"/>
  </r>
  <r>
    <s v="03"/>
    <s v="KY"/>
    <s v="KY"/>
    <s v="202206"/>
    <x v="0"/>
    <x v="0"/>
    <x v="0"/>
    <x v="0"/>
    <x v="5"/>
    <n v="0"/>
    <n v="-3.14"/>
  </r>
  <r>
    <s v="03"/>
    <s v="KY"/>
    <s v="KY"/>
    <s v="202206"/>
    <x v="0"/>
    <x v="0"/>
    <x v="0"/>
    <x v="0"/>
    <x v="6"/>
    <n v="0"/>
    <n v="-5.65"/>
  </r>
  <r>
    <s v="03"/>
    <s v="KY"/>
    <s v="KY"/>
    <s v="202206"/>
    <x v="0"/>
    <x v="0"/>
    <x v="0"/>
    <x v="0"/>
    <x v="7"/>
    <n v="0"/>
    <n v="-1.28"/>
  </r>
  <r>
    <s v="03"/>
    <s v="KY"/>
    <s v="KY"/>
    <s v="202206"/>
    <x v="0"/>
    <x v="0"/>
    <x v="0"/>
    <x v="1"/>
    <x v="0"/>
    <n v="0"/>
    <n v="-15.5"/>
  </r>
  <r>
    <s v="03"/>
    <s v="KY"/>
    <s v="KY"/>
    <s v="202206"/>
    <x v="0"/>
    <x v="0"/>
    <x v="0"/>
    <x v="1"/>
    <x v="1"/>
    <n v="0"/>
    <n v="-14.66"/>
  </r>
  <r>
    <s v="03"/>
    <s v="KY"/>
    <s v="KY"/>
    <s v="202206"/>
    <x v="0"/>
    <x v="0"/>
    <x v="0"/>
    <x v="1"/>
    <x v="9"/>
    <n v="0"/>
    <n v="-0.82"/>
  </r>
  <r>
    <s v="03"/>
    <s v="KY"/>
    <s v="KY"/>
    <s v="202206"/>
    <x v="0"/>
    <x v="0"/>
    <x v="0"/>
    <x v="1"/>
    <x v="2"/>
    <n v="0"/>
    <n v="-4.8099999999999996"/>
  </r>
  <r>
    <s v="03"/>
    <s v="KY"/>
    <s v="KY"/>
    <s v="202206"/>
    <x v="0"/>
    <x v="0"/>
    <x v="0"/>
    <x v="1"/>
    <x v="5"/>
    <n v="0"/>
    <n v="-3.14"/>
  </r>
  <r>
    <s v="03"/>
    <s v="KY"/>
    <s v="KY"/>
    <s v="202206"/>
    <x v="0"/>
    <x v="0"/>
    <x v="0"/>
    <x v="1"/>
    <x v="8"/>
    <n v="0"/>
    <n v="-3.9"/>
  </r>
  <r>
    <s v="03"/>
    <s v="KY"/>
    <s v="KY"/>
    <s v="202206"/>
    <x v="0"/>
    <x v="0"/>
    <x v="0"/>
    <x v="1"/>
    <x v="6"/>
    <n v="0"/>
    <n v="-1.44"/>
  </r>
  <r>
    <s v="03"/>
    <s v="KY"/>
    <s v="KY"/>
    <s v="202206"/>
    <x v="0"/>
    <x v="0"/>
    <x v="0"/>
    <x v="1"/>
    <x v="7"/>
    <n v="0"/>
    <n v="-2.02"/>
  </r>
  <r>
    <s v="03"/>
    <s v="KY"/>
    <s v="KY"/>
    <s v="202206"/>
    <x v="0"/>
    <x v="0"/>
    <x v="0"/>
    <x v="2"/>
    <x v="9"/>
    <n v="0"/>
    <n v="-2.35"/>
  </r>
  <r>
    <s v="03"/>
    <s v="KY"/>
    <s v="KY"/>
    <s v="202206"/>
    <x v="0"/>
    <x v="0"/>
    <x v="0"/>
    <x v="2"/>
    <x v="2"/>
    <n v="0"/>
    <n v="-21.13"/>
  </r>
  <r>
    <s v="03"/>
    <s v="KY"/>
    <s v="KY"/>
    <s v="202206"/>
    <x v="0"/>
    <x v="0"/>
    <x v="0"/>
    <x v="2"/>
    <x v="10"/>
    <n v="0"/>
    <n v="-2.5"/>
  </r>
  <r>
    <s v="03"/>
    <s v="KY"/>
    <s v="KY"/>
    <s v="202206"/>
    <x v="0"/>
    <x v="0"/>
    <x v="0"/>
    <x v="2"/>
    <x v="3"/>
    <n v="0"/>
    <n v="-7.99"/>
  </r>
  <r>
    <s v="03"/>
    <s v="KY"/>
    <s v="KY"/>
    <s v="202206"/>
    <x v="0"/>
    <x v="0"/>
    <x v="0"/>
    <x v="2"/>
    <x v="32"/>
    <n v="0"/>
    <n v="-3.21"/>
  </r>
  <r>
    <s v="03"/>
    <s v="KY"/>
    <s v="KY"/>
    <s v="202206"/>
    <x v="0"/>
    <x v="0"/>
    <x v="0"/>
    <x v="2"/>
    <x v="4"/>
    <n v="0"/>
    <n v="-20.52"/>
  </r>
  <r>
    <s v="03"/>
    <s v="KY"/>
    <s v="KY"/>
    <s v="202206"/>
    <x v="0"/>
    <x v="0"/>
    <x v="0"/>
    <x v="2"/>
    <x v="5"/>
    <n v="0"/>
    <n v="-46.94"/>
  </r>
  <r>
    <s v="03"/>
    <s v="KY"/>
    <s v="KY"/>
    <s v="202206"/>
    <x v="0"/>
    <x v="0"/>
    <x v="0"/>
    <x v="2"/>
    <x v="8"/>
    <n v="0"/>
    <n v="-37.18"/>
  </r>
  <r>
    <s v="03"/>
    <s v="KY"/>
    <s v="KY"/>
    <s v="202206"/>
    <x v="0"/>
    <x v="0"/>
    <x v="0"/>
    <x v="2"/>
    <x v="6"/>
    <n v="0"/>
    <n v="-32.369999999999997"/>
  </r>
  <r>
    <s v="03"/>
    <s v="KY"/>
    <s v="KY"/>
    <s v="202206"/>
    <x v="0"/>
    <x v="0"/>
    <x v="0"/>
    <x v="2"/>
    <x v="11"/>
    <n v="0"/>
    <n v="-3.32"/>
  </r>
  <r>
    <s v="03"/>
    <s v="KY"/>
    <s v="KY"/>
    <s v="202206"/>
    <x v="0"/>
    <x v="0"/>
    <x v="0"/>
    <x v="2"/>
    <x v="7"/>
    <n v="0"/>
    <n v="-0.93"/>
  </r>
  <r>
    <s v="03"/>
    <s v="KY"/>
    <s v="KY"/>
    <s v="202206"/>
    <x v="0"/>
    <x v="0"/>
    <x v="0"/>
    <x v="2"/>
    <x v="15"/>
    <n v="0"/>
    <n v="-3607.34"/>
  </r>
  <r>
    <s v="03"/>
    <s v="KY"/>
    <s v="KY"/>
    <s v="202206"/>
    <x v="0"/>
    <x v="0"/>
    <x v="0"/>
    <x v="2"/>
    <x v="16"/>
    <n v="0"/>
    <n v="-1.43"/>
  </r>
  <r>
    <s v="03"/>
    <s v="KY"/>
    <s v="KY"/>
    <s v="202206"/>
    <x v="0"/>
    <x v="0"/>
    <x v="0"/>
    <x v="2"/>
    <x v="42"/>
    <n v="0"/>
    <n v="-5.78"/>
  </r>
  <r>
    <s v="03"/>
    <s v="KY"/>
    <s v="KY"/>
    <s v="202206"/>
    <x v="0"/>
    <x v="0"/>
    <x v="0"/>
    <x v="2"/>
    <x v="17"/>
    <n v="0"/>
    <n v="-5285.75"/>
  </r>
  <r>
    <s v="03"/>
    <s v="KY"/>
    <s v="KY"/>
    <s v="202206"/>
    <x v="0"/>
    <x v="0"/>
    <x v="0"/>
    <x v="2"/>
    <x v="18"/>
    <n v="0"/>
    <n v="-66.44"/>
  </r>
  <r>
    <s v="03"/>
    <s v="KY"/>
    <s v="KY"/>
    <s v="202206"/>
    <x v="0"/>
    <x v="0"/>
    <x v="0"/>
    <x v="2"/>
    <x v="35"/>
    <n v="0"/>
    <n v="-1.73"/>
  </r>
  <r>
    <s v="03"/>
    <s v="KY"/>
    <s v="KY"/>
    <s v="202206"/>
    <x v="0"/>
    <x v="0"/>
    <x v="0"/>
    <x v="2"/>
    <x v="20"/>
    <n v="0"/>
    <n v="-1.71"/>
  </r>
  <r>
    <s v="03"/>
    <s v="KY"/>
    <s v="KY"/>
    <s v="202206"/>
    <x v="0"/>
    <x v="0"/>
    <x v="0"/>
    <x v="2"/>
    <x v="21"/>
    <n v="0"/>
    <n v="-5101.54"/>
  </r>
  <r>
    <s v="03"/>
    <s v="KY"/>
    <s v="KY"/>
    <s v="202206"/>
    <x v="0"/>
    <x v="0"/>
    <x v="0"/>
    <x v="2"/>
    <x v="22"/>
    <n v="0"/>
    <n v="-2889.85"/>
  </r>
  <r>
    <s v="03"/>
    <s v="KY"/>
    <s v="KY"/>
    <s v="202206"/>
    <x v="0"/>
    <x v="0"/>
    <x v="0"/>
    <x v="2"/>
    <x v="36"/>
    <n v="0"/>
    <n v="-2038.26"/>
  </r>
  <r>
    <s v="03"/>
    <s v="KY"/>
    <s v="KY"/>
    <s v="202206"/>
    <x v="0"/>
    <x v="0"/>
    <x v="0"/>
    <x v="2"/>
    <x v="23"/>
    <n v="0"/>
    <n v="-3248.86"/>
  </r>
  <r>
    <s v="03"/>
    <s v="KY"/>
    <s v="KY"/>
    <s v="202206"/>
    <x v="0"/>
    <x v="0"/>
    <x v="0"/>
    <x v="3"/>
    <x v="2"/>
    <n v="0"/>
    <n v="-1.92"/>
  </r>
  <r>
    <s v="03"/>
    <s v="KY"/>
    <s v="KY"/>
    <s v="202206"/>
    <x v="0"/>
    <x v="0"/>
    <x v="0"/>
    <x v="3"/>
    <x v="3"/>
    <n v="0"/>
    <n v="-1.9"/>
  </r>
  <r>
    <s v="03"/>
    <s v="KY"/>
    <s v="KY"/>
    <s v="202206"/>
    <x v="0"/>
    <x v="0"/>
    <x v="0"/>
    <x v="3"/>
    <x v="4"/>
    <n v="0"/>
    <n v="-2.02"/>
  </r>
  <r>
    <s v="03"/>
    <s v="KY"/>
    <s v="KY"/>
    <s v="202206"/>
    <x v="0"/>
    <x v="0"/>
    <x v="0"/>
    <x v="3"/>
    <x v="5"/>
    <n v="0"/>
    <n v="-49.17"/>
  </r>
  <r>
    <s v="03"/>
    <s v="KY"/>
    <s v="KY"/>
    <s v="202206"/>
    <x v="0"/>
    <x v="0"/>
    <x v="0"/>
    <x v="3"/>
    <x v="6"/>
    <n v="0"/>
    <n v="-7.21"/>
  </r>
  <r>
    <s v="03"/>
    <s v="KY"/>
    <s v="KY"/>
    <s v="202206"/>
    <x v="0"/>
    <x v="0"/>
    <x v="0"/>
    <x v="3"/>
    <x v="11"/>
    <n v="0"/>
    <n v="-12.53"/>
  </r>
  <r>
    <s v="03"/>
    <s v="KY"/>
    <s v="KY"/>
    <s v="202206"/>
    <x v="0"/>
    <x v="0"/>
    <x v="0"/>
    <x v="3"/>
    <x v="15"/>
    <n v="0"/>
    <n v="-500.56"/>
  </r>
  <r>
    <s v="03"/>
    <s v="KY"/>
    <s v="KY"/>
    <s v="202206"/>
    <x v="0"/>
    <x v="0"/>
    <x v="0"/>
    <x v="3"/>
    <x v="17"/>
    <n v="0"/>
    <n v="-4521.7299999999996"/>
  </r>
  <r>
    <s v="03"/>
    <s v="KY"/>
    <s v="KY"/>
    <s v="202206"/>
    <x v="0"/>
    <x v="0"/>
    <x v="0"/>
    <x v="3"/>
    <x v="35"/>
    <n v="0"/>
    <n v="-28.22"/>
  </r>
  <r>
    <s v="03"/>
    <s v="KY"/>
    <s v="KY"/>
    <s v="202206"/>
    <x v="0"/>
    <x v="0"/>
    <x v="0"/>
    <x v="3"/>
    <x v="20"/>
    <n v="0"/>
    <n v="-12.34"/>
  </r>
  <r>
    <s v="03"/>
    <s v="KY"/>
    <s v="KY"/>
    <s v="202206"/>
    <x v="0"/>
    <x v="0"/>
    <x v="0"/>
    <x v="3"/>
    <x v="21"/>
    <n v="0"/>
    <n v="-3397.77"/>
  </r>
  <r>
    <s v="03"/>
    <s v="KY"/>
    <s v="KY"/>
    <s v="202206"/>
    <x v="0"/>
    <x v="0"/>
    <x v="0"/>
    <x v="3"/>
    <x v="26"/>
    <n v="0"/>
    <n v="-1255.47"/>
  </r>
  <r>
    <s v="03"/>
    <s v="KY"/>
    <s v="KY"/>
    <s v="202206"/>
    <x v="0"/>
    <x v="0"/>
    <x v="0"/>
    <x v="4"/>
    <x v="15"/>
    <n v="0"/>
    <n v="-16.8"/>
  </r>
  <r>
    <s v="03"/>
    <s v="KY"/>
    <s v="KY"/>
    <s v="202206"/>
    <x v="0"/>
    <x v="0"/>
    <x v="0"/>
    <x v="4"/>
    <x v="17"/>
    <n v="0"/>
    <n v="-141.66999999999999"/>
  </r>
  <r>
    <s v="03"/>
    <s v="KY"/>
    <s v="KY"/>
    <s v="202206"/>
    <x v="0"/>
    <x v="0"/>
    <x v="0"/>
    <x v="4"/>
    <x v="27"/>
    <n v="0"/>
    <n v="-3891.72"/>
  </r>
  <r>
    <s v="03"/>
    <s v="KY"/>
    <s v="KY"/>
    <s v="202206"/>
    <x v="0"/>
    <x v="0"/>
    <x v="0"/>
    <x v="5"/>
    <x v="2"/>
    <n v="0"/>
    <n v="-2.61"/>
  </r>
  <r>
    <s v="03"/>
    <s v="KY"/>
    <s v="KY"/>
    <s v="202206"/>
    <x v="0"/>
    <x v="0"/>
    <x v="0"/>
    <x v="5"/>
    <x v="4"/>
    <n v="0"/>
    <n v="-3.33"/>
  </r>
  <r>
    <s v="03"/>
    <s v="KY"/>
    <s v="KY"/>
    <s v="202206"/>
    <x v="0"/>
    <x v="0"/>
    <x v="0"/>
    <x v="5"/>
    <x v="5"/>
    <n v="0"/>
    <n v="-9.8800000000000008"/>
  </r>
  <r>
    <s v="03"/>
    <s v="KY"/>
    <s v="KY"/>
    <s v="202206"/>
    <x v="0"/>
    <x v="0"/>
    <x v="0"/>
    <x v="5"/>
    <x v="15"/>
    <n v="0"/>
    <n v="-72.319999999999993"/>
  </r>
  <r>
    <s v="03"/>
    <s v="KY"/>
    <s v="KY"/>
    <s v="202206"/>
    <x v="0"/>
    <x v="0"/>
    <x v="0"/>
    <x v="5"/>
    <x v="17"/>
    <n v="0"/>
    <n v="-604.58000000000004"/>
  </r>
  <r>
    <s v="03"/>
    <s v="KY"/>
    <s v="KY"/>
    <s v="202206"/>
    <x v="0"/>
    <x v="0"/>
    <x v="0"/>
    <x v="5"/>
    <x v="21"/>
    <n v="0"/>
    <n v="-1118.9100000000001"/>
  </r>
  <r>
    <s v="03"/>
    <s v="KY"/>
    <s v="KY"/>
    <s v="202206"/>
    <x v="0"/>
    <x v="0"/>
    <x v="0"/>
    <x v="6"/>
    <x v="15"/>
    <n v="0"/>
    <n v="-4.53"/>
  </r>
  <r>
    <s v="03"/>
    <s v="KY"/>
    <s v="KY"/>
    <s v="202206"/>
    <x v="0"/>
    <x v="0"/>
    <x v="0"/>
    <x v="6"/>
    <x v="17"/>
    <n v="0"/>
    <n v="-80.83"/>
  </r>
  <r>
    <s v="03"/>
    <s v="KY"/>
    <s v="KY"/>
    <s v="202206"/>
    <x v="0"/>
    <x v="0"/>
    <x v="0"/>
    <x v="6"/>
    <x v="21"/>
    <n v="0"/>
    <n v="-299.24"/>
  </r>
  <r>
    <s v="03"/>
    <s v="KY"/>
    <s v="KY"/>
    <s v="202206"/>
    <x v="0"/>
    <x v="0"/>
    <x v="0"/>
    <x v="7"/>
    <x v="2"/>
    <n v="0"/>
    <n v="-0.65"/>
  </r>
  <r>
    <s v="03"/>
    <s v="KY"/>
    <s v="KY"/>
    <s v="202206"/>
    <x v="0"/>
    <x v="0"/>
    <x v="0"/>
    <x v="7"/>
    <x v="3"/>
    <n v="0"/>
    <n v="-10.8"/>
  </r>
  <r>
    <s v="03"/>
    <s v="KY"/>
    <s v="KY"/>
    <s v="202206"/>
    <x v="0"/>
    <x v="0"/>
    <x v="0"/>
    <x v="7"/>
    <x v="4"/>
    <n v="0"/>
    <n v="-1.07"/>
  </r>
  <r>
    <s v="03"/>
    <s v="KY"/>
    <s v="KY"/>
    <s v="202206"/>
    <x v="0"/>
    <x v="0"/>
    <x v="0"/>
    <x v="7"/>
    <x v="15"/>
    <n v="0"/>
    <n v="-25.09"/>
  </r>
  <r>
    <s v="03"/>
    <s v="KY"/>
    <s v="KY"/>
    <s v="202206"/>
    <x v="0"/>
    <x v="0"/>
    <x v="0"/>
    <x v="7"/>
    <x v="17"/>
    <n v="0"/>
    <n v="-68.489999999999995"/>
  </r>
  <r>
    <s v="03"/>
    <s v="KY"/>
    <s v="KY"/>
    <s v="202206"/>
    <x v="0"/>
    <x v="0"/>
    <x v="0"/>
    <x v="7"/>
    <x v="28"/>
    <n v="0"/>
    <n v="-201.25"/>
  </r>
  <r>
    <s v="03"/>
    <s v="KY"/>
    <s v="KY"/>
    <s v="202206"/>
    <x v="0"/>
    <x v="0"/>
    <x v="0"/>
    <x v="7"/>
    <x v="21"/>
    <n v="0"/>
    <n v="-99.05"/>
  </r>
  <r>
    <s v="03"/>
    <s v="KY"/>
    <s v="KY"/>
    <s v="202206"/>
    <x v="0"/>
    <x v="0"/>
    <x v="0"/>
    <x v="7"/>
    <x v="26"/>
    <n v="0"/>
    <n v="-1062.79"/>
  </r>
  <r>
    <s v="03"/>
    <s v="KY"/>
    <s v="KY"/>
    <s v="202206"/>
    <x v="1"/>
    <x v="0"/>
    <x v="0"/>
    <x v="8"/>
    <x v="29"/>
    <n v="0"/>
    <n v="2179.77"/>
  </r>
  <r>
    <s v="03"/>
    <s v="KY"/>
    <s v="KY"/>
    <s v="202206"/>
    <x v="1"/>
    <x v="0"/>
    <x v="0"/>
    <x v="0"/>
    <x v="0"/>
    <n v="0"/>
    <n v="323.07"/>
  </r>
  <r>
    <s v="03"/>
    <s v="KY"/>
    <s v="KY"/>
    <s v="202206"/>
    <x v="1"/>
    <x v="0"/>
    <x v="0"/>
    <x v="0"/>
    <x v="1"/>
    <n v="0"/>
    <n v="157.69999999999999"/>
  </r>
  <r>
    <s v="03"/>
    <s v="KY"/>
    <s v="KY"/>
    <s v="202206"/>
    <x v="1"/>
    <x v="0"/>
    <x v="0"/>
    <x v="0"/>
    <x v="9"/>
    <n v="0"/>
    <n v="12.24"/>
  </r>
  <r>
    <s v="03"/>
    <s v="KY"/>
    <s v="KY"/>
    <s v="202206"/>
    <x v="1"/>
    <x v="0"/>
    <x v="0"/>
    <x v="0"/>
    <x v="2"/>
    <n v="0"/>
    <n v="213.42"/>
  </r>
  <r>
    <s v="03"/>
    <s v="KY"/>
    <s v="KY"/>
    <s v="202206"/>
    <x v="1"/>
    <x v="0"/>
    <x v="0"/>
    <x v="0"/>
    <x v="3"/>
    <n v="0"/>
    <n v="12.07"/>
  </r>
  <r>
    <s v="03"/>
    <s v="KY"/>
    <s v="KY"/>
    <s v="202206"/>
    <x v="1"/>
    <x v="0"/>
    <x v="0"/>
    <x v="0"/>
    <x v="4"/>
    <n v="0"/>
    <n v="9.2899999999999991"/>
  </r>
  <r>
    <s v="03"/>
    <s v="KY"/>
    <s v="KY"/>
    <s v="202206"/>
    <x v="1"/>
    <x v="0"/>
    <x v="0"/>
    <x v="0"/>
    <x v="5"/>
    <n v="0"/>
    <n v="17.63"/>
  </r>
  <r>
    <s v="03"/>
    <s v="KY"/>
    <s v="KY"/>
    <s v="202206"/>
    <x v="1"/>
    <x v="0"/>
    <x v="0"/>
    <x v="0"/>
    <x v="8"/>
    <n v="0"/>
    <n v="3.43"/>
  </r>
  <r>
    <s v="03"/>
    <s v="KY"/>
    <s v="KY"/>
    <s v="202206"/>
    <x v="1"/>
    <x v="0"/>
    <x v="0"/>
    <x v="0"/>
    <x v="6"/>
    <n v="0"/>
    <n v="114.57"/>
  </r>
  <r>
    <s v="03"/>
    <s v="KY"/>
    <s v="KY"/>
    <s v="202206"/>
    <x v="1"/>
    <x v="0"/>
    <x v="0"/>
    <x v="0"/>
    <x v="11"/>
    <n v="0"/>
    <n v="1.56"/>
  </r>
  <r>
    <s v="03"/>
    <s v="KY"/>
    <s v="KY"/>
    <s v="202206"/>
    <x v="1"/>
    <x v="0"/>
    <x v="0"/>
    <x v="0"/>
    <x v="13"/>
    <n v="0"/>
    <n v="7.46"/>
  </r>
  <r>
    <s v="03"/>
    <s v="KY"/>
    <s v="KY"/>
    <s v="202206"/>
    <x v="1"/>
    <x v="0"/>
    <x v="0"/>
    <x v="0"/>
    <x v="7"/>
    <n v="0"/>
    <n v="29.42"/>
  </r>
  <r>
    <s v="03"/>
    <s v="KY"/>
    <s v="KY"/>
    <s v="202206"/>
    <x v="1"/>
    <x v="0"/>
    <x v="0"/>
    <x v="1"/>
    <x v="30"/>
    <n v="0"/>
    <n v="1.32"/>
  </r>
  <r>
    <s v="03"/>
    <s v="KY"/>
    <s v="KY"/>
    <s v="202206"/>
    <x v="1"/>
    <x v="0"/>
    <x v="0"/>
    <x v="1"/>
    <x v="0"/>
    <n v="0"/>
    <n v="349.7"/>
  </r>
  <r>
    <s v="03"/>
    <s v="KY"/>
    <s v="KY"/>
    <s v="202206"/>
    <x v="1"/>
    <x v="0"/>
    <x v="0"/>
    <x v="1"/>
    <x v="31"/>
    <n v="0"/>
    <n v="2.4900000000000002"/>
  </r>
  <r>
    <s v="03"/>
    <s v="KY"/>
    <s v="KY"/>
    <s v="202206"/>
    <x v="1"/>
    <x v="0"/>
    <x v="0"/>
    <x v="1"/>
    <x v="1"/>
    <n v="0"/>
    <n v="628.03"/>
  </r>
  <r>
    <s v="03"/>
    <s v="KY"/>
    <s v="KY"/>
    <s v="202206"/>
    <x v="1"/>
    <x v="0"/>
    <x v="0"/>
    <x v="1"/>
    <x v="9"/>
    <n v="0"/>
    <n v="1.7"/>
  </r>
  <r>
    <s v="03"/>
    <s v="KY"/>
    <s v="KY"/>
    <s v="202206"/>
    <x v="1"/>
    <x v="0"/>
    <x v="0"/>
    <x v="1"/>
    <x v="2"/>
    <n v="0"/>
    <n v="124.67"/>
  </r>
  <r>
    <s v="03"/>
    <s v="KY"/>
    <s v="KY"/>
    <s v="202206"/>
    <x v="1"/>
    <x v="0"/>
    <x v="0"/>
    <x v="1"/>
    <x v="3"/>
    <n v="0"/>
    <n v="7.13"/>
  </r>
  <r>
    <s v="03"/>
    <s v="KY"/>
    <s v="KY"/>
    <s v="202206"/>
    <x v="1"/>
    <x v="0"/>
    <x v="0"/>
    <x v="1"/>
    <x v="4"/>
    <n v="0"/>
    <n v="4.05"/>
  </r>
  <r>
    <s v="03"/>
    <s v="KY"/>
    <s v="KY"/>
    <s v="202206"/>
    <x v="1"/>
    <x v="0"/>
    <x v="0"/>
    <x v="1"/>
    <x v="5"/>
    <n v="0"/>
    <n v="16.95"/>
  </r>
  <r>
    <s v="03"/>
    <s v="KY"/>
    <s v="KY"/>
    <s v="202206"/>
    <x v="1"/>
    <x v="0"/>
    <x v="0"/>
    <x v="1"/>
    <x v="8"/>
    <n v="0"/>
    <n v="8.5500000000000007"/>
  </r>
  <r>
    <s v="03"/>
    <s v="KY"/>
    <s v="KY"/>
    <s v="202206"/>
    <x v="1"/>
    <x v="0"/>
    <x v="0"/>
    <x v="1"/>
    <x v="6"/>
    <n v="0"/>
    <n v="114.14"/>
  </r>
  <r>
    <s v="03"/>
    <s v="KY"/>
    <s v="KY"/>
    <s v="202206"/>
    <x v="1"/>
    <x v="0"/>
    <x v="0"/>
    <x v="1"/>
    <x v="7"/>
    <n v="0"/>
    <n v="22.04"/>
  </r>
  <r>
    <s v="03"/>
    <s v="KY"/>
    <s v="KY"/>
    <s v="202206"/>
    <x v="1"/>
    <x v="0"/>
    <x v="0"/>
    <x v="2"/>
    <x v="9"/>
    <n v="0"/>
    <n v="14.61"/>
  </r>
  <r>
    <s v="03"/>
    <s v="KY"/>
    <s v="KY"/>
    <s v="202206"/>
    <x v="1"/>
    <x v="0"/>
    <x v="0"/>
    <x v="2"/>
    <x v="2"/>
    <n v="0"/>
    <n v="87.55"/>
  </r>
  <r>
    <s v="03"/>
    <s v="KY"/>
    <s v="KY"/>
    <s v="202206"/>
    <x v="1"/>
    <x v="0"/>
    <x v="0"/>
    <x v="2"/>
    <x v="10"/>
    <n v="0"/>
    <n v="5.5"/>
  </r>
  <r>
    <s v="03"/>
    <s v="KY"/>
    <s v="KY"/>
    <s v="202206"/>
    <x v="1"/>
    <x v="0"/>
    <x v="0"/>
    <x v="2"/>
    <x v="3"/>
    <n v="0"/>
    <n v="54.78"/>
  </r>
  <r>
    <s v="03"/>
    <s v="KY"/>
    <s v="KY"/>
    <s v="202206"/>
    <x v="1"/>
    <x v="0"/>
    <x v="0"/>
    <x v="2"/>
    <x v="32"/>
    <n v="0"/>
    <n v="8.0299999999999994"/>
  </r>
  <r>
    <s v="03"/>
    <s v="KY"/>
    <s v="KY"/>
    <s v="202206"/>
    <x v="1"/>
    <x v="0"/>
    <x v="0"/>
    <x v="2"/>
    <x v="4"/>
    <n v="0"/>
    <n v="92.35"/>
  </r>
  <r>
    <s v="03"/>
    <s v="KY"/>
    <s v="KY"/>
    <s v="202206"/>
    <x v="1"/>
    <x v="0"/>
    <x v="0"/>
    <x v="2"/>
    <x v="5"/>
    <n v="0"/>
    <n v="312.07"/>
  </r>
  <r>
    <s v="03"/>
    <s v="KY"/>
    <s v="KY"/>
    <s v="202206"/>
    <x v="1"/>
    <x v="0"/>
    <x v="0"/>
    <x v="2"/>
    <x v="33"/>
    <n v="0"/>
    <n v="2.2599999999999998"/>
  </r>
  <r>
    <s v="03"/>
    <s v="KY"/>
    <s v="KY"/>
    <s v="202206"/>
    <x v="1"/>
    <x v="0"/>
    <x v="0"/>
    <x v="2"/>
    <x v="8"/>
    <n v="0"/>
    <n v="59.12"/>
  </r>
  <r>
    <s v="03"/>
    <s v="KY"/>
    <s v="KY"/>
    <s v="202206"/>
    <x v="1"/>
    <x v="0"/>
    <x v="0"/>
    <x v="2"/>
    <x v="6"/>
    <n v="0"/>
    <n v="125.42"/>
  </r>
  <r>
    <s v="03"/>
    <s v="KY"/>
    <s v="KY"/>
    <s v="202206"/>
    <x v="1"/>
    <x v="0"/>
    <x v="0"/>
    <x v="2"/>
    <x v="11"/>
    <n v="0"/>
    <n v="98.35"/>
  </r>
  <r>
    <s v="03"/>
    <s v="KY"/>
    <s v="KY"/>
    <s v="202206"/>
    <x v="1"/>
    <x v="0"/>
    <x v="0"/>
    <x v="2"/>
    <x v="7"/>
    <n v="0"/>
    <n v="16.59"/>
  </r>
  <r>
    <s v="03"/>
    <s v="KY"/>
    <s v="KY"/>
    <s v="202206"/>
    <x v="1"/>
    <x v="0"/>
    <x v="0"/>
    <x v="2"/>
    <x v="15"/>
    <n v="0"/>
    <n v="22812.92"/>
  </r>
  <r>
    <s v="03"/>
    <s v="KY"/>
    <s v="KY"/>
    <s v="202206"/>
    <x v="1"/>
    <x v="0"/>
    <x v="0"/>
    <x v="2"/>
    <x v="34"/>
    <n v="0"/>
    <n v="3.71"/>
  </r>
  <r>
    <s v="03"/>
    <s v="KY"/>
    <s v="KY"/>
    <s v="202206"/>
    <x v="1"/>
    <x v="0"/>
    <x v="0"/>
    <x v="2"/>
    <x v="16"/>
    <n v="0"/>
    <n v="88.83"/>
  </r>
  <r>
    <s v="03"/>
    <s v="KY"/>
    <s v="KY"/>
    <s v="202206"/>
    <x v="1"/>
    <x v="0"/>
    <x v="0"/>
    <x v="2"/>
    <x v="42"/>
    <n v="0"/>
    <n v="26.6"/>
  </r>
  <r>
    <s v="03"/>
    <s v="KY"/>
    <s v="KY"/>
    <s v="202206"/>
    <x v="1"/>
    <x v="0"/>
    <x v="0"/>
    <x v="2"/>
    <x v="17"/>
    <n v="0"/>
    <n v="28192.560000000001"/>
  </r>
  <r>
    <s v="03"/>
    <s v="KY"/>
    <s v="KY"/>
    <s v="202206"/>
    <x v="1"/>
    <x v="0"/>
    <x v="0"/>
    <x v="2"/>
    <x v="18"/>
    <n v="0"/>
    <n v="202.69"/>
  </r>
  <r>
    <s v="03"/>
    <s v="KY"/>
    <s v="KY"/>
    <s v="202206"/>
    <x v="1"/>
    <x v="0"/>
    <x v="0"/>
    <x v="2"/>
    <x v="25"/>
    <n v="0"/>
    <n v="28.74"/>
  </r>
  <r>
    <s v="03"/>
    <s v="KY"/>
    <s v="KY"/>
    <s v="202206"/>
    <x v="1"/>
    <x v="0"/>
    <x v="0"/>
    <x v="2"/>
    <x v="35"/>
    <n v="0"/>
    <n v="22.36"/>
  </r>
  <r>
    <s v="03"/>
    <s v="KY"/>
    <s v="KY"/>
    <s v="202206"/>
    <x v="1"/>
    <x v="0"/>
    <x v="0"/>
    <x v="2"/>
    <x v="19"/>
    <n v="0"/>
    <n v="47.79"/>
  </r>
  <r>
    <s v="03"/>
    <s v="KY"/>
    <s v="KY"/>
    <s v="202206"/>
    <x v="1"/>
    <x v="0"/>
    <x v="0"/>
    <x v="2"/>
    <x v="20"/>
    <n v="0"/>
    <n v="75.61"/>
  </r>
  <r>
    <s v="03"/>
    <s v="KY"/>
    <s v="KY"/>
    <s v="202206"/>
    <x v="1"/>
    <x v="0"/>
    <x v="0"/>
    <x v="2"/>
    <x v="21"/>
    <n v="0"/>
    <n v="12934.03"/>
  </r>
  <r>
    <s v="03"/>
    <s v="KY"/>
    <s v="KY"/>
    <s v="202206"/>
    <x v="1"/>
    <x v="0"/>
    <x v="0"/>
    <x v="2"/>
    <x v="26"/>
    <n v="0"/>
    <n v="488.16"/>
  </r>
  <r>
    <s v="03"/>
    <s v="KY"/>
    <s v="KY"/>
    <s v="202206"/>
    <x v="1"/>
    <x v="0"/>
    <x v="0"/>
    <x v="2"/>
    <x v="22"/>
    <n v="0"/>
    <n v="2889.85"/>
  </r>
  <r>
    <s v="03"/>
    <s v="KY"/>
    <s v="KY"/>
    <s v="202206"/>
    <x v="1"/>
    <x v="0"/>
    <x v="0"/>
    <x v="2"/>
    <x v="36"/>
    <n v="0"/>
    <n v="6713.67"/>
  </r>
  <r>
    <s v="03"/>
    <s v="KY"/>
    <s v="KY"/>
    <s v="202206"/>
    <x v="1"/>
    <x v="0"/>
    <x v="0"/>
    <x v="2"/>
    <x v="23"/>
    <n v="0"/>
    <n v="5626.11"/>
  </r>
  <r>
    <s v="03"/>
    <s v="KY"/>
    <s v="KY"/>
    <s v="202206"/>
    <x v="1"/>
    <x v="0"/>
    <x v="0"/>
    <x v="3"/>
    <x v="2"/>
    <n v="0"/>
    <n v="25.03"/>
  </r>
  <r>
    <s v="03"/>
    <s v="KY"/>
    <s v="KY"/>
    <s v="202206"/>
    <x v="1"/>
    <x v="0"/>
    <x v="0"/>
    <x v="3"/>
    <x v="3"/>
    <n v="0"/>
    <n v="17.61"/>
  </r>
  <r>
    <s v="03"/>
    <s v="KY"/>
    <s v="KY"/>
    <s v="202206"/>
    <x v="1"/>
    <x v="0"/>
    <x v="0"/>
    <x v="3"/>
    <x v="32"/>
    <n v="0"/>
    <n v="18.53"/>
  </r>
  <r>
    <s v="03"/>
    <s v="KY"/>
    <s v="KY"/>
    <s v="202206"/>
    <x v="1"/>
    <x v="0"/>
    <x v="0"/>
    <x v="3"/>
    <x v="4"/>
    <n v="0"/>
    <n v="6.35"/>
  </r>
  <r>
    <s v="03"/>
    <s v="KY"/>
    <s v="KY"/>
    <s v="202206"/>
    <x v="1"/>
    <x v="0"/>
    <x v="0"/>
    <x v="3"/>
    <x v="5"/>
    <n v="0"/>
    <n v="114.67"/>
  </r>
  <r>
    <s v="03"/>
    <s v="KY"/>
    <s v="KY"/>
    <s v="202206"/>
    <x v="1"/>
    <x v="0"/>
    <x v="0"/>
    <x v="3"/>
    <x v="6"/>
    <n v="0"/>
    <n v="14.54"/>
  </r>
  <r>
    <s v="03"/>
    <s v="KY"/>
    <s v="KY"/>
    <s v="202206"/>
    <x v="1"/>
    <x v="0"/>
    <x v="0"/>
    <x v="3"/>
    <x v="11"/>
    <n v="0"/>
    <n v="19.829999999999998"/>
  </r>
  <r>
    <s v="03"/>
    <s v="KY"/>
    <s v="KY"/>
    <s v="202206"/>
    <x v="1"/>
    <x v="0"/>
    <x v="0"/>
    <x v="3"/>
    <x v="7"/>
    <n v="0"/>
    <n v="1.35"/>
  </r>
  <r>
    <s v="03"/>
    <s v="KY"/>
    <s v="KY"/>
    <s v="202206"/>
    <x v="1"/>
    <x v="0"/>
    <x v="0"/>
    <x v="3"/>
    <x v="15"/>
    <n v="0"/>
    <n v="4277.6499999999996"/>
  </r>
  <r>
    <s v="03"/>
    <s v="KY"/>
    <s v="KY"/>
    <s v="202206"/>
    <x v="1"/>
    <x v="0"/>
    <x v="0"/>
    <x v="3"/>
    <x v="17"/>
    <n v="0"/>
    <n v="16137.74"/>
  </r>
  <r>
    <s v="03"/>
    <s v="KY"/>
    <s v="KY"/>
    <s v="202206"/>
    <x v="1"/>
    <x v="0"/>
    <x v="0"/>
    <x v="3"/>
    <x v="35"/>
    <n v="0"/>
    <n v="61.77"/>
  </r>
  <r>
    <s v="03"/>
    <s v="KY"/>
    <s v="KY"/>
    <s v="202206"/>
    <x v="1"/>
    <x v="0"/>
    <x v="0"/>
    <x v="3"/>
    <x v="24"/>
    <n v="0"/>
    <n v="144.58000000000001"/>
  </r>
  <r>
    <s v="03"/>
    <s v="KY"/>
    <s v="KY"/>
    <s v="202206"/>
    <x v="1"/>
    <x v="0"/>
    <x v="0"/>
    <x v="3"/>
    <x v="19"/>
    <n v="0"/>
    <n v="574.86"/>
  </r>
  <r>
    <s v="03"/>
    <s v="KY"/>
    <s v="KY"/>
    <s v="202206"/>
    <x v="1"/>
    <x v="0"/>
    <x v="0"/>
    <x v="3"/>
    <x v="20"/>
    <n v="0"/>
    <n v="69.45"/>
  </r>
  <r>
    <s v="03"/>
    <s v="KY"/>
    <s v="KY"/>
    <s v="202206"/>
    <x v="1"/>
    <x v="0"/>
    <x v="0"/>
    <x v="3"/>
    <x v="21"/>
    <n v="0"/>
    <n v="8197.57"/>
  </r>
  <r>
    <s v="03"/>
    <s v="KY"/>
    <s v="KY"/>
    <s v="202206"/>
    <x v="1"/>
    <x v="0"/>
    <x v="0"/>
    <x v="3"/>
    <x v="26"/>
    <n v="0"/>
    <n v="2113.09"/>
  </r>
  <r>
    <s v="03"/>
    <s v="KY"/>
    <s v="KY"/>
    <s v="202206"/>
    <x v="1"/>
    <x v="0"/>
    <x v="0"/>
    <x v="3"/>
    <x v="22"/>
    <n v="0"/>
    <n v="1172.26"/>
  </r>
  <r>
    <s v="03"/>
    <s v="KY"/>
    <s v="KY"/>
    <s v="202206"/>
    <x v="1"/>
    <x v="0"/>
    <x v="0"/>
    <x v="4"/>
    <x v="2"/>
    <n v="0"/>
    <n v="1.8"/>
  </r>
  <r>
    <s v="03"/>
    <s v="KY"/>
    <s v="KY"/>
    <s v="202206"/>
    <x v="1"/>
    <x v="0"/>
    <x v="0"/>
    <x v="4"/>
    <x v="3"/>
    <n v="0"/>
    <n v="27.02"/>
  </r>
  <r>
    <s v="03"/>
    <s v="KY"/>
    <s v="KY"/>
    <s v="202206"/>
    <x v="1"/>
    <x v="0"/>
    <x v="0"/>
    <x v="4"/>
    <x v="5"/>
    <n v="0"/>
    <n v="10.82"/>
  </r>
  <r>
    <s v="03"/>
    <s v="KY"/>
    <s v="KY"/>
    <s v="202206"/>
    <x v="1"/>
    <x v="0"/>
    <x v="0"/>
    <x v="4"/>
    <x v="15"/>
    <n v="0"/>
    <n v="142.07"/>
  </r>
  <r>
    <s v="03"/>
    <s v="KY"/>
    <s v="KY"/>
    <s v="202206"/>
    <x v="1"/>
    <x v="0"/>
    <x v="0"/>
    <x v="4"/>
    <x v="17"/>
    <n v="0"/>
    <n v="1132.1600000000001"/>
  </r>
  <r>
    <s v="03"/>
    <s v="KY"/>
    <s v="KY"/>
    <s v="202206"/>
    <x v="1"/>
    <x v="0"/>
    <x v="0"/>
    <x v="4"/>
    <x v="21"/>
    <n v="0"/>
    <n v="367.57"/>
  </r>
  <r>
    <s v="03"/>
    <s v="KY"/>
    <s v="KY"/>
    <s v="202206"/>
    <x v="1"/>
    <x v="0"/>
    <x v="0"/>
    <x v="4"/>
    <x v="43"/>
    <n v="0"/>
    <n v="1143.75"/>
  </r>
  <r>
    <s v="03"/>
    <s v="KY"/>
    <s v="KY"/>
    <s v="202206"/>
    <x v="1"/>
    <x v="0"/>
    <x v="0"/>
    <x v="5"/>
    <x v="2"/>
    <n v="0"/>
    <n v="12.91"/>
  </r>
  <r>
    <s v="03"/>
    <s v="KY"/>
    <s v="KY"/>
    <s v="202206"/>
    <x v="1"/>
    <x v="0"/>
    <x v="0"/>
    <x v="5"/>
    <x v="10"/>
    <n v="0"/>
    <n v="4.5599999999999996"/>
  </r>
  <r>
    <s v="03"/>
    <s v="KY"/>
    <s v="KY"/>
    <s v="202206"/>
    <x v="1"/>
    <x v="0"/>
    <x v="0"/>
    <x v="5"/>
    <x v="3"/>
    <n v="0"/>
    <n v="2.85"/>
  </r>
  <r>
    <s v="03"/>
    <s v="KY"/>
    <s v="KY"/>
    <s v="202206"/>
    <x v="1"/>
    <x v="0"/>
    <x v="0"/>
    <x v="5"/>
    <x v="4"/>
    <n v="0"/>
    <n v="6.04"/>
  </r>
  <r>
    <s v="03"/>
    <s v="KY"/>
    <s v="KY"/>
    <s v="202206"/>
    <x v="1"/>
    <x v="0"/>
    <x v="0"/>
    <x v="5"/>
    <x v="5"/>
    <n v="0"/>
    <n v="38.46"/>
  </r>
  <r>
    <s v="03"/>
    <s v="KY"/>
    <s v="KY"/>
    <s v="202206"/>
    <x v="1"/>
    <x v="0"/>
    <x v="0"/>
    <x v="5"/>
    <x v="7"/>
    <n v="0"/>
    <n v="0.48"/>
  </r>
  <r>
    <s v="03"/>
    <s v="KY"/>
    <s v="KY"/>
    <s v="202206"/>
    <x v="1"/>
    <x v="0"/>
    <x v="0"/>
    <x v="5"/>
    <x v="14"/>
    <n v="0"/>
    <n v="8.51"/>
  </r>
  <r>
    <s v="03"/>
    <s v="KY"/>
    <s v="KY"/>
    <s v="202206"/>
    <x v="1"/>
    <x v="0"/>
    <x v="0"/>
    <x v="5"/>
    <x v="15"/>
    <n v="0"/>
    <n v="766.44"/>
  </r>
  <r>
    <s v="03"/>
    <s v="KY"/>
    <s v="KY"/>
    <s v="202206"/>
    <x v="1"/>
    <x v="0"/>
    <x v="0"/>
    <x v="5"/>
    <x v="17"/>
    <n v="0"/>
    <n v="3921.23"/>
  </r>
  <r>
    <s v="03"/>
    <s v="KY"/>
    <s v="KY"/>
    <s v="202206"/>
    <x v="1"/>
    <x v="0"/>
    <x v="0"/>
    <x v="5"/>
    <x v="18"/>
    <n v="0"/>
    <n v="67.040000000000006"/>
  </r>
  <r>
    <s v="03"/>
    <s v="KY"/>
    <s v="KY"/>
    <s v="202206"/>
    <x v="1"/>
    <x v="0"/>
    <x v="0"/>
    <x v="5"/>
    <x v="25"/>
    <n v="0"/>
    <n v="359.31"/>
  </r>
  <r>
    <s v="03"/>
    <s v="KY"/>
    <s v="KY"/>
    <s v="202206"/>
    <x v="1"/>
    <x v="0"/>
    <x v="0"/>
    <x v="5"/>
    <x v="21"/>
    <n v="0"/>
    <n v="3820.05"/>
  </r>
  <r>
    <s v="03"/>
    <s v="KY"/>
    <s v="KY"/>
    <s v="202206"/>
    <x v="1"/>
    <x v="0"/>
    <x v="0"/>
    <x v="5"/>
    <x v="26"/>
    <n v="0"/>
    <n v="3570.39"/>
  </r>
  <r>
    <s v="03"/>
    <s v="KY"/>
    <s v="KY"/>
    <s v="202206"/>
    <x v="1"/>
    <x v="0"/>
    <x v="0"/>
    <x v="5"/>
    <x v="27"/>
    <n v="0"/>
    <n v="14629.69"/>
  </r>
  <r>
    <s v="03"/>
    <s v="KY"/>
    <s v="KY"/>
    <s v="202206"/>
    <x v="1"/>
    <x v="0"/>
    <x v="0"/>
    <x v="5"/>
    <x v="23"/>
    <n v="0"/>
    <n v="8176.38"/>
  </r>
  <r>
    <s v="03"/>
    <s v="KY"/>
    <s v="KY"/>
    <s v="202206"/>
    <x v="1"/>
    <x v="0"/>
    <x v="0"/>
    <x v="5"/>
    <x v="37"/>
    <n v="0"/>
    <n v="4943.6400000000003"/>
  </r>
  <r>
    <s v="03"/>
    <s v="KY"/>
    <s v="KY"/>
    <s v="202206"/>
    <x v="1"/>
    <x v="0"/>
    <x v="0"/>
    <x v="6"/>
    <x v="6"/>
    <n v="0"/>
    <n v="5.12"/>
  </r>
  <r>
    <s v="03"/>
    <s v="KY"/>
    <s v="KY"/>
    <s v="202206"/>
    <x v="1"/>
    <x v="0"/>
    <x v="0"/>
    <x v="6"/>
    <x v="15"/>
    <n v="0"/>
    <n v="45.8"/>
  </r>
  <r>
    <s v="03"/>
    <s v="KY"/>
    <s v="KY"/>
    <s v="202206"/>
    <x v="1"/>
    <x v="0"/>
    <x v="0"/>
    <x v="6"/>
    <x v="17"/>
    <n v="0"/>
    <n v="296.48"/>
  </r>
  <r>
    <s v="03"/>
    <s v="KY"/>
    <s v="KY"/>
    <s v="202206"/>
    <x v="1"/>
    <x v="0"/>
    <x v="0"/>
    <x v="6"/>
    <x v="21"/>
    <n v="0"/>
    <n v="945.46"/>
  </r>
  <r>
    <s v="03"/>
    <s v="KY"/>
    <s v="KY"/>
    <s v="202206"/>
    <x v="1"/>
    <x v="0"/>
    <x v="0"/>
    <x v="7"/>
    <x v="2"/>
    <n v="0"/>
    <n v="0.65"/>
  </r>
  <r>
    <s v="03"/>
    <s v="KY"/>
    <s v="KY"/>
    <s v="202206"/>
    <x v="1"/>
    <x v="0"/>
    <x v="0"/>
    <x v="7"/>
    <x v="3"/>
    <n v="0"/>
    <n v="21.27"/>
  </r>
  <r>
    <s v="03"/>
    <s v="KY"/>
    <s v="KY"/>
    <s v="202206"/>
    <x v="1"/>
    <x v="0"/>
    <x v="0"/>
    <x v="7"/>
    <x v="4"/>
    <n v="0"/>
    <n v="3.68"/>
  </r>
  <r>
    <s v="03"/>
    <s v="KY"/>
    <s v="KY"/>
    <s v="202206"/>
    <x v="1"/>
    <x v="0"/>
    <x v="0"/>
    <x v="7"/>
    <x v="5"/>
    <n v="0"/>
    <n v="4.91"/>
  </r>
  <r>
    <s v="03"/>
    <s v="KY"/>
    <s v="KY"/>
    <s v="202206"/>
    <x v="1"/>
    <x v="0"/>
    <x v="0"/>
    <x v="7"/>
    <x v="6"/>
    <n v="0"/>
    <n v="2.2999999999999998"/>
  </r>
  <r>
    <s v="03"/>
    <s v="KY"/>
    <s v="KY"/>
    <s v="202206"/>
    <x v="1"/>
    <x v="0"/>
    <x v="0"/>
    <x v="7"/>
    <x v="15"/>
    <n v="0"/>
    <n v="62.13"/>
  </r>
  <r>
    <s v="03"/>
    <s v="KY"/>
    <s v="KY"/>
    <s v="202206"/>
    <x v="1"/>
    <x v="0"/>
    <x v="0"/>
    <x v="7"/>
    <x v="17"/>
    <n v="0"/>
    <n v="151.53"/>
  </r>
  <r>
    <s v="03"/>
    <s v="KY"/>
    <s v="KY"/>
    <s v="202206"/>
    <x v="1"/>
    <x v="0"/>
    <x v="0"/>
    <x v="7"/>
    <x v="18"/>
    <n v="0"/>
    <n v="6.99"/>
  </r>
  <r>
    <s v="03"/>
    <s v="KY"/>
    <s v="KY"/>
    <s v="202206"/>
    <x v="1"/>
    <x v="0"/>
    <x v="0"/>
    <x v="7"/>
    <x v="25"/>
    <n v="0"/>
    <n v="496.42"/>
  </r>
  <r>
    <s v="03"/>
    <s v="KY"/>
    <s v="KY"/>
    <s v="202206"/>
    <x v="1"/>
    <x v="0"/>
    <x v="0"/>
    <x v="7"/>
    <x v="28"/>
    <n v="0"/>
    <n v="305.89"/>
  </r>
  <r>
    <s v="03"/>
    <s v="KY"/>
    <s v="KY"/>
    <s v="202206"/>
    <x v="1"/>
    <x v="0"/>
    <x v="0"/>
    <x v="7"/>
    <x v="21"/>
    <n v="0"/>
    <n v="99.05"/>
  </r>
  <r>
    <s v="03"/>
    <s v="KY"/>
    <s v="KY"/>
    <s v="202206"/>
    <x v="1"/>
    <x v="0"/>
    <x v="0"/>
    <x v="7"/>
    <x v="26"/>
    <n v="0"/>
    <n v="6102.69"/>
  </r>
  <r>
    <s v="03"/>
    <s v="KY"/>
    <s v="KY"/>
    <s v="202206"/>
    <x v="1"/>
    <x v="0"/>
    <x v="0"/>
    <x v="7"/>
    <x v="22"/>
    <n v="0"/>
    <n v="969.33"/>
  </r>
  <r>
    <s v="03"/>
    <s v="KY"/>
    <s v="KY"/>
    <s v="202206"/>
    <x v="1"/>
    <x v="0"/>
    <x v="0"/>
    <x v="7"/>
    <x v="39"/>
    <n v="0"/>
    <n v="382.28"/>
  </r>
  <r>
    <s v="03"/>
    <s v="KY"/>
    <s v="KY"/>
    <s v="202206"/>
    <x v="1"/>
    <x v="0"/>
    <x v="0"/>
    <x v="7"/>
    <x v="40"/>
    <n v="0"/>
    <n v="10151.49"/>
  </r>
  <r>
    <s v="03"/>
    <s v="KY"/>
    <s v="KY"/>
    <s v="202206"/>
    <x v="1"/>
    <x v="0"/>
    <x v="0"/>
    <x v="7"/>
    <x v="27"/>
    <n v="0"/>
    <n v="40714.29"/>
  </r>
  <r>
    <s v="03"/>
    <s v="KY"/>
    <s v="KY"/>
    <s v="202206"/>
    <x v="1"/>
    <x v="0"/>
    <x v="0"/>
    <x v="7"/>
    <x v="23"/>
    <n v="0"/>
    <n v="14987.2"/>
  </r>
  <r>
    <s v="03"/>
    <s v="KY"/>
    <s v="KY"/>
    <s v="202206"/>
    <x v="2"/>
    <x v="0"/>
    <x v="0"/>
    <x v="0"/>
    <x v="1"/>
    <n v="0"/>
    <n v="-0.59"/>
  </r>
  <r>
    <s v="03"/>
    <s v="KY"/>
    <s v="KY"/>
    <s v="202206"/>
    <x v="2"/>
    <x v="0"/>
    <x v="0"/>
    <x v="1"/>
    <x v="1"/>
    <n v="0"/>
    <n v="-2.17"/>
  </r>
  <r>
    <s v="03"/>
    <s v="KY"/>
    <s v="KY"/>
    <s v="202206"/>
    <x v="2"/>
    <x v="0"/>
    <x v="0"/>
    <x v="1"/>
    <x v="7"/>
    <n v="0"/>
    <n v="-0.43"/>
  </r>
  <r>
    <s v="03"/>
    <s v="KY"/>
    <s v="KY"/>
    <s v="202206"/>
    <x v="2"/>
    <x v="0"/>
    <x v="0"/>
    <x v="2"/>
    <x v="15"/>
    <n v="0"/>
    <n v="-105.44"/>
  </r>
  <r>
    <s v="03"/>
    <s v="KY"/>
    <s v="KY"/>
    <s v="202206"/>
    <x v="2"/>
    <x v="0"/>
    <x v="0"/>
    <x v="2"/>
    <x v="17"/>
    <n v="0"/>
    <n v="-253.8"/>
  </r>
  <r>
    <s v="03"/>
    <s v="KY"/>
    <s v="KY"/>
    <s v="202206"/>
    <x v="2"/>
    <x v="0"/>
    <x v="0"/>
    <x v="3"/>
    <x v="17"/>
    <n v="0"/>
    <n v="-9.23"/>
  </r>
  <r>
    <s v="03"/>
    <s v="KY"/>
    <s v="KY"/>
    <s v="202207"/>
    <x v="0"/>
    <x v="0"/>
    <x v="0"/>
    <x v="0"/>
    <x v="44"/>
    <n v="0"/>
    <n v="-0.73"/>
  </r>
  <r>
    <s v="03"/>
    <s v="KY"/>
    <s v="KY"/>
    <s v="202207"/>
    <x v="0"/>
    <x v="0"/>
    <x v="0"/>
    <x v="0"/>
    <x v="0"/>
    <n v="0"/>
    <n v="-31.22"/>
  </r>
  <r>
    <s v="03"/>
    <s v="KY"/>
    <s v="KY"/>
    <s v="202207"/>
    <x v="0"/>
    <x v="0"/>
    <x v="0"/>
    <x v="0"/>
    <x v="1"/>
    <n v="0"/>
    <n v="-16.93"/>
  </r>
  <r>
    <s v="03"/>
    <s v="KY"/>
    <s v="KY"/>
    <s v="202207"/>
    <x v="0"/>
    <x v="0"/>
    <x v="0"/>
    <x v="0"/>
    <x v="9"/>
    <n v="0"/>
    <n v="-2.4700000000000002"/>
  </r>
  <r>
    <s v="03"/>
    <s v="KY"/>
    <s v="KY"/>
    <s v="202207"/>
    <x v="0"/>
    <x v="0"/>
    <x v="0"/>
    <x v="0"/>
    <x v="2"/>
    <n v="0"/>
    <n v="-32.89"/>
  </r>
  <r>
    <s v="03"/>
    <s v="KY"/>
    <s v="KY"/>
    <s v="202207"/>
    <x v="0"/>
    <x v="0"/>
    <x v="0"/>
    <x v="0"/>
    <x v="3"/>
    <n v="0"/>
    <n v="-11.81"/>
  </r>
  <r>
    <s v="03"/>
    <s v="KY"/>
    <s v="KY"/>
    <s v="202207"/>
    <x v="0"/>
    <x v="0"/>
    <x v="0"/>
    <x v="0"/>
    <x v="4"/>
    <n v="0"/>
    <n v="-2.0699999999999998"/>
  </r>
  <r>
    <s v="03"/>
    <s v="KY"/>
    <s v="KY"/>
    <s v="202207"/>
    <x v="0"/>
    <x v="0"/>
    <x v="0"/>
    <x v="0"/>
    <x v="5"/>
    <n v="0"/>
    <n v="-3.18"/>
  </r>
  <r>
    <s v="03"/>
    <s v="KY"/>
    <s v="KY"/>
    <s v="202207"/>
    <x v="0"/>
    <x v="0"/>
    <x v="0"/>
    <x v="0"/>
    <x v="6"/>
    <n v="0"/>
    <n v="-22.46"/>
  </r>
  <r>
    <s v="03"/>
    <s v="KY"/>
    <s v="KY"/>
    <s v="202207"/>
    <x v="0"/>
    <x v="0"/>
    <x v="0"/>
    <x v="0"/>
    <x v="7"/>
    <n v="0"/>
    <n v="-7.56"/>
  </r>
  <r>
    <s v="03"/>
    <s v="KY"/>
    <s v="KY"/>
    <s v="202207"/>
    <x v="0"/>
    <x v="0"/>
    <x v="0"/>
    <x v="1"/>
    <x v="0"/>
    <n v="0"/>
    <n v="-25.16"/>
  </r>
  <r>
    <s v="03"/>
    <s v="KY"/>
    <s v="KY"/>
    <s v="202207"/>
    <x v="0"/>
    <x v="0"/>
    <x v="0"/>
    <x v="1"/>
    <x v="1"/>
    <n v="0"/>
    <n v="-36.72"/>
  </r>
  <r>
    <s v="03"/>
    <s v="KY"/>
    <s v="KY"/>
    <s v="202207"/>
    <x v="0"/>
    <x v="0"/>
    <x v="0"/>
    <x v="1"/>
    <x v="9"/>
    <n v="0"/>
    <n v="-1.66"/>
  </r>
  <r>
    <s v="03"/>
    <s v="KY"/>
    <s v="KY"/>
    <s v="202207"/>
    <x v="0"/>
    <x v="0"/>
    <x v="0"/>
    <x v="1"/>
    <x v="2"/>
    <n v="0"/>
    <n v="-17.09"/>
  </r>
  <r>
    <s v="03"/>
    <s v="KY"/>
    <s v="KY"/>
    <s v="202207"/>
    <x v="0"/>
    <x v="0"/>
    <x v="0"/>
    <x v="1"/>
    <x v="3"/>
    <n v="0"/>
    <n v="-0.92"/>
  </r>
  <r>
    <s v="03"/>
    <s v="KY"/>
    <s v="KY"/>
    <s v="202207"/>
    <x v="0"/>
    <x v="0"/>
    <x v="0"/>
    <x v="1"/>
    <x v="4"/>
    <n v="0"/>
    <n v="-1.02"/>
  </r>
  <r>
    <s v="03"/>
    <s v="KY"/>
    <s v="KY"/>
    <s v="202207"/>
    <x v="0"/>
    <x v="0"/>
    <x v="0"/>
    <x v="1"/>
    <x v="5"/>
    <n v="0"/>
    <n v="-1.96"/>
  </r>
  <r>
    <s v="03"/>
    <s v="KY"/>
    <s v="KY"/>
    <s v="202207"/>
    <x v="0"/>
    <x v="0"/>
    <x v="0"/>
    <x v="1"/>
    <x v="8"/>
    <n v="0"/>
    <n v="-3.9"/>
  </r>
  <r>
    <s v="03"/>
    <s v="KY"/>
    <s v="KY"/>
    <s v="202207"/>
    <x v="0"/>
    <x v="0"/>
    <x v="0"/>
    <x v="1"/>
    <x v="6"/>
    <n v="0"/>
    <n v="-20.13"/>
  </r>
  <r>
    <s v="03"/>
    <s v="KY"/>
    <s v="KY"/>
    <s v="202207"/>
    <x v="0"/>
    <x v="0"/>
    <x v="0"/>
    <x v="1"/>
    <x v="11"/>
    <n v="0"/>
    <n v="-1.63"/>
  </r>
  <r>
    <s v="03"/>
    <s v="KY"/>
    <s v="KY"/>
    <s v="202207"/>
    <x v="0"/>
    <x v="0"/>
    <x v="0"/>
    <x v="1"/>
    <x v="7"/>
    <n v="0"/>
    <n v="-3.91"/>
  </r>
  <r>
    <s v="03"/>
    <s v="KY"/>
    <s v="KY"/>
    <s v="202207"/>
    <x v="0"/>
    <x v="0"/>
    <x v="0"/>
    <x v="2"/>
    <x v="9"/>
    <n v="0"/>
    <n v="-7.76"/>
  </r>
  <r>
    <s v="03"/>
    <s v="KY"/>
    <s v="KY"/>
    <s v="202207"/>
    <x v="0"/>
    <x v="0"/>
    <x v="0"/>
    <x v="2"/>
    <x v="2"/>
    <n v="0"/>
    <n v="-46.15"/>
  </r>
  <r>
    <s v="03"/>
    <s v="KY"/>
    <s v="KY"/>
    <s v="202207"/>
    <x v="0"/>
    <x v="0"/>
    <x v="0"/>
    <x v="2"/>
    <x v="10"/>
    <n v="0"/>
    <n v="-4.88"/>
  </r>
  <r>
    <s v="03"/>
    <s v="KY"/>
    <s v="KY"/>
    <s v="202207"/>
    <x v="0"/>
    <x v="0"/>
    <x v="0"/>
    <x v="2"/>
    <x v="3"/>
    <n v="0"/>
    <n v="-75.06"/>
  </r>
  <r>
    <s v="03"/>
    <s v="KY"/>
    <s v="KY"/>
    <s v="202207"/>
    <x v="0"/>
    <x v="0"/>
    <x v="0"/>
    <x v="2"/>
    <x v="4"/>
    <n v="0"/>
    <n v="-36.659999999999997"/>
  </r>
  <r>
    <s v="03"/>
    <s v="KY"/>
    <s v="KY"/>
    <s v="202207"/>
    <x v="0"/>
    <x v="0"/>
    <x v="0"/>
    <x v="2"/>
    <x v="5"/>
    <n v="0"/>
    <n v="-150.30000000000001"/>
  </r>
  <r>
    <s v="03"/>
    <s v="KY"/>
    <s v="KY"/>
    <s v="202207"/>
    <x v="0"/>
    <x v="0"/>
    <x v="0"/>
    <x v="2"/>
    <x v="8"/>
    <n v="0"/>
    <n v="-23.7"/>
  </r>
  <r>
    <s v="03"/>
    <s v="KY"/>
    <s v="KY"/>
    <s v="202207"/>
    <x v="0"/>
    <x v="0"/>
    <x v="0"/>
    <x v="2"/>
    <x v="6"/>
    <n v="0"/>
    <n v="-52.21"/>
  </r>
  <r>
    <s v="03"/>
    <s v="KY"/>
    <s v="KY"/>
    <s v="202207"/>
    <x v="0"/>
    <x v="0"/>
    <x v="0"/>
    <x v="2"/>
    <x v="11"/>
    <n v="0"/>
    <n v="-39.869999999999997"/>
  </r>
  <r>
    <s v="03"/>
    <s v="KY"/>
    <s v="KY"/>
    <s v="202207"/>
    <x v="0"/>
    <x v="0"/>
    <x v="0"/>
    <x v="2"/>
    <x v="12"/>
    <n v="0"/>
    <n v="-17.010000000000002"/>
  </r>
  <r>
    <s v="03"/>
    <s v="KY"/>
    <s v="KY"/>
    <s v="202207"/>
    <x v="0"/>
    <x v="0"/>
    <x v="0"/>
    <x v="2"/>
    <x v="13"/>
    <n v="0"/>
    <n v="-19.37"/>
  </r>
  <r>
    <s v="03"/>
    <s v="KY"/>
    <s v="KY"/>
    <s v="202207"/>
    <x v="0"/>
    <x v="0"/>
    <x v="0"/>
    <x v="2"/>
    <x v="7"/>
    <n v="0"/>
    <n v="-6.64"/>
  </r>
  <r>
    <s v="03"/>
    <s v="KY"/>
    <s v="KY"/>
    <s v="202207"/>
    <x v="0"/>
    <x v="0"/>
    <x v="0"/>
    <x v="2"/>
    <x v="45"/>
    <n v="0"/>
    <n v="-0.66"/>
  </r>
  <r>
    <s v="03"/>
    <s v="KY"/>
    <s v="KY"/>
    <s v="202207"/>
    <x v="0"/>
    <x v="0"/>
    <x v="0"/>
    <x v="2"/>
    <x v="14"/>
    <n v="0"/>
    <n v="-29.19"/>
  </r>
  <r>
    <s v="03"/>
    <s v="KY"/>
    <s v="KY"/>
    <s v="202207"/>
    <x v="0"/>
    <x v="0"/>
    <x v="0"/>
    <x v="2"/>
    <x v="15"/>
    <n v="0"/>
    <n v="-7624.43"/>
  </r>
  <r>
    <s v="03"/>
    <s v="KY"/>
    <s v="KY"/>
    <s v="202207"/>
    <x v="0"/>
    <x v="0"/>
    <x v="0"/>
    <x v="2"/>
    <x v="16"/>
    <n v="0"/>
    <n v="-217.92"/>
  </r>
  <r>
    <s v="03"/>
    <s v="KY"/>
    <s v="KY"/>
    <s v="202207"/>
    <x v="0"/>
    <x v="0"/>
    <x v="0"/>
    <x v="2"/>
    <x v="17"/>
    <n v="0"/>
    <n v="-15243.9"/>
  </r>
  <r>
    <s v="03"/>
    <s v="KY"/>
    <s v="KY"/>
    <s v="202207"/>
    <x v="0"/>
    <x v="0"/>
    <x v="0"/>
    <x v="2"/>
    <x v="35"/>
    <n v="0"/>
    <n v="-31.72"/>
  </r>
  <r>
    <s v="03"/>
    <s v="KY"/>
    <s v="KY"/>
    <s v="202207"/>
    <x v="0"/>
    <x v="0"/>
    <x v="0"/>
    <x v="2"/>
    <x v="20"/>
    <n v="0"/>
    <n v="-146.87"/>
  </r>
  <r>
    <s v="03"/>
    <s v="KY"/>
    <s v="KY"/>
    <s v="202207"/>
    <x v="0"/>
    <x v="0"/>
    <x v="0"/>
    <x v="2"/>
    <x v="21"/>
    <n v="0"/>
    <n v="-10063.01"/>
  </r>
  <r>
    <s v="03"/>
    <s v="KY"/>
    <s v="KY"/>
    <s v="202207"/>
    <x v="0"/>
    <x v="0"/>
    <x v="0"/>
    <x v="2"/>
    <x v="27"/>
    <n v="0"/>
    <n v="-1860.67"/>
  </r>
  <r>
    <s v="03"/>
    <s v="KY"/>
    <s v="KY"/>
    <s v="202207"/>
    <x v="0"/>
    <x v="0"/>
    <x v="0"/>
    <x v="2"/>
    <x v="23"/>
    <n v="0"/>
    <n v="-4544.46"/>
  </r>
  <r>
    <s v="03"/>
    <s v="KY"/>
    <s v="KY"/>
    <s v="202207"/>
    <x v="0"/>
    <x v="0"/>
    <x v="0"/>
    <x v="3"/>
    <x v="2"/>
    <n v="0"/>
    <n v="-20.13"/>
  </r>
  <r>
    <s v="03"/>
    <s v="KY"/>
    <s v="KY"/>
    <s v="202207"/>
    <x v="0"/>
    <x v="0"/>
    <x v="0"/>
    <x v="3"/>
    <x v="10"/>
    <n v="0"/>
    <n v="-1.58"/>
  </r>
  <r>
    <s v="03"/>
    <s v="KY"/>
    <s v="KY"/>
    <s v="202207"/>
    <x v="0"/>
    <x v="0"/>
    <x v="0"/>
    <x v="3"/>
    <x v="3"/>
    <n v="0"/>
    <n v="-0.97"/>
  </r>
  <r>
    <s v="03"/>
    <s v="KY"/>
    <s v="KY"/>
    <s v="202207"/>
    <x v="0"/>
    <x v="0"/>
    <x v="0"/>
    <x v="3"/>
    <x v="32"/>
    <n v="0"/>
    <n v="-19.23"/>
  </r>
  <r>
    <s v="03"/>
    <s v="KY"/>
    <s v="KY"/>
    <s v="202207"/>
    <x v="0"/>
    <x v="0"/>
    <x v="0"/>
    <x v="3"/>
    <x v="4"/>
    <n v="0"/>
    <n v="-7.02"/>
  </r>
  <r>
    <s v="03"/>
    <s v="KY"/>
    <s v="KY"/>
    <s v="202207"/>
    <x v="0"/>
    <x v="0"/>
    <x v="0"/>
    <x v="3"/>
    <x v="5"/>
    <n v="0"/>
    <n v="-52.66"/>
  </r>
  <r>
    <s v="03"/>
    <s v="KY"/>
    <s v="KY"/>
    <s v="202207"/>
    <x v="0"/>
    <x v="0"/>
    <x v="0"/>
    <x v="3"/>
    <x v="6"/>
    <n v="0"/>
    <n v="-1.95"/>
  </r>
  <r>
    <s v="03"/>
    <s v="KY"/>
    <s v="KY"/>
    <s v="202207"/>
    <x v="0"/>
    <x v="0"/>
    <x v="0"/>
    <x v="3"/>
    <x v="11"/>
    <n v="0"/>
    <n v="-8.5500000000000007"/>
  </r>
  <r>
    <s v="03"/>
    <s v="KY"/>
    <s v="KY"/>
    <s v="202207"/>
    <x v="0"/>
    <x v="0"/>
    <x v="0"/>
    <x v="3"/>
    <x v="7"/>
    <n v="0"/>
    <n v="-2.31"/>
  </r>
  <r>
    <s v="03"/>
    <s v="KY"/>
    <s v="KY"/>
    <s v="202207"/>
    <x v="0"/>
    <x v="0"/>
    <x v="0"/>
    <x v="3"/>
    <x v="15"/>
    <n v="0"/>
    <n v="-1619.81"/>
  </r>
  <r>
    <s v="03"/>
    <s v="KY"/>
    <s v="KY"/>
    <s v="202207"/>
    <x v="0"/>
    <x v="0"/>
    <x v="0"/>
    <x v="3"/>
    <x v="17"/>
    <n v="0"/>
    <n v="-7772.69"/>
  </r>
  <r>
    <s v="03"/>
    <s v="KY"/>
    <s v="KY"/>
    <s v="202207"/>
    <x v="0"/>
    <x v="0"/>
    <x v="0"/>
    <x v="3"/>
    <x v="35"/>
    <n v="0"/>
    <n v="-21.37"/>
  </r>
  <r>
    <s v="03"/>
    <s v="KY"/>
    <s v="KY"/>
    <s v="202207"/>
    <x v="0"/>
    <x v="0"/>
    <x v="0"/>
    <x v="3"/>
    <x v="24"/>
    <n v="0"/>
    <n v="-114.27"/>
  </r>
  <r>
    <s v="03"/>
    <s v="KY"/>
    <s v="KY"/>
    <s v="202207"/>
    <x v="0"/>
    <x v="0"/>
    <x v="0"/>
    <x v="3"/>
    <x v="19"/>
    <n v="0"/>
    <n v="-2.77"/>
  </r>
  <r>
    <s v="03"/>
    <s v="KY"/>
    <s v="KY"/>
    <s v="202207"/>
    <x v="0"/>
    <x v="0"/>
    <x v="0"/>
    <x v="3"/>
    <x v="20"/>
    <n v="0"/>
    <n v="-124.08"/>
  </r>
  <r>
    <s v="03"/>
    <s v="KY"/>
    <s v="KY"/>
    <s v="202207"/>
    <x v="0"/>
    <x v="0"/>
    <x v="0"/>
    <x v="3"/>
    <x v="21"/>
    <n v="0"/>
    <n v="-4181.37"/>
  </r>
  <r>
    <s v="03"/>
    <s v="KY"/>
    <s v="KY"/>
    <s v="202207"/>
    <x v="0"/>
    <x v="0"/>
    <x v="0"/>
    <x v="3"/>
    <x v="26"/>
    <n v="0"/>
    <n v="-1099.1099999999999"/>
  </r>
  <r>
    <s v="03"/>
    <s v="KY"/>
    <s v="KY"/>
    <s v="202207"/>
    <x v="0"/>
    <x v="0"/>
    <x v="0"/>
    <x v="3"/>
    <x v="22"/>
    <n v="0"/>
    <n v="-1172.26"/>
  </r>
  <r>
    <s v="03"/>
    <s v="KY"/>
    <s v="KY"/>
    <s v="202207"/>
    <x v="0"/>
    <x v="0"/>
    <x v="0"/>
    <x v="4"/>
    <x v="15"/>
    <n v="0"/>
    <n v="-144.43"/>
  </r>
  <r>
    <s v="03"/>
    <s v="KY"/>
    <s v="KY"/>
    <s v="202207"/>
    <x v="0"/>
    <x v="0"/>
    <x v="0"/>
    <x v="4"/>
    <x v="17"/>
    <n v="0"/>
    <n v="-97.13"/>
  </r>
  <r>
    <s v="03"/>
    <s v="KY"/>
    <s v="KY"/>
    <s v="202207"/>
    <x v="0"/>
    <x v="0"/>
    <x v="0"/>
    <x v="4"/>
    <x v="43"/>
    <n v="0"/>
    <n v="-87.72"/>
  </r>
  <r>
    <s v="03"/>
    <s v="KY"/>
    <s v="KY"/>
    <s v="202207"/>
    <x v="0"/>
    <x v="0"/>
    <x v="0"/>
    <x v="5"/>
    <x v="3"/>
    <n v="0"/>
    <n v="-3.14"/>
  </r>
  <r>
    <s v="03"/>
    <s v="KY"/>
    <s v="KY"/>
    <s v="202207"/>
    <x v="0"/>
    <x v="0"/>
    <x v="0"/>
    <x v="5"/>
    <x v="15"/>
    <n v="0"/>
    <n v="-350.52"/>
  </r>
  <r>
    <s v="03"/>
    <s v="KY"/>
    <s v="KY"/>
    <s v="202207"/>
    <x v="0"/>
    <x v="0"/>
    <x v="0"/>
    <x v="5"/>
    <x v="17"/>
    <n v="0"/>
    <n v="-967.42"/>
  </r>
  <r>
    <s v="03"/>
    <s v="KY"/>
    <s v="KY"/>
    <s v="202207"/>
    <x v="0"/>
    <x v="0"/>
    <x v="0"/>
    <x v="5"/>
    <x v="25"/>
    <n v="0"/>
    <n v="-144.99"/>
  </r>
  <r>
    <s v="03"/>
    <s v="KY"/>
    <s v="KY"/>
    <s v="202207"/>
    <x v="0"/>
    <x v="0"/>
    <x v="0"/>
    <x v="5"/>
    <x v="21"/>
    <n v="0"/>
    <n v="-544.38"/>
  </r>
  <r>
    <s v="03"/>
    <s v="KY"/>
    <s v="KY"/>
    <s v="202207"/>
    <x v="0"/>
    <x v="0"/>
    <x v="0"/>
    <x v="5"/>
    <x v="26"/>
    <n v="0"/>
    <n v="-1940.94"/>
  </r>
  <r>
    <s v="03"/>
    <s v="KY"/>
    <s v="KY"/>
    <s v="202207"/>
    <x v="0"/>
    <x v="0"/>
    <x v="0"/>
    <x v="5"/>
    <x v="46"/>
    <n v="0"/>
    <n v="-7627.81"/>
  </r>
  <r>
    <s v="03"/>
    <s v="KY"/>
    <s v="KY"/>
    <s v="202207"/>
    <x v="0"/>
    <x v="0"/>
    <x v="0"/>
    <x v="5"/>
    <x v="27"/>
    <n v="0"/>
    <n v="-24004.19"/>
  </r>
  <r>
    <s v="03"/>
    <s v="KY"/>
    <s v="KY"/>
    <s v="202207"/>
    <x v="0"/>
    <x v="0"/>
    <x v="0"/>
    <x v="5"/>
    <x v="37"/>
    <n v="0"/>
    <n v="-4943.6400000000003"/>
  </r>
  <r>
    <s v="03"/>
    <s v="KY"/>
    <s v="KY"/>
    <s v="202207"/>
    <x v="0"/>
    <x v="0"/>
    <x v="0"/>
    <x v="6"/>
    <x v="15"/>
    <n v="0"/>
    <n v="-6.73"/>
  </r>
  <r>
    <s v="03"/>
    <s v="KY"/>
    <s v="KY"/>
    <s v="202207"/>
    <x v="0"/>
    <x v="0"/>
    <x v="0"/>
    <x v="6"/>
    <x v="17"/>
    <n v="0"/>
    <n v="-305.64"/>
  </r>
  <r>
    <s v="03"/>
    <s v="KY"/>
    <s v="KY"/>
    <s v="202207"/>
    <x v="0"/>
    <x v="0"/>
    <x v="0"/>
    <x v="6"/>
    <x v="21"/>
    <n v="0"/>
    <n v="-2396.9699999999998"/>
  </r>
  <r>
    <s v="03"/>
    <s v="KY"/>
    <s v="KY"/>
    <s v="202207"/>
    <x v="0"/>
    <x v="0"/>
    <x v="0"/>
    <x v="7"/>
    <x v="6"/>
    <n v="0"/>
    <n v="-0.77"/>
  </r>
  <r>
    <s v="03"/>
    <s v="KY"/>
    <s v="KY"/>
    <s v="202207"/>
    <x v="0"/>
    <x v="0"/>
    <x v="0"/>
    <x v="7"/>
    <x v="15"/>
    <n v="0"/>
    <n v="-31.24"/>
  </r>
  <r>
    <s v="03"/>
    <s v="KY"/>
    <s v="KY"/>
    <s v="202207"/>
    <x v="0"/>
    <x v="0"/>
    <x v="0"/>
    <x v="7"/>
    <x v="17"/>
    <n v="0"/>
    <n v="-101.66"/>
  </r>
  <r>
    <s v="03"/>
    <s v="KY"/>
    <s v="KY"/>
    <s v="202207"/>
    <x v="0"/>
    <x v="0"/>
    <x v="0"/>
    <x v="7"/>
    <x v="25"/>
    <n v="0"/>
    <n v="-15.33"/>
  </r>
  <r>
    <s v="03"/>
    <s v="KY"/>
    <s v="KY"/>
    <s v="202207"/>
    <x v="0"/>
    <x v="0"/>
    <x v="0"/>
    <x v="7"/>
    <x v="28"/>
    <n v="0"/>
    <n v="-288.36"/>
  </r>
  <r>
    <s v="03"/>
    <s v="KY"/>
    <s v="KY"/>
    <s v="202207"/>
    <x v="0"/>
    <x v="0"/>
    <x v="0"/>
    <x v="7"/>
    <x v="26"/>
    <n v="0"/>
    <n v="-1810.08"/>
  </r>
  <r>
    <s v="03"/>
    <s v="KY"/>
    <s v="KY"/>
    <s v="202207"/>
    <x v="0"/>
    <x v="0"/>
    <x v="0"/>
    <x v="7"/>
    <x v="39"/>
    <n v="0"/>
    <n v="-1821.19"/>
  </r>
  <r>
    <s v="03"/>
    <s v="KY"/>
    <s v="KY"/>
    <s v="202207"/>
    <x v="0"/>
    <x v="0"/>
    <x v="0"/>
    <x v="7"/>
    <x v="40"/>
    <n v="0"/>
    <n v="-2461.9"/>
  </r>
  <r>
    <s v="03"/>
    <s v="KY"/>
    <s v="KY"/>
    <s v="202207"/>
    <x v="0"/>
    <x v="0"/>
    <x v="0"/>
    <x v="7"/>
    <x v="27"/>
    <n v="0"/>
    <n v="-1716.35"/>
  </r>
  <r>
    <s v="03"/>
    <s v="KY"/>
    <s v="KY"/>
    <s v="202207"/>
    <x v="1"/>
    <x v="0"/>
    <x v="0"/>
    <x v="8"/>
    <x v="29"/>
    <n v="0"/>
    <n v="1571.32"/>
  </r>
  <r>
    <s v="03"/>
    <s v="KY"/>
    <s v="KY"/>
    <s v="202207"/>
    <x v="1"/>
    <x v="0"/>
    <x v="0"/>
    <x v="0"/>
    <x v="44"/>
    <n v="0"/>
    <n v="0.73"/>
  </r>
  <r>
    <s v="03"/>
    <s v="KY"/>
    <s v="KY"/>
    <s v="202207"/>
    <x v="1"/>
    <x v="0"/>
    <x v="0"/>
    <x v="0"/>
    <x v="0"/>
    <n v="0"/>
    <n v="305.97000000000003"/>
  </r>
  <r>
    <s v="03"/>
    <s v="KY"/>
    <s v="KY"/>
    <s v="202207"/>
    <x v="1"/>
    <x v="0"/>
    <x v="0"/>
    <x v="0"/>
    <x v="1"/>
    <n v="0"/>
    <n v="142.11000000000001"/>
  </r>
  <r>
    <s v="03"/>
    <s v="KY"/>
    <s v="KY"/>
    <s v="202207"/>
    <x v="1"/>
    <x v="0"/>
    <x v="0"/>
    <x v="0"/>
    <x v="9"/>
    <n v="0"/>
    <n v="14.3"/>
  </r>
  <r>
    <s v="03"/>
    <s v="KY"/>
    <s v="KY"/>
    <s v="202207"/>
    <x v="1"/>
    <x v="0"/>
    <x v="0"/>
    <x v="0"/>
    <x v="2"/>
    <n v="0"/>
    <n v="199.73"/>
  </r>
  <r>
    <s v="03"/>
    <s v="KY"/>
    <s v="KY"/>
    <s v="202207"/>
    <x v="1"/>
    <x v="0"/>
    <x v="0"/>
    <x v="0"/>
    <x v="3"/>
    <n v="0"/>
    <n v="21.35"/>
  </r>
  <r>
    <s v="03"/>
    <s v="KY"/>
    <s v="KY"/>
    <s v="202207"/>
    <x v="1"/>
    <x v="0"/>
    <x v="0"/>
    <x v="0"/>
    <x v="4"/>
    <n v="0"/>
    <n v="10.39"/>
  </r>
  <r>
    <s v="03"/>
    <s v="KY"/>
    <s v="KY"/>
    <s v="202207"/>
    <x v="1"/>
    <x v="0"/>
    <x v="0"/>
    <x v="0"/>
    <x v="5"/>
    <n v="0"/>
    <n v="12.52"/>
  </r>
  <r>
    <s v="03"/>
    <s v="KY"/>
    <s v="KY"/>
    <s v="202207"/>
    <x v="1"/>
    <x v="0"/>
    <x v="0"/>
    <x v="0"/>
    <x v="8"/>
    <n v="0"/>
    <n v="3.11"/>
  </r>
  <r>
    <s v="03"/>
    <s v="KY"/>
    <s v="KY"/>
    <s v="202207"/>
    <x v="1"/>
    <x v="0"/>
    <x v="0"/>
    <x v="0"/>
    <x v="6"/>
    <n v="0"/>
    <n v="112.62"/>
  </r>
  <r>
    <s v="03"/>
    <s v="KY"/>
    <s v="KY"/>
    <s v="202207"/>
    <x v="1"/>
    <x v="0"/>
    <x v="0"/>
    <x v="0"/>
    <x v="11"/>
    <n v="0"/>
    <n v="1.58"/>
  </r>
  <r>
    <s v="03"/>
    <s v="KY"/>
    <s v="KY"/>
    <s v="202207"/>
    <x v="1"/>
    <x v="0"/>
    <x v="0"/>
    <x v="0"/>
    <x v="7"/>
    <n v="0"/>
    <n v="39.08"/>
  </r>
  <r>
    <s v="03"/>
    <s v="KY"/>
    <s v="KY"/>
    <s v="202207"/>
    <x v="1"/>
    <x v="0"/>
    <x v="0"/>
    <x v="1"/>
    <x v="0"/>
    <n v="0"/>
    <n v="336.96"/>
  </r>
  <r>
    <s v="03"/>
    <s v="KY"/>
    <s v="KY"/>
    <s v="202207"/>
    <x v="1"/>
    <x v="0"/>
    <x v="0"/>
    <x v="1"/>
    <x v="1"/>
    <n v="0"/>
    <n v="613"/>
  </r>
  <r>
    <s v="03"/>
    <s v="KY"/>
    <s v="KY"/>
    <s v="202207"/>
    <x v="1"/>
    <x v="0"/>
    <x v="0"/>
    <x v="1"/>
    <x v="41"/>
    <n v="0"/>
    <n v="0.63"/>
  </r>
  <r>
    <s v="03"/>
    <s v="KY"/>
    <s v="KY"/>
    <s v="202207"/>
    <x v="1"/>
    <x v="0"/>
    <x v="0"/>
    <x v="1"/>
    <x v="9"/>
    <n v="0"/>
    <n v="3.48"/>
  </r>
  <r>
    <s v="03"/>
    <s v="KY"/>
    <s v="KY"/>
    <s v="202207"/>
    <x v="1"/>
    <x v="0"/>
    <x v="0"/>
    <x v="1"/>
    <x v="2"/>
    <n v="0"/>
    <n v="127.41"/>
  </r>
  <r>
    <s v="03"/>
    <s v="KY"/>
    <s v="KY"/>
    <s v="202207"/>
    <x v="1"/>
    <x v="0"/>
    <x v="0"/>
    <x v="1"/>
    <x v="3"/>
    <n v="0"/>
    <n v="9.34"/>
  </r>
  <r>
    <s v="03"/>
    <s v="KY"/>
    <s v="KY"/>
    <s v="202207"/>
    <x v="1"/>
    <x v="0"/>
    <x v="0"/>
    <x v="1"/>
    <x v="4"/>
    <n v="0"/>
    <n v="5.17"/>
  </r>
  <r>
    <s v="03"/>
    <s v="KY"/>
    <s v="KY"/>
    <s v="202207"/>
    <x v="1"/>
    <x v="0"/>
    <x v="0"/>
    <x v="1"/>
    <x v="5"/>
    <n v="0"/>
    <n v="13.25"/>
  </r>
  <r>
    <s v="03"/>
    <s v="KY"/>
    <s v="KY"/>
    <s v="202207"/>
    <x v="1"/>
    <x v="0"/>
    <x v="0"/>
    <x v="1"/>
    <x v="8"/>
    <n v="0"/>
    <n v="10.63"/>
  </r>
  <r>
    <s v="03"/>
    <s v="KY"/>
    <s v="KY"/>
    <s v="202207"/>
    <x v="1"/>
    <x v="0"/>
    <x v="0"/>
    <x v="1"/>
    <x v="6"/>
    <n v="0"/>
    <n v="105.46"/>
  </r>
  <r>
    <s v="03"/>
    <s v="KY"/>
    <s v="KY"/>
    <s v="202207"/>
    <x v="1"/>
    <x v="0"/>
    <x v="0"/>
    <x v="1"/>
    <x v="11"/>
    <n v="0"/>
    <n v="1.63"/>
  </r>
  <r>
    <s v="03"/>
    <s v="KY"/>
    <s v="KY"/>
    <s v="202207"/>
    <x v="1"/>
    <x v="0"/>
    <x v="0"/>
    <x v="1"/>
    <x v="7"/>
    <n v="0"/>
    <n v="22.29"/>
  </r>
  <r>
    <s v="03"/>
    <s v="KY"/>
    <s v="KY"/>
    <s v="202207"/>
    <x v="1"/>
    <x v="0"/>
    <x v="0"/>
    <x v="2"/>
    <x v="9"/>
    <n v="0"/>
    <n v="19.09"/>
  </r>
  <r>
    <s v="03"/>
    <s v="KY"/>
    <s v="KY"/>
    <s v="202207"/>
    <x v="1"/>
    <x v="0"/>
    <x v="0"/>
    <x v="2"/>
    <x v="2"/>
    <n v="0"/>
    <n v="109.66"/>
  </r>
  <r>
    <s v="03"/>
    <s v="KY"/>
    <s v="KY"/>
    <s v="202207"/>
    <x v="1"/>
    <x v="0"/>
    <x v="0"/>
    <x v="2"/>
    <x v="10"/>
    <n v="0"/>
    <n v="9.58"/>
  </r>
  <r>
    <s v="03"/>
    <s v="KY"/>
    <s v="KY"/>
    <s v="202207"/>
    <x v="1"/>
    <x v="0"/>
    <x v="0"/>
    <x v="2"/>
    <x v="3"/>
    <n v="0"/>
    <n v="99.27"/>
  </r>
  <r>
    <s v="03"/>
    <s v="KY"/>
    <s v="KY"/>
    <s v="202207"/>
    <x v="1"/>
    <x v="0"/>
    <x v="0"/>
    <x v="2"/>
    <x v="32"/>
    <n v="0"/>
    <n v="4.9800000000000004"/>
  </r>
  <r>
    <s v="03"/>
    <s v="KY"/>
    <s v="KY"/>
    <s v="202207"/>
    <x v="1"/>
    <x v="0"/>
    <x v="0"/>
    <x v="2"/>
    <x v="4"/>
    <n v="0"/>
    <n v="79.37"/>
  </r>
  <r>
    <s v="03"/>
    <s v="KY"/>
    <s v="KY"/>
    <s v="202207"/>
    <x v="1"/>
    <x v="0"/>
    <x v="0"/>
    <x v="2"/>
    <x v="5"/>
    <n v="0"/>
    <n v="328.9"/>
  </r>
  <r>
    <s v="03"/>
    <s v="KY"/>
    <s v="KY"/>
    <s v="202207"/>
    <x v="1"/>
    <x v="0"/>
    <x v="0"/>
    <x v="2"/>
    <x v="33"/>
    <n v="0"/>
    <n v="2.69"/>
  </r>
  <r>
    <s v="03"/>
    <s v="KY"/>
    <s v="KY"/>
    <s v="202207"/>
    <x v="1"/>
    <x v="0"/>
    <x v="0"/>
    <x v="2"/>
    <x v="8"/>
    <n v="0"/>
    <n v="94.3"/>
  </r>
  <r>
    <s v="03"/>
    <s v="KY"/>
    <s v="KY"/>
    <s v="202207"/>
    <x v="1"/>
    <x v="0"/>
    <x v="0"/>
    <x v="2"/>
    <x v="6"/>
    <n v="0"/>
    <n v="147.51"/>
  </r>
  <r>
    <s v="03"/>
    <s v="KY"/>
    <s v="KY"/>
    <s v="202207"/>
    <x v="1"/>
    <x v="0"/>
    <x v="0"/>
    <x v="2"/>
    <x v="11"/>
    <n v="0"/>
    <n v="74.05"/>
  </r>
  <r>
    <s v="03"/>
    <s v="KY"/>
    <s v="KY"/>
    <s v="202207"/>
    <x v="1"/>
    <x v="0"/>
    <x v="0"/>
    <x v="2"/>
    <x v="12"/>
    <n v="0"/>
    <n v="17.010000000000002"/>
  </r>
  <r>
    <s v="03"/>
    <s v="KY"/>
    <s v="KY"/>
    <s v="202207"/>
    <x v="1"/>
    <x v="0"/>
    <x v="0"/>
    <x v="2"/>
    <x v="13"/>
    <n v="0"/>
    <n v="46.4"/>
  </r>
  <r>
    <s v="03"/>
    <s v="KY"/>
    <s v="KY"/>
    <s v="202207"/>
    <x v="1"/>
    <x v="0"/>
    <x v="0"/>
    <x v="2"/>
    <x v="7"/>
    <n v="0"/>
    <n v="23.02"/>
  </r>
  <r>
    <s v="03"/>
    <s v="KY"/>
    <s v="KY"/>
    <s v="202207"/>
    <x v="1"/>
    <x v="0"/>
    <x v="0"/>
    <x v="2"/>
    <x v="45"/>
    <n v="0"/>
    <n v="0.66"/>
  </r>
  <r>
    <s v="03"/>
    <s v="KY"/>
    <s v="KY"/>
    <s v="202207"/>
    <x v="1"/>
    <x v="0"/>
    <x v="0"/>
    <x v="2"/>
    <x v="14"/>
    <n v="0"/>
    <n v="64.599999999999994"/>
  </r>
  <r>
    <s v="03"/>
    <s v="KY"/>
    <s v="KY"/>
    <s v="202207"/>
    <x v="1"/>
    <x v="0"/>
    <x v="0"/>
    <x v="2"/>
    <x v="15"/>
    <n v="0"/>
    <n v="31490.61"/>
  </r>
  <r>
    <s v="03"/>
    <s v="KY"/>
    <s v="KY"/>
    <s v="202207"/>
    <x v="1"/>
    <x v="0"/>
    <x v="0"/>
    <x v="2"/>
    <x v="34"/>
    <n v="0"/>
    <n v="3.54"/>
  </r>
  <r>
    <s v="03"/>
    <s v="KY"/>
    <s v="KY"/>
    <s v="202207"/>
    <x v="1"/>
    <x v="0"/>
    <x v="0"/>
    <x v="2"/>
    <x v="16"/>
    <n v="0"/>
    <n v="502.33"/>
  </r>
  <r>
    <s v="03"/>
    <s v="KY"/>
    <s v="KY"/>
    <s v="202207"/>
    <x v="1"/>
    <x v="0"/>
    <x v="0"/>
    <x v="2"/>
    <x v="42"/>
    <n v="0"/>
    <n v="13.54"/>
  </r>
  <r>
    <s v="03"/>
    <s v="KY"/>
    <s v="KY"/>
    <s v="202207"/>
    <x v="1"/>
    <x v="0"/>
    <x v="0"/>
    <x v="2"/>
    <x v="17"/>
    <n v="0"/>
    <n v="43227.89"/>
  </r>
  <r>
    <s v="03"/>
    <s v="KY"/>
    <s v="KY"/>
    <s v="202207"/>
    <x v="1"/>
    <x v="0"/>
    <x v="0"/>
    <x v="2"/>
    <x v="18"/>
    <n v="0"/>
    <n v="244.3"/>
  </r>
  <r>
    <s v="03"/>
    <s v="KY"/>
    <s v="KY"/>
    <s v="202207"/>
    <x v="1"/>
    <x v="0"/>
    <x v="0"/>
    <x v="2"/>
    <x v="35"/>
    <n v="0"/>
    <n v="52.49"/>
  </r>
  <r>
    <s v="03"/>
    <s v="KY"/>
    <s v="KY"/>
    <s v="202207"/>
    <x v="1"/>
    <x v="0"/>
    <x v="0"/>
    <x v="2"/>
    <x v="24"/>
    <n v="0"/>
    <n v="15.22"/>
  </r>
  <r>
    <s v="03"/>
    <s v="KY"/>
    <s v="KY"/>
    <s v="202207"/>
    <x v="1"/>
    <x v="0"/>
    <x v="0"/>
    <x v="2"/>
    <x v="19"/>
    <n v="0"/>
    <n v="31.88"/>
  </r>
  <r>
    <s v="03"/>
    <s v="KY"/>
    <s v="KY"/>
    <s v="202207"/>
    <x v="1"/>
    <x v="0"/>
    <x v="0"/>
    <x v="2"/>
    <x v="20"/>
    <n v="0"/>
    <n v="172.25"/>
  </r>
  <r>
    <s v="03"/>
    <s v="KY"/>
    <s v="KY"/>
    <s v="202207"/>
    <x v="1"/>
    <x v="0"/>
    <x v="0"/>
    <x v="2"/>
    <x v="21"/>
    <n v="0"/>
    <n v="16861.45"/>
  </r>
  <r>
    <s v="03"/>
    <s v="KY"/>
    <s v="KY"/>
    <s v="202207"/>
    <x v="1"/>
    <x v="0"/>
    <x v="0"/>
    <x v="2"/>
    <x v="26"/>
    <n v="0"/>
    <n v="142.6"/>
  </r>
  <r>
    <s v="03"/>
    <s v="KY"/>
    <s v="KY"/>
    <s v="202207"/>
    <x v="1"/>
    <x v="0"/>
    <x v="0"/>
    <x v="2"/>
    <x v="36"/>
    <n v="0"/>
    <n v="4727.2700000000004"/>
  </r>
  <r>
    <s v="03"/>
    <s v="KY"/>
    <s v="KY"/>
    <s v="202207"/>
    <x v="1"/>
    <x v="0"/>
    <x v="0"/>
    <x v="2"/>
    <x v="27"/>
    <n v="0"/>
    <n v="1860.67"/>
  </r>
  <r>
    <s v="03"/>
    <s v="KY"/>
    <s v="KY"/>
    <s v="202207"/>
    <x v="1"/>
    <x v="0"/>
    <x v="0"/>
    <x v="2"/>
    <x v="23"/>
    <n v="0"/>
    <n v="15685.9"/>
  </r>
  <r>
    <s v="03"/>
    <s v="KY"/>
    <s v="KY"/>
    <s v="202207"/>
    <x v="1"/>
    <x v="0"/>
    <x v="0"/>
    <x v="3"/>
    <x v="2"/>
    <n v="0"/>
    <n v="44.58"/>
  </r>
  <r>
    <s v="03"/>
    <s v="KY"/>
    <s v="KY"/>
    <s v="202207"/>
    <x v="1"/>
    <x v="0"/>
    <x v="0"/>
    <x v="3"/>
    <x v="10"/>
    <n v="0"/>
    <n v="1.58"/>
  </r>
  <r>
    <s v="03"/>
    <s v="KY"/>
    <s v="KY"/>
    <s v="202207"/>
    <x v="1"/>
    <x v="0"/>
    <x v="0"/>
    <x v="3"/>
    <x v="3"/>
    <n v="0"/>
    <n v="16.98"/>
  </r>
  <r>
    <s v="03"/>
    <s v="KY"/>
    <s v="KY"/>
    <s v="202207"/>
    <x v="1"/>
    <x v="0"/>
    <x v="0"/>
    <x v="3"/>
    <x v="32"/>
    <n v="0"/>
    <n v="19.23"/>
  </r>
  <r>
    <s v="03"/>
    <s v="KY"/>
    <s v="KY"/>
    <s v="202207"/>
    <x v="1"/>
    <x v="0"/>
    <x v="0"/>
    <x v="3"/>
    <x v="4"/>
    <n v="0"/>
    <n v="13.5"/>
  </r>
  <r>
    <s v="03"/>
    <s v="KY"/>
    <s v="KY"/>
    <s v="202207"/>
    <x v="1"/>
    <x v="0"/>
    <x v="0"/>
    <x v="3"/>
    <x v="5"/>
    <n v="0"/>
    <n v="129.19"/>
  </r>
  <r>
    <s v="03"/>
    <s v="KY"/>
    <s v="KY"/>
    <s v="202207"/>
    <x v="1"/>
    <x v="0"/>
    <x v="0"/>
    <x v="3"/>
    <x v="6"/>
    <n v="0"/>
    <n v="18.18"/>
  </r>
  <r>
    <s v="03"/>
    <s v="KY"/>
    <s v="KY"/>
    <s v="202207"/>
    <x v="1"/>
    <x v="0"/>
    <x v="0"/>
    <x v="3"/>
    <x v="11"/>
    <n v="0"/>
    <n v="17.78"/>
  </r>
  <r>
    <s v="03"/>
    <s v="KY"/>
    <s v="KY"/>
    <s v="202207"/>
    <x v="1"/>
    <x v="0"/>
    <x v="0"/>
    <x v="3"/>
    <x v="7"/>
    <n v="0"/>
    <n v="2.77"/>
  </r>
  <r>
    <s v="03"/>
    <s v="KY"/>
    <s v="KY"/>
    <s v="202207"/>
    <x v="1"/>
    <x v="0"/>
    <x v="0"/>
    <x v="3"/>
    <x v="15"/>
    <n v="0"/>
    <n v="6478.48"/>
  </r>
  <r>
    <s v="03"/>
    <s v="KY"/>
    <s v="KY"/>
    <s v="202207"/>
    <x v="1"/>
    <x v="0"/>
    <x v="0"/>
    <x v="3"/>
    <x v="17"/>
    <n v="0"/>
    <n v="23514.560000000001"/>
  </r>
  <r>
    <s v="03"/>
    <s v="KY"/>
    <s v="KY"/>
    <s v="202207"/>
    <x v="1"/>
    <x v="0"/>
    <x v="0"/>
    <x v="3"/>
    <x v="18"/>
    <n v="0"/>
    <n v="285.61"/>
  </r>
  <r>
    <s v="03"/>
    <s v="KY"/>
    <s v="KY"/>
    <s v="202207"/>
    <x v="1"/>
    <x v="0"/>
    <x v="0"/>
    <x v="3"/>
    <x v="25"/>
    <n v="0"/>
    <n v="346.81"/>
  </r>
  <r>
    <s v="03"/>
    <s v="KY"/>
    <s v="KY"/>
    <s v="202207"/>
    <x v="1"/>
    <x v="0"/>
    <x v="0"/>
    <x v="3"/>
    <x v="35"/>
    <n v="0"/>
    <n v="32.18"/>
  </r>
  <r>
    <s v="03"/>
    <s v="KY"/>
    <s v="KY"/>
    <s v="202207"/>
    <x v="1"/>
    <x v="0"/>
    <x v="0"/>
    <x v="3"/>
    <x v="24"/>
    <n v="0"/>
    <n v="180.43"/>
  </r>
  <r>
    <s v="03"/>
    <s v="KY"/>
    <s v="KY"/>
    <s v="202207"/>
    <x v="1"/>
    <x v="0"/>
    <x v="0"/>
    <x v="3"/>
    <x v="19"/>
    <n v="0"/>
    <n v="29.94"/>
  </r>
  <r>
    <s v="03"/>
    <s v="KY"/>
    <s v="KY"/>
    <s v="202207"/>
    <x v="1"/>
    <x v="0"/>
    <x v="0"/>
    <x v="3"/>
    <x v="20"/>
    <n v="0"/>
    <n v="158.1"/>
  </r>
  <r>
    <s v="03"/>
    <s v="KY"/>
    <s v="KY"/>
    <s v="202207"/>
    <x v="1"/>
    <x v="0"/>
    <x v="0"/>
    <x v="3"/>
    <x v="21"/>
    <n v="0"/>
    <n v="10797.39"/>
  </r>
  <r>
    <s v="03"/>
    <s v="KY"/>
    <s v="KY"/>
    <s v="202207"/>
    <x v="1"/>
    <x v="0"/>
    <x v="0"/>
    <x v="3"/>
    <x v="26"/>
    <n v="0"/>
    <n v="1099.1099999999999"/>
  </r>
  <r>
    <s v="03"/>
    <s v="KY"/>
    <s v="KY"/>
    <s v="202207"/>
    <x v="1"/>
    <x v="0"/>
    <x v="0"/>
    <x v="3"/>
    <x v="38"/>
    <n v="0"/>
    <n v="583.57000000000005"/>
  </r>
  <r>
    <s v="03"/>
    <s v="KY"/>
    <s v="KY"/>
    <s v="202207"/>
    <x v="1"/>
    <x v="0"/>
    <x v="0"/>
    <x v="4"/>
    <x v="9"/>
    <n v="0"/>
    <n v="1.45"/>
  </r>
  <r>
    <s v="03"/>
    <s v="KY"/>
    <s v="KY"/>
    <s v="202207"/>
    <x v="1"/>
    <x v="0"/>
    <x v="0"/>
    <x v="4"/>
    <x v="2"/>
    <n v="0"/>
    <n v="10.199999999999999"/>
  </r>
  <r>
    <s v="03"/>
    <s v="KY"/>
    <s v="KY"/>
    <s v="202207"/>
    <x v="1"/>
    <x v="0"/>
    <x v="0"/>
    <x v="4"/>
    <x v="3"/>
    <n v="0"/>
    <n v="69.400000000000006"/>
  </r>
  <r>
    <s v="03"/>
    <s v="KY"/>
    <s v="KY"/>
    <s v="202207"/>
    <x v="1"/>
    <x v="0"/>
    <x v="0"/>
    <x v="4"/>
    <x v="4"/>
    <n v="0"/>
    <n v="13.59"/>
  </r>
  <r>
    <s v="03"/>
    <s v="KY"/>
    <s v="KY"/>
    <s v="202207"/>
    <x v="1"/>
    <x v="0"/>
    <x v="0"/>
    <x v="4"/>
    <x v="5"/>
    <n v="0"/>
    <n v="58.01"/>
  </r>
  <r>
    <s v="03"/>
    <s v="KY"/>
    <s v="KY"/>
    <s v="202207"/>
    <x v="1"/>
    <x v="0"/>
    <x v="0"/>
    <x v="4"/>
    <x v="6"/>
    <n v="0"/>
    <n v="6.48"/>
  </r>
  <r>
    <s v="03"/>
    <s v="KY"/>
    <s v="KY"/>
    <s v="202207"/>
    <x v="1"/>
    <x v="0"/>
    <x v="0"/>
    <x v="4"/>
    <x v="15"/>
    <n v="0"/>
    <n v="330.99"/>
  </r>
  <r>
    <s v="03"/>
    <s v="KY"/>
    <s v="KY"/>
    <s v="202207"/>
    <x v="1"/>
    <x v="0"/>
    <x v="0"/>
    <x v="4"/>
    <x v="17"/>
    <n v="0"/>
    <n v="685.04"/>
  </r>
  <r>
    <s v="03"/>
    <s v="KY"/>
    <s v="KY"/>
    <s v="202207"/>
    <x v="1"/>
    <x v="0"/>
    <x v="0"/>
    <x v="4"/>
    <x v="26"/>
    <n v="0"/>
    <n v="1158.7"/>
  </r>
  <r>
    <s v="03"/>
    <s v="KY"/>
    <s v="KY"/>
    <s v="202207"/>
    <x v="1"/>
    <x v="0"/>
    <x v="0"/>
    <x v="4"/>
    <x v="43"/>
    <n v="0"/>
    <n v="1221.26"/>
  </r>
  <r>
    <s v="03"/>
    <s v="KY"/>
    <s v="KY"/>
    <s v="202207"/>
    <x v="1"/>
    <x v="0"/>
    <x v="0"/>
    <x v="4"/>
    <x v="27"/>
    <n v="0"/>
    <n v="2963.85"/>
  </r>
  <r>
    <s v="03"/>
    <s v="KY"/>
    <s v="KY"/>
    <s v="202207"/>
    <x v="1"/>
    <x v="0"/>
    <x v="0"/>
    <x v="5"/>
    <x v="9"/>
    <n v="0"/>
    <n v="0.88"/>
  </r>
  <r>
    <s v="03"/>
    <s v="KY"/>
    <s v="KY"/>
    <s v="202207"/>
    <x v="1"/>
    <x v="0"/>
    <x v="0"/>
    <x v="5"/>
    <x v="2"/>
    <n v="0"/>
    <n v="7.88"/>
  </r>
  <r>
    <s v="03"/>
    <s v="KY"/>
    <s v="KY"/>
    <s v="202207"/>
    <x v="1"/>
    <x v="0"/>
    <x v="0"/>
    <x v="5"/>
    <x v="10"/>
    <n v="0"/>
    <n v="4.72"/>
  </r>
  <r>
    <s v="03"/>
    <s v="KY"/>
    <s v="KY"/>
    <s v="202207"/>
    <x v="1"/>
    <x v="0"/>
    <x v="0"/>
    <x v="5"/>
    <x v="3"/>
    <n v="0"/>
    <n v="4.1399999999999997"/>
  </r>
  <r>
    <s v="03"/>
    <s v="KY"/>
    <s v="KY"/>
    <s v="202207"/>
    <x v="1"/>
    <x v="0"/>
    <x v="0"/>
    <x v="5"/>
    <x v="4"/>
    <n v="0"/>
    <n v="2.71"/>
  </r>
  <r>
    <s v="03"/>
    <s v="KY"/>
    <s v="KY"/>
    <s v="202207"/>
    <x v="1"/>
    <x v="0"/>
    <x v="0"/>
    <x v="5"/>
    <x v="5"/>
    <n v="0"/>
    <n v="8.27"/>
  </r>
  <r>
    <s v="03"/>
    <s v="KY"/>
    <s v="KY"/>
    <s v="202207"/>
    <x v="1"/>
    <x v="0"/>
    <x v="0"/>
    <x v="5"/>
    <x v="6"/>
    <n v="0"/>
    <n v="0.8"/>
  </r>
  <r>
    <s v="03"/>
    <s v="KY"/>
    <s v="KY"/>
    <s v="202207"/>
    <x v="1"/>
    <x v="0"/>
    <x v="0"/>
    <x v="5"/>
    <x v="14"/>
    <n v="0"/>
    <n v="8.91"/>
  </r>
  <r>
    <s v="03"/>
    <s v="KY"/>
    <s v="KY"/>
    <s v="202207"/>
    <x v="1"/>
    <x v="0"/>
    <x v="0"/>
    <x v="5"/>
    <x v="15"/>
    <n v="0"/>
    <n v="1053.1300000000001"/>
  </r>
  <r>
    <s v="03"/>
    <s v="KY"/>
    <s v="KY"/>
    <s v="202207"/>
    <x v="1"/>
    <x v="0"/>
    <x v="0"/>
    <x v="5"/>
    <x v="17"/>
    <n v="0"/>
    <n v="4002.94"/>
  </r>
  <r>
    <s v="03"/>
    <s v="KY"/>
    <s v="KY"/>
    <s v="202207"/>
    <x v="1"/>
    <x v="0"/>
    <x v="0"/>
    <x v="5"/>
    <x v="18"/>
    <n v="0"/>
    <n v="72.150000000000006"/>
  </r>
  <r>
    <s v="03"/>
    <s v="KY"/>
    <s v="KY"/>
    <s v="202207"/>
    <x v="1"/>
    <x v="0"/>
    <x v="0"/>
    <x v="5"/>
    <x v="25"/>
    <n v="0"/>
    <n v="346.44"/>
  </r>
  <r>
    <s v="03"/>
    <s v="KY"/>
    <s v="KY"/>
    <s v="202207"/>
    <x v="1"/>
    <x v="0"/>
    <x v="0"/>
    <x v="5"/>
    <x v="21"/>
    <n v="0"/>
    <n v="1538.96"/>
  </r>
  <r>
    <s v="03"/>
    <s v="KY"/>
    <s v="KY"/>
    <s v="202207"/>
    <x v="1"/>
    <x v="0"/>
    <x v="0"/>
    <x v="5"/>
    <x v="26"/>
    <n v="0"/>
    <n v="7097.33"/>
  </r>
  <r>
    <s v="03"/>
    <s v="KY"/>
    <s v="KY"/>
    <s v="202207"/>
    <x v="1"/>
    <x v="0"/>
    <x v="0"/>
    <x v="5"/>
    <x v="46"/>
    <n v="0"/>
    <n v="7627.81"/>
  </r>
  <r>
    <s v="03"/>
    <s v="KY"/>
    <s v="KY"/>
    <s v="202207"/>
    <x v="1"/>
    <x v="0"/>
    <x v="0"/>
    <x v="5"/>
    <x v="27"/>
    <n v="0"/>
    <n v="24004.19"/>
  </r>
  <r>
    <s v="03"/>
    <s v="KY"/>
    <s v="KY"/>
    <s v="202207"/>
    <x v="1"/>
    <x v="0"/>
    <x v="0"/>
    <x v="5"/>
    <x v="37"/>
    <n v="0"/>
    <n v="6150.02"/>
  </r>
  <r>
    <s v="03"/>
    <s v="KY"/>
    <s v="KY"/>
    <s v="202207"/>
    <x v="1"/>
    <x v="0"/>
    <x v="0"/>
    <x v="6"/>
    <x v="6"/>
    <n v="0"/>
    <n v="5.27"/>
  </r>
  <r>
    <s v="03"/>
    <s v="KY"/>
    <s v="KY"/>
    <s v="202207"/>
    <x v="1"/>
    <x v="0"/>
    <x v="0"/>
    <x v="6"/>
    <x v="15"/>
    <n v="0"/>
    <n v="66.92"/>
  </r>
  <r>
    <s v="03"/>
    <s v="KY"/>
    <s v="KY"/>
    <s v="202207"/>
    <x v="1"/>
    <x v="0"/>
    <x v="0"/>
    <x v="6"/>
    <x v="17"/>
    <n v="0"/>
    <n v="239.33"/>
  </r>
  <r>
    <s v="03"/>
    <s v="KY"/>
    <s v="KY"/>
    <s v="202207"/>
    <x v="1"/>
    <x v="0"/>
    <x v="0"/>
    <x v="6"/>
    <x v="25"/>
    <n v="0"/>
    <n v="100.63"/>
  </r>
  <r>
    <s v="03"/>
    <s v="KY"/>
    <s v="KY"/>
    <s v="202207"/>
    <x v="1"/>
    <x v="0"/>
    <x v="0"/>
    <x v="6"/>
    <x v="21"/>
    <n v="0"/>
    <n v="2878.8"/>
  </r>
  <r>
    <s v="03"/>
    <s v="KY"/>
    <s v="KY"/>
    <s v="202207"/>
    <x v="1"/>
    <x v="0"/>
    <x v="0"/>
    <x v="6"/>
    <x v="26"/>
    <n v="0"/>
    <n v="1090.51"/>
  </r>
  <r>
    <s v="03"/>
    <s v="KY"/>
    <s v="KY"/>
    <s v="202207"/>
    <x v="1"/>
    <x v="0"/>
    <x v="0"/>
    <x v="7"/>
    <x v="2"/>
    <n v="0"/>
    <n v="0.66"/>
  </r>
  <r>
    <s v="03"/>
    <s v="KY"/>
    <s v="KY"/>
    <s v="202207"/>
    <x v="1"/>
    <x v="0"/>
    <x v="0"/>
    <x v="7"/>
    <x v="3"/>
    <n v="0"/>
    <n v="21.48"/>
  </r>
  <r>
    <s v="03"/>
    <s v="KY"/>
    <s v="KY"/>
    <s v="202207"/>
    <x v="1"/>
    <x v="0"/>
    <x v="0"/>
    <x v="7"/>
    <x v="4"/>
    <n v="0"/>
    <n v="1.08"/>
  </r>
  <r>
    <s v="03"/>
    <s v="KY"/>
    <s v="KY"/>
    <s v="202207"/>
    <x v="1"/>
    <x v="0"/>
    <x v="0"/>
    <x v="7"/>
    <x v="6"/>
    <n v="0"/>
    <n v="5.47"/>
  </r>
  <r>
    <s v="03"/>
    <s v="KY"/>
    <s v="KY"/>
    <s v="202207"/>
    <x v="1"/>
    <x v="0"/>
    <x v="0"/>
    <x v="7"/>
    <x v="15"/>
    <n v="0"/>
    <n v="79.36"/>
  </r>
  <r>
    <s v="03"/>
    <s v="KY"/>
    <s v="KY"/>
    <s v="202207"/>
    <x v="1"/>
    <x v="0"/>
    <x v="0"/>
    <x v="7"/>
    <x v="17"/>
    <n v="0"/>
    <n v="332.95"/>
  </r>
  <r>
    <s v="03"/>
    <s v="KY"/>
    <s v="KY"/>
    <s v="202207"/>
    <x v="1"/>
    <x v="0"/>
    <x v="0"/>
    <x v="7"/>
    <x v="18"/>
    <n v="0"/>
    <n v="9.26"/>
  </r>
  <r>
    <s v="03"/>
    <s v="KY"/>
    <s v="KY"/>
    <s v="202207"/>
    <x v="1"/>
    <x v="0"/>
    <x v="0"/>
    <x v="7"/>
    <x v="25"/>
    <n v="0"/>
    <n v="683.23"/>
  </r>
  <r>
    <s v="03"/>
    <s v="KY"/>
    <s v="KY"/>
    <s v="202207"/>
    <x v="1"/>
    <x v="0"/>
    <x v="0"/>
    <x v="7"/>
    <x v="28"/>
    <n v="0"/>
    <n v="288.36"/>
  </r>
  <r>
    <s v="03"/>
    <s v="KY"/>
    <s v="KY"/>
    <s v="202207"/>
    <x v="1"/>
    <x v="0"/>
    <x v="0"/>
    <x v="7"/>
    <x v="21"/>
    <n v="0"/>
    <n v="222.4"/>
  </r>
  <r>
    <s v="03"/>
    <s v="KY"/>
    <s v="KY"/>
    <s v="202207"/>
    <x v="1"/>
    <x v="0"/>
    <x v="0"/>
    <x v="7"/>
    <x v="26"/>
    <n v="0"/>
    <n v="11789.64"/>
  </r>
  <r>
    <s v="03"/>
    <s v="KY"/>
    <s v="KY"/>
    <s v="202207"/>
    <x v="1"/>
    <x v="0"/>
    <x v="0"/>
    <x v="7"/>
    <x v="22"/>
    <n v="0"/>
    <n v="973.2"/>
  </r>
  <r>
    <s v="03"/>
    <s v="KY"/>
    <s v="KY"/>
    <s v="202207"/>
    <x v="1"/>
    <x v="0"/>
    <x v="0"/>
    <x v="7"/>
    <x v="39"/>
    <n v="0"/>
    <n v="1821.19"/>
  </r>
  <r>
    <s v="03"/>
    <s v="KY"/>
    <s v="KY"/>
    <s v="202207"/>
    <x v="1"/>
    <x v="0"/>
    <x v="0"/>
    <x v="7"/>
    <x v="40"/>
    <n v="0"/>
    <n v="5941.2"/>
  </r>
  <r>
    <s v="03"/>
    <s v="KY"/>
    <s v="KY"/>
    <s v="202207"/>
    <x v="1"/>
    <x v="0"/>
    <x v="0"/>
    <x v="7"/>
    <x v="27"/>
    <n v="0"/>
    <n v="32764.36"/>
  </r>
  <r>
    <s v="03"/>
    <s v="KY"/>
    <s v="KY"/>
    <s v="202207"/>
    <x v="1"/>
    <x v="0"/>
    <x v="0"/>
    <x v="7"/>
    <x v="23"/>
    <n v="0"/>
    <n v="15879.11"/>
  </r>
  <r>
    <s v="03"/>
    <s v="KY"/>
    <s v="KY"/>
    <s v="202207"/>
    <x v="2"/>
    <x v="0"/>
    <x v="0"/>
    <x v="1"/>
    <x v="0"/>
    <n v="0"/>
    <n v="-0.72"/>
  </r>
  <r>
    <s v="03"/>
    <s v="KY"/>
    <s v="KY"/>
    <s v="202207"/>
    <x v="2"/>
    <x v="0"/>
    <x v="0"/>
    <x v="1"/>
    <x v="1"/>
    <n v="0"/>
    <n v="-1.22"/>
  </r>
  <r>
    <s v="03"/>
    <s v="KY"/>
    <s v="KY"/>
    <s v="202207"/>
    <x v="2"/>
    <x v="0"/>
    <x v="0"/>
    <x v="2"/>
    <x v="4"/>
    <n v="0"/>
    <n v="-5.24"/>
  </r>
  <r>
    <s v="03"/>
    <s v="KY"/>
    <s v="KY"/>
    <s v="202207"/>
    <x v="2"/>
    <x v="0"/>
    <x v="0"/>
    <x v="2"/>
    <x v="15"/>
    <n v="0"/>
    <n v="-31.56"/>
  </r>
  <r>
    <s v="03"/>
    <s v="KY"/>
    <s v="KY"/>
    <s v="202207"/>
    <x v="2"/>
    <x v="0"/>
    <x v="0"/>
    <x v="2"/>
    <x v="17"/>
    <n v="0"/>
    <n v="-396.73"/>
  </r>
  <r>
    <s v="03"/>
    <s v="KY"/>
    <s v="KY"/>
    <s v="202207"/>
    <x v="2"/>
    <x v="0"/>
    <x v="0"/>
    <x v="2"/>
    <x v="26"/>
    <n v="0"/>
    <n v="-482.69"/>
  </r>
  <r>
    <s v="03"/>
    <s v="KY"/>
    <s v="KY"/>
    <s v="202207"/>
    <x v="2"/>
    <x v="0"/>
    <x v="0"/>
    <x v="3"/>
    <x v="15"/>
    <n v="0"/>
    <n v="-46.94"/>
  </r>
  <r>
    <s v="03"/>
    <s v="KY"/>
    <s v="KY"/>
    <s v="202207"/>
    <x v="2"/>
    <x v="0"/>
    <x v="0"/>
    <x v="3"/>
    <x v="17"/>
    <n v="0"/>
    <n v="-342.41"/>
  </r>
  <r>
    <s v="03"/>
    <s v="KY"/>
    <s v="KY"/>
    <s v="202207"/>
    <x v="2"/>
    <x v="0"/>
    <x v="0"/>
    <x v="3"/>
    <x v="25"/>
    <n v="0"/>
    <n v="-346.81"/>
  </r>
  <r>
    <s v="03"/>
    <s v="KY"/>
    <s v="KY"/>
    <s v="202207"/>
    <x v="2"/>
    <x v="0"/>
    <x v="0"/>
    <x v="4"/>
    <x v="15"/>
    <n v="0"/>
    <n v="-7.68"/>
  </r>
  <r>
    <s v="03"/>
    <s v="KY"/>
    <s v="KY"/>
    <s v="202207"/>
    <x v="2"/>
    <x v="0"/>
    <x v="0"/>
    <x v="4"/>
    <x v="17"/>
    <n v="0"/>
    <n v="-486.3"/>
  </r>
  <r>
    <s v="03"/>
    <s v="KY"/>
    <s v="KY"/>
    <s v="202207"/>
    <x v="2"/>
    <x v="0"/>
    <x v="0"/>
    <x v="4"/>
    <x v="21"/>
    <n v="0"/>
    <n v="-367.57"/>
  </r>
  <r>
    <s v="03"/>
    <s v="KY"/>
    <s v="KY"/>
    <s v="202207"/>
    <x v="2"/>
    <x v="0"/>
    <x v="0"/>
    <x v="5"/>
    <x v="2"/>
    <n v="0"/>
    <n v="-4.04"/>
  </r>
  <r>
    <s v="03"/>
    <s v="KY"/>
    <s v="KY"/>
    <s v="202207"/>
    <x v="2"/>
    <x v="0"/>
    <x v="0"/>
    <x v="5"/>
    <x v="15"/>
    <n v="0"/>
    <n v="-1.74"/>
  </r>
  <r>
    <s v="03"/>
    <s v="KY"/>
    <s v="KY"/>
    <s v="202208"/>
    <x v="0"/>
    <x v="0"/>
    <x v="0"/>
    <x v="0"/>
    <x v="0"/>
    <n v="0"/>
    <n v="-15.15"/>
  </r>
  <r>
    <s v="03"/>
    <s v="KY"/>
    <s v="KY"/>
    <s v="202208"/>
    <x v="0"/>
    <x v="0"/>
    <x v="0"/>
    <x v="0"/>
    <x v="1"/>
    <n v="0"/>
    <n v="-7.79"/>
  </r>
  <r>
    <s v="03"/>
    <s v="KY"/>
    <s v="KY"/>
    <s v="202208"/>
    <x v="0"/>
    <x v="0"/>
    <x v="0"/>
    <x v="0"/>
    <x v="9"/>
    <n v="0"/>
    <n v="-1.72"/>
  </r>
  <r>
    <s v="03"/>
    <s v="KY"/>
    <s v="KY"/>
    <s v="202208"/>
    <x v="0"/>
    <x v="0"/>
    <x v="0"/>
    <x v="0"/>
    <x v="2"/>
    <n v="0"/>
    <n v="-21.07"/>
  </r>
  <r>
    <s v="03"/>
    <s v="KY"/>
    <s v="KY"/>
    <s v="202208"/>
    <x v="0"/>
    <x v="0"/>
    <x v="0"/>
    <x v="0"/>
    <x v="3"/>
    <n v="0"/>
    <n v="-3.86"/>
  </r>
  <r>
    <s v="03"/>
    <s v="KY"/>
    <s v="KY"/>
    <s v="202208"/>
    <x v="0"/>
    <x v="0"/>
    <x v="0"/>
    <x v="0"/>
    <x v="4"/>
    <n v="0"/>
    <n v="-1.06"/>
  </r>
  <r>
    <s v="03"/>
    <s v="KY"/>
    <s v="KY"/>
    <s v="202208"/>
    <x v="0"/>
    <x v="0"/>
    <x v="0"/>
    <x v="0"/>
    <x v="5"/>
    <n v="0"/>
    <n v="-8.2100000000000009"/>
  </r>
  <r>
    <s v="03"/>
    <s v="KY"/>
    <s v="KY"/>
    <s v="202208"/>
    <x v="0"/>
    <x v="0"/>
    <x v="0"/>
    <x v="0"/>
    <x v="6"/>
    <n v="0"/>
    <n v="-6.14"/>
  </r>
  <r>
    <s v="03"/>
    <s v="KY"/>
    <s v="KY"/>
    <s v="202208"/>
    <x v="0"/>
    <x v="0"/>
    <x v="0"/>
    <x v="0"/>
    <x v="7"/>
    <n v="0"/>
    <n v="-4.95"/>
  </r>
  <r>
    <s v="03"/>
    <s v="KY"/>
    <s v="KY"/>
    <s v="202208"/>
    <x v="0"/>
    <x v="0"/>
    <x v="0"/>
    <x v="1"/>
    <x v="0"/>
    <n v="0"/>
    <n v="-22.43"/>
  </r>
  <r>
    <s v="03"/>
    <s v="KY"/>
    <s v="KY"/>
    <s v="202208"/>
    <x v="0"/>
    <x v="0"/>
    <x v="0"/>
    <x v="1"/>
    <x v="1"/>
    <n v="0"/>
    <n v="-49.26"/>
  </r>
  <r>
    <s v="03"/>
    <s v="KY"/>
    <s v="KY"/>
    <s v="202208"/>
    <x v="0"/>
    <x v="0"/>
    <x v="0"/>
    <x v="1"/>
    <x v="2"/>
    <n v="0"/>
    <n v="-20.68"/>
  </r>
  <r>
    <s v="03"/>
    <s v="KY"/>
    <s v="KY"/>
    <s v="202208"/>
    <x v="0"/>
    <x v="0"/>
    <x v="0"/>
    <x v="1"/>
    <x v="3"/>
    <n v="0"/>
    <n v="-1.93"/>
  </r>
  <r>
    <s v="03"/>
    <s v="KY"/>
    <s v="KY"/>
    <s v="202208"/>
    <x v="0"/>
    <x v="0"/>
    <x v="0"/>
    <x v="1"/>
    <x v="4"/>
    <n v="0"/>
    <n v="-9.56"/>
  </r>
  <r>
    <s v="03"/>
    <s v="KY"/>
    <s v="KY"/>
    <s v="202208"/>
    <x v="0"/>
    <x v="0"/>
    <x v="0"/>
    <x v="1"/>
    <x v="5"/>
    <n v="0"/>
    <n v="-4.9800000000000004"/>
  </r>
  <r>
    <s v="03"/>
    <s v="KY"/>
    <s v="KY"/>
    <s v="202208"/>
    <x v="0"/>
    <x v="0"/>
    <x v="0"/>
    <x v="1"/>
    <x v="6"/>
    <n v="0"/>
    <n v="-10.220000000000001"/>
  </r>
  <r>
    <s v="03"/>
    <s v="KY"/>
    <s v="KY"/>
    <s v="202208"/>
    <x v="0"/>
    <x v="0"/>
    <x v="0"/>
    <x v="1"/>
    <x v="7"/>
    <n v="0"/>
    <n v="-3.13"/>
  </r>
  <r>
    <s v="03"/>
    <s v="KY"/>
    <s v="KY"/>
    <s v="202208"/>
    <x v="0"/>
    <x v="0"/>
    <x v="0"/>
    <x v="2"/>
    <x v="9"/>
    <n v="0"/>
    <n v="-2.76"/>
  </r>
  <r>
    <s v="03"/>
    <s v="KY"/>
    <s v="KY"/>
    <s v="202208"/>
    <x v="0"/>
    <x v="0"/>
    <x v="0"/>
    <x v="2"/>
    <x v="2"/>
    <n v="0"/>
    <n v="-25.16"/>
  </r>
  <r>
    <s v="03"/>
    <s v="KY"/>
    <s v="KY"/>
    <s v="202208"/>
    <x v="0"/>
    <x v="0"/>
    <x v="0"/>
    <x v="2"/>
    <x v="3"/>
    <n v="0"/>
    <n v="-31.85"/>
  </r>
  <r>
    <s v="03"/>
    <s v="KY"/>
    <s v="KY"/>
    <s v="202208"/>
    <x v="0"/>
    <x v="0"/>
    <x v="0"/>
    <x v="2"/>
    <x v="32"/>
    <n v="0"/>
    <n v="-8.2200000000000006"/>
  </r>
  <r>
    <s v="03"/>
    <s v="KY"/>
    <s v="KY"/>
    <s v="202208"/>
    <x v="0"/>
    <x v="0"/>
    <x v="0"/>
    <x v="2"/>
    <x v="4"/>
    <n v="0"/>
    <n v="-43.46"/>
  </r>
  <r>
    <s v="03"/>
    <s v="KY"/>
    <s v="KY"/>
    <s v="202208"/>
    <x v="0"/>
    <x v="0"/>
    <x v="0"/>
    <x v="2"/>
    <x v="5"/>
    <n v="0"/>
    <n v="-212.15"/>
  </r>
  <r>
    <s v="03"/>
    <s v="KY"/>
    <s v="KY"/>
    <s v="202208"/>
    <x v="0"/>
    <x v="0"/>
    <x v="0"/>
    <x v="2"/>
    <x v="8"/>
    <n v="0"/>
    <n v="-0.15"/>
  </r>
  <r>
    <s v="03"/>
    <s v="KY"/>
    <s v="KY"/>
    <s v="202208"/>
    <x v="0"/>
    <x v="0"/>
    <x v="0"/>
    <x v="2"/>
    <x v="6"/>
    <n v="0"/>
    <n v="-48.15"/>
  </r>
  <r>
    <s v="03"/>
    <s v="KY"/>
    <s v="KY"/>
    <s v="202208"/>
    <x v="0"/>
    <x v="0"/>
    <x v="0"/>
    <x v="2"/>
    <x v="11"/>
    <n v="0"/>
    <n v="-11.92"/>
  </r>
  <r>
    <s v="03"/>
    <s v="KY"/>
    <s v="KY"/>
    <s v="202208"/>
    <x v="0"/>
    <x v="0"/>
    <x v="0"/>
    <x v="2"/>
    <x v="13"/>
    <n v="0"/>
    <n v="-28.11"/>
  </r>
  <r>
    <s v="03"/>
    <s v="KY"/>
    <s v="KY"/>
    <s v="202208"/>
    <x v="0"/>
    <x v="0"/>
    <x v="0"/>
    <x v="2"/>
    <x v="7"/>
    <n v="0"/>
    <n v="-1.94"/>
  </r>
  <r>
    <s v="03"/>
    <s v="KY"/>
    <s v="KY"/>
    <s v="202208"/>
    <x v="0"/>
    <x v="0"/>
    <x v="0"/>
    <x v="2"/>
    <x v="14"/>
    <n v="0"/>
    <n v="-54.9"/>
  </r>
  <r>
    <s v="03"/>
    <s v="KY"/>
    <s v="KY"/>
    <s v="202208"/>
    <x v="0"/>
    <x v="0"/>
    <x v="0"/>
    <x v="2"/>
    <x v="15"/>
    <n v="0"/>
    <n v="-5286.66"/>
  </r>
  <r>
    <s v="03"/>
    <s v="KY"/>
    <s v="KY"/>
    <s v="202208"/>
    <x v="0"/>
    <x v="0"/>
    <x v="0"/>
    <x v="2"/>
    <x v="16"/>
    <n v="0"/>
    <n v="-89.82"/>
  </r>
  <r>
    <s v="03"/>
    <s v="KY"/>
    <s v="KY"/>
    <s v="202208"/>
    <x v="0"/>
    <x v="0"/>
    <x v="0"/>
    <x v="2"/>
    <x v="17"/>
    <n v="0"/>
    <n v="-11302.4"/>
  </r>
  <r>
    <s v="03"/>
    <s v="KY"/>
    <s v="KY"/>
    <s v="202208"/>
    <x v="0"/>
    <x v="0"/>
    <x v="0"/>
    <x v="2"/>
    <x v="18"/>
    <n v="0"/>
    <n v="-108.6"/>
  </r>
  <r>
    <s v="03"/>
    <s v="KY"/>
    <s v="KY"/>
    <s v="202208"/>
    <x v="0"/>
    <x v="0"/>
    <x v="0"/>
    <x v="2"/>
    <x v="19"/>
    <n v="0"/>
    <n v="-251.37"/>
  </r>
  <r>
    <s v="03"/>
    <s v="KY"/>
    <s v="KY"/>
    <s v="202208"/>
    <x v="0"/>
    <x v="0"/>
    <x v="0"/>
    <x v="2"/>
    <x v="20"/>
    <n v="0"/>
    <n v="-706.7"/>
  </r>
  <r>
    <s v="03"/>
    <s v="KY"/>
    <s v="KY"/>
    <s v="202208"/>
    <x v="0"/>
    <x v="0"/>
    <x v="0"/>
    <x v="2"/>
    <x v="21"/>
    <n v="0"/>
    <n v="-5594.43"/>
  </r>
  <r>
    <s v="03"/>
    <s v="KY"/>
    <s v="KY"/>
    <s v="202208"/>
    <x v="0"/>
    <x v="0"/>
    <x v="0"/>
    <x v="2"/>
    <x v="26"/>
    <n v="0"/>
    <n v="-909.71"/>
  </r>
  <r>
    <s v="03"/>
    <s v="KY"/>
    <s v="KY"/>
    <s v="202208"/>
    <x v="0"/>
    <x v="0"/>
    <x v="0"/>
    <x v="2"/>
    <x v="23"/>
    <n v="0"/>
    <n v="-10032.049999999999"/>
  </r>
  <r>
    <s v="03"/>
    <s v="KY"/>
    <s v="KY"/>
    <s v="202208"/>
    <x v="0"/>
    <x v="0"/>
    <x v="0"/>
    <x v="3"/>
    <x v="2"/>
    <n v="0"/>
    <n v="-4.4800000000000004"/>
  </r>
  <r>
    <s v="03"/>
    <s v="KY"/>
    <s v="KY"/>
    <s v="202208"/>
    <x v="0"/>
    <x v="0"/>
    <x v="0"/>
    <x v="3"/>
    <x v="3"/>
    <n v="0"/>
    <n v="-4.8"/>
  </r>
  <r>
    <s v="03"/>
    <s v="KY"/>
    <s v="KY"/>
    <s v="202208"/>
    <x v="0"/>
    <x v="0"/>
    <x v="0"/>
    <x v="3"/>
    <x v="4"/>
    <n v="0"/>
    <n v="-3.4"/>
  </r>
  <r>
    <s v="03"/>
    <s v="KY"/>
    <s v="KY"/>
    <s v="202208"/>
    <x v="0"/>
    <x v="0"/>
    <x v="0"/>
    <x v="3"/>
    <x v="5"/>
    <n v="0"/>
    <n v="-50.2"/>
  </r>
  <r>
    <s v="03"/>
    <s v="KY"/>
    <s v="KY"/>
    <s v="202208"/>
    <x v="0"/>
    <x v="0"/>
    <x v="0"/>
    <x v="3"/>
    <x v="6"/>
    <n v="0"/>
    <n v="-8.41"/>
  </r>
  <r>
    <s v="03"/>
    <s v="KY"/>
    <s v="KY"/>
    <s v="202208"/>
    <x v="0"/>
    <x v="0"/>
    <x v="0"/>
    <x v="3"/>
    <x v="7"/>
    <n v="0"/>
    <n v="-0.96"/>
  </r>
  <r>
    <s v="03"/>
    <s v="KY"/>
    <s v="KY"/>
    <s v="202208"/>
    <x v="0"/>
    <x v="0"/>
    <x v="0"/>
    <x v="3"/>
    <x v="15"/>
    <n v="0"/>
    <n v="-1123.01"/>
  </r>
  <r>
    <s v="03"/>
    <s v="KY"/>
    <s v="KY"/>
    <s v="202208"/>
    <x v="0"/>
    <x v="0"/>
    <x v="0"/>
    <x v="3"/>
    <x v="17"/>
    <n v="0"/>
    <n v="-6558.5"/>
  </r>
  <r>
    <s v="03"/>
    <s v="KY"/>
    <s v="KY"/>
    <s v="202208"/>
    <x v="0"/>
    <x v="0"/>
    <x v="0"/>
    <x v="3"/>
    <x v="35"/>
    <n v="0"/>
    <n v="-81.72"/>
  </r>
  <r>
    <s v="03"/>
    <s v="KY"/>
    <s v="KY"/>
    <s v="202208"/>
    <x v="0"/>
    <x v="0"/>
    <x v="0"/>
    <x v="3"/>
    <x v="24"/>
    <n v="0"/>
    <n v="-82.04"/>
  </r>
  <r>
    <s v="03"/>
    <s v="KY"/>
    <s v="KY"/>
    <s v="202208"/>
    <x v="0"/>
    <x v="0"/>
    <x v="0"/>
    <x v="3"/>
    <x v="19"/>
    <n v="0"/>
    <n v="-269.8"/>
  </r>
  <r>
    <s v="03"/>
    <s v="KY"/>
    <s v="KY"/>
    <s v="202208"/>
    <x v="0"/>
    <x v="0"/>
    <x v="0"/>
    <x v="3"/>
    <x v="20"/>
    <n v="0"/>
    <n v="-81.290000000000006"/>
  </r>
  <r>
    <s v="03"/>
    <s v="KY"/>
    <s v="KY"/>
    <s v="202208"/>
    <x v="0"/>
    <x v="0"/>
    <x v="0"/>
    <x v="3"/>
    <x v="21"/>
    <n v="0"/>
    <n v="-4451"/>
  </r>
  <r>
    <s v="03"/>
    <s v="KY"/>
    <s v="KY"/>
    <s v="202208"/>
    <x v="0"/>
    <x v="0"/>
    <x v="0"/>
    <x v="3"/>
    <x v="26"/>
    <n v="0"/>
    <n v="-1296.07"/>
  </r>
  <r>
    <s v="03"/>
    <s v="KY"/>
    <s v="KY"/>
    <s v="202208"/>
    <x v="0"/>
    <x v="0"/>
    <x v="0"/>
    <x v="4"/>
    <x v="2"/>
    <n v="0"/>
    <n v="-1.85"/>
  </r>
  <r>
    <s v="03"/>
    <s v="KY"/>
    <s v="KY"/>
    <s v="202208"/>
    <x v="0"/>
    <x v="0"/>
    <x v="0"/>
    <x v="4"/>
    <x v="15"/>
    <n v="0"/>
    <n v="-35.97"/>
  </r>
  <r>
    <s v="03"/>
    <s v="KY"/>
    <s v="KY"/>
    <s v="202208"/>
    <x v="0"/>
    <x v="0"/>
    <x v="0"/>
    <x v="4"/>
    <x v="17"/>
    <n v="0"/>
    <n v="-114.07"/>
  </r>
  <r>
    <s v="03"/>
    <s v="KY"/>
    <s v="KY"/>
    <s v="202208"/>
    <x v="0"/>
    <x v="0"/>
    <x v="0"/>
    <x v="4"/>
    <x v="43"/>
    <n v="0"/>
    <n v="-1192.6300000000001"/>
  </r>
  <r>
    <s v="03"/>
    <s v="KY"/>
    <s v="KY"/>
    <s v="202208"/>
    <x v="0"/>
    <x v="0"/>
    <x v="0"/>
    <x v="5"/>
    <x v="9"/>
    <n v="0"/>
    <n v="-0.9"/>
  </r>
  <r>
    <s v="03"/>
    <s v="KY"/>
    <s v="KY"/>
    <s v="202208"/>
    <x v="0"/>
    <x v="0"/>
    <x v="0"/>
    <x v="5"/>
    <x v="2"/>
    <n v="0"/>
    <n v="-2.54"/>
  </r>
  <r>
    <s v="03"/>
    <s v="KY"/>
    <s v="KY"/>
    <s v="202208"/>
    <x v="0"/>
    <x v="0"/>
    <x v="0"/>
    <x v="5"/>
    <x v="10"/>
    <n v="0"/>
    <n v="-4.84"/>
  </r>
  <r>
    <s v="03"/>
    <s v="KY"/>
    <s v="KY"/>
    <s v="202208"/>
    <x v="0"/>
    <x v="0"/>
    <x v="0"/>
    <x v="5"/>
    <x v="3"/>
    <n v="0"/>
    <n v="-1.02"/>
  </r>
  <r>
    <s v="03"/>
    <s v="KY"/>
    <s v="KY"/>
    <s v="202208"/>
    <x v="0"/>
    <x v="0"/>
    <x v="0"/>
    <x v="5"/>
    <x v="5"/>
    <n v="0"/>
    <n v="-37.49"/>
  </r>
  <r>
    <s v="03"/>
    <s v="KY"/>
    <s v="KY"/>
    <s v="202208"/>
    <x v="0"/>
    <x v="0"/>
    <x v="0"/>
    <x v="5"/>
    <x v="6"/>
    <n v="0"/>
    <n v="-0.77"/>
  </r>
  <r>
    <s v="03"/>
    <s v="KY"/>
    <s v="KY"/>
    <s v="202208"/>
    <x v="0"/>
    <x v="0"/>
    <x v="0"/>
    <x v="5"/>
    <x v="15"/>
    <n v="0"/>
    <n v="-406.26"/>
  </r>
  <r>
    <s v="03"/>
    <s v="KY"/>
    <s v="KY"/>
    <s v="202208"/>
    <x v="0"/>
    <x v="0"/>
    <x v="0"/>
    <x v="5"/>
    <x v="17"/>
    <n v="0"/>
    <n v="-1952.76"/>
  </r>
  <r>
    <s v="03"/>
    <s v="KY"/>
    <s v="KY"/>
    <s v="202208"/>
    <x v="0"/>
    <x v="0"/>
    <x v="0"/>
    <x v="5"/>
    <x v="21"/>
    <n v="0"/>
    <n v="-540.82000000000005"/>
  </r>
  <r>
    <s v="03"/>
    <s v="KY"/>
    <s v="KY"/>
    <s v="202208"/>
    <x v="0"/>
    <x v="0"/>
    <x v="0"/>
    <x v="5"/>
    <x v="26"/>
    <n v="0"/>
    <n v="-667.89"/>
  </r>
  <r>
    <s v="03"/>
    <s v="KY"/>
    <s v="KY"/>
    <s v="202208"/>
    <x v="0"/>
    <x v="0"/>
    <x v="0"/>
    <x v="5"/>
    <x v="27"/>
    <n v="0"/>
    <n v="-3632.62"/>
  </r>
  <r>
    <s v="03"/>
    <s v="KY"/>
    <s v="KY"/>
    <s v="202208"/>
    <x v="0"/>
    <x v="0"/>
    <x v="0"/>
    <x v="5"/>
    <x v="37"/>
    <n v="0"/>
    <n v="-6150.02"/>
  </r>
  <r>
    <s v="03"/>
    <s v="KY"/>
    <s v="KY"/>
    <s v="202208"/>
    <x v="0"/>
    <x v="0"/>
    <x v="0"/>
    <x v="6"/>
    <x v="15"/>
    <n v="0"/>
    <n v="-4.75"/>
  </r>
  <r>
    <s v="03"/>
    <s v="KY"/>
    <s v="KY"/>
    <s v="202208"/>
    <x v="0"/>
    <x v="0"/>
    <x v="0"/>
    <x v="6"/>
    <x v="17"/>
    <n v="0"/>
    <n v="-5.58"/>
  </r>
  <r>
    <s v="03"/>
    <s v="KY"/>
    <s v="KY"/>
    <s v="202208"/>
    <x v="0"/>
    <x v="0"/>
    <x v="0"/>
    <x v="6"/>
    <x v="25"/>
    <n v="0"/>
    <n v="-132.66"/>
  </r>
  <r>
    <s v="03"/>
    <s v="KY"/>
    <s v="KY"/>
    <s v="202208"/>
    <x v="0"/>
    <x v="0"/>
    <x v="0"/>
    <x v="6"/>
    <x v="21"/>
    <n v="0"/>
    <n v="-872.92"/>
  </r>
  <r>
    <s v="03"/>
    <s v="KY"/>
    <s v="KY"/>
    <s v="202208"/>
    <x v="0"/>
    <x v="0"/>
    <x v="0"/>
    <x v="7"/>
    <x v="15"/>
    <n v="0"/>
    <n v="-22.31"/>
  </r>
  <r>
    <s v="03"/>
    <s v="KY"/>
    <s v="KY"/>
    <s v="202208"/>
    <x v="0"/>
    <x v="0"/>
    <x v="0"/>
    <x v="7"/>
    <x v="17"/>
    <n v="0"/>
    <n v="-231.96"/>
  </r>
  <r>
    <s v="03"/>
    <s v="KY"/>
    <s v="KY"/>
    <s v="202208"/>
    <x v="0"/>
    <x v="0"/>
    <x v="0"/>
    <x v="7"/>
    <x v="25"/>
    <n v="0"/>
    <n v="-12.81"/>
  </r>
  <r>
    <s v="03"/>
    <s v="KY"/>
    <s v="KY"/>
    <s v="202208"/>
    <x v="0"/>
    <x v="0"/>
    <x v="0"/>
    <x v="7"/>
    <x v="21"/>
    <n v="0"/>
    <n v="-115.51"/>
  </r>
  <r>
    <s v="03"/>
    <s v="KY"/>
    <s v="KY"/>
    <s v="202208"/>
    <x v="0"/>
    <x v="0"/>
    <x v="0"/>
    <x v="7"/>
    <x v="26"/>
    <n v="0"/>
    <n v="-5179.12"/>
  </r>
  <r>
    <s v="03"/>
    <s v="KY"/>
    <s v="KY"/>
    <s v="202208"/>
    <x v="0"/>
    <x v="0"/>
    <x v="0"/>
    <x v="7"/>
    <x v="40"/>
    <n v="0"/>
    <n v="-7758.67"/>
  </r>
  <r>
    <s v="03"/>
    <s v="KY"/>
    <s v="KY"/>
    <s v="202208"/>
    <x v="0"/>
    <x v="0"/>
    <x v="0"/>
    <x v="7"/>
    <x v="27"/>
    <n v="0"/>
    <n v="-10421.77"/>
  </r>
  <r>
    <s v="03"/>
    <s v="KY"/>
    <s v="KY"/>
    <s v="202208"/>
    <x v="1"/>
    <x v="0"/>
    <x v="0"/>
    <x v="8"/>
    <x v="29"/>
    <n v="0"/>
    <n v="10383.120000000001"/>
  </r>
  <r>
    <s v="03"/>
    <s v="KY"/>
    <s v="KY"/>
    <s v="202208"/>
    <x v="1"/>
    <x v="0"/>
    <x v="0"/>
    <x v="0"/>
    <x v="30"/>
    <n v="0"/>
    <n v="0.65"/>
  </r>
  <r>
    <s v="03"/>
    <s v="KY"/>
    <s v="KY"/>
    <s v="202208"/>
    <x v="1"/>
    <x v="0"/>
    <x v="0"/>
    <x v="0"/>
    <x v="0"/>
    <n v="0"/>
    <n v="430"/>
  </r>
  <r>
    <s v="03"/>
    <s v="KY"/>
    <s v="KY"/>
    <s v="202208"/>
    <x v="1"/>
    <x v="0"/>
    <x v="0"/>
    <x v="0"/>
    <x v="1"/>
    <n v="0"/>
    <n v="179.31"/>
  </r>
  <r>
    <s v="03"/>
    <s v="KY"/>
    <s v="KY"/>
    <s v="202208"/>
    <x v="1"/>
    <x v="0"/>
    <x v="0"/>
    <x v="0"/>
    <x v="9"/>
    <n v="0"/>
    <n v="15.69"/>
  </r>
  <r>
    <s v="03"/>
    <s v="KY"/>
    <s v="KY"/>
    <s v="202208"/>
    <x v="1"/>
    <x v="0"/>
    <x v="0"/>
    <x v="0"/>
    <x v="2"/>
    <n v="0"/>
    <n v="259.13"/>
  </r>
  <r>
    <s v="03"/>
    <s v="KY"/>
    <s v="KY"/>
    <s v="202208"/>
    <x v="1"/>
    <x v="0"/>
    <x v="0"/>
    <x v="0"/>
    <x v="3"/>
    <n v="0"/>
    <n v="18.61"/>
  </r>
  <r>
    <s v="03"/>
    <s v="KY"/>
    <s v="KY"/>
    <s v="202208"/>
    <x v="1"/>
    <x v="0"/>
    <x v="0"/>
    <x v="0"/>
    <x v="4"/>
    <n v="0"/>
    <n v="18.23"/>
  </r>
  <r>
    <s v="03"/>
    <s v="KY"/>
    <s v="KY"/>
    <s v="202208"/>
    <x v="1"/>
    <x v="0"/>
    <x v="0"/>
    <x v="0"/>
    <x v="5"/>
    <n v="0"/>
    <n v="21.02"/>
  </r>
  <r>
    <s v="03"/>
    <s v="KY"/>
    <s v="KY"/>
    <s v="202208"/>
    <x v="1"/>
    <x v="0"/>
    <x v="0"/>
    <x v="0"/>
    <x v="8"/>
    <n v="0"/>
    <n v="3.49"/>
  </r>
  <r>
    <s v="03"/>
    <s v="KY"/>
    <s v="KY"/>
    <s v="202208"/>
    <x v="1"/>
    <x v="0"/>
    <x v="0"/>
    <x v="0"/>
    <x v="6"/>
    <n v="0"/>
    <n v="124.9"/>
  </r>
  <r>
    <s v="03"/>
    <s v="KY"/>
    <s v="KY"/>
    <s v="202208"/>
    <x v="1"/>
    <x v="0"/>
    <x v="0"/>
    <x v="0"/>
    <x v="11"/>
    <n v="0"/>
    <n v="1.64"/>
  </r>
  <r>
    <s v="03"/>
    <s v="KY"/>
    <s v="KY"/>
    <s v="202208"/>
    <x v="1"/>
    <x v="0"/>
    <x v="0"/>
    <x v="0"/>
    <x v="7"/>
    <n v="0"/>
    <n v="47.96"/>
  </r>
  <r>
    <s v="03"/>
    <s v="KY"/>
    <s v="KY"/>
    <s v="202208"/>
    <x v="1"/>
    <x v="0"/>
    <x v="0"/>
    <x v="1"/>
    <x v="30"/>
    <n v="0"/>
    <n v="1.24"/>
  </r>
  <r>
    <s v="03"/>
    <s v="KY"/>
    <s v="KY"/>
    <s v="202208"/>
    <x v="1"/>
    <x v="0"/>
    <x v="0"/>
    <x v="1"/>
    <x v="0"/>
    <n v="0"/>
    <n v="494.9"/>
  </r>
  <r>
    <s v="03"/>
    <s v="KY"/>
    <s v="KY"/>
    <s v="202208"/>
    <x v="1"/>
    <x v="0"/>
    <x v="0"/>
    <x v="1"/>
    <x v="31"/>
    <n v="0"/>
    <n v="3.53"/>
  </r>
  <r>
    <s v="03"/>
    <s v="KY"/>
    <s v="KY"/>
    <s v="202208"/>
    <x v="1"/>
    <x v="0"/>
    <x v="0"/>
    <x v="1"/>
    <x v="1"/>
    <n v="0"/>
    <n v="881.07"/>
  </r>
  <r>
    <s v="03"/>
    <s v="KY"/>
    <s v="KY"/>
    <s v="202208"/>
    <x v="1"/>
    <x v="0"/>
    <x v="0"/>
    <x v="1"/>
    <x v="9"/>
    <n v="0"/>
    <n v="4.29"/>
  </r>
  <r>
    <s v="03"/>
    <s v="KY"/>
    <s v="KY"/>
    <s v="202208"/>
    <x v="1"/>
    <x v="0"/>
    <x v="0"/>
    <x v="1"/>
    <x v="2"/>
    <n v="0"/>
    <n v="169.83"/>
  </r>
  <r>
    <s v="03"/>
    <s v="KY"/>
    <s v="KY"/>
    <s v="202208"/>
    <x v="1"/>
    <x v="0"/>
    <x v="0"/>
    <x v="1"/>
    <x v="3"/>
    <n v="0"/>
    <n v="12.92"/>
  </r>
  <r>
    <s v="03"/>
    <s v="KY"/>
    <s v="KY"/>
    <s v="202208"/>
    <x v="1"/>
    <x v="0"/>
    <x v="0"/>
    <x v="1"/>
    <x v="4"/>
    <n v="0"/>
    <n v="16.03"/>
  </r>
  <r>
    <s v="03"/>
    <s v="KY"/>
    <s v="KY"/>
    <s v="202208"/>
    <x v="1"/>
    <x v="0"/>
    <x v="0"/>
    <x v="1"/>
    <x v="5"/>
    <n v="0"/>
    <n v="18.47"/>
  </r>
  <r>
    <s v="03"/>
    <s v="KY"/>
    <s v="KY"/>
    <s v="202208"/>
    <x v="1"/>
    <x v="0"/>
    <x v="0"/>
    <x v="1"/>
    <x v="8"/>
    <n v="0"/>
    <n v="4"/>
  </r>
  <r>
    <s v="03"/>
    <s v="KY"/>
    <s v="KY"/>
    <s v="202208"/>
    <x v="1"/>
    <x v="0"/>
    <x v="0"/>
    <x v="1"/>
    <x v="6"/>
    <n v="0"/>
    <n v="134.93"/>
  </r>
  <r>
    <s v="03"/>
    <s v="KY"/>
    <s v="KY"/>
    <s v="202208"/>
    <x v="1"/>
    <x v="0"/>
    <x v="0"/>
    <x v="1"/>
    <x v="7"/>
    <n v="0"/>
    <n v="31.36"/>
  </r>
  <r>
    <s v="03"/>
    <s v="KY"/>
    <s v="KY"/>
    <s v="202208"/>
    <x v="1"/>
    <x v="0"/>
    <x v="0"/>
    <x v="1"/>
    <x v="15"/>
    <n v="0"/>
    <n v="1.26"/>
  </r>
  <r>
    <s v="03"/>
    <s v="KY"/>
    <s v="KY"/>
    <s v="202208"/>
    <x v="1"/>
    <x v="0"/>
    <x v="0"/>
    <x v="2"/>
    <x v="9"/>
    <n v="0"/>
    <n v="31.87"/>
  </r>
  <r>
    <s v="03"/>
    <s v="KY"/>
    <s v="KY"/>
    <s v="202208"/>
    <x v="1"/>
    <x v="0"/>
    <x v="0"/>
    <x v="2"/>
    <x v="2"/>
    <n v="0"/>
    <n v="136.36000000000001"/>
  </r>
  <r>
    <s v="03"/>
    <s v="KY"/>
    <s v="KY"/>
    <s v="202208"/>
    <x v="1"/>
    <x v="0"/>
    <x v="0"/>
    <x v="2"/>
    <x v="10"/>
    <n v="0"/>
    <n v="26.38"/>
  </r>
  <r>
    <s v="03"/>
    <s v="KY"/>
    <s v="KY"/>
    <s v="202208"/>
    <x v="1"/>
    <x v="0"/>
    <x v="0"/>
    <x v="2"/>
    <x v="3"/>
    <n v="0"/>
    <n v="119.23"/>
  </r>
  <r>
    <s v="03"/>
    <s v="KY"/>
    <s v="KY"/>
    <s v="202208"/>
    <x v="1"/>
    <x v="0"/>
    <x v="0"/>
    <x v="2"/>
    <x v="32"/>
    <n v="0"/>
    <n v="12.03"/>
  </r>
  <r>
    <s v="03"/>
    <s v="KY"/>
    <s v="KY"/>
    <s v="202208"/>
    <x v="1"/>
    <x v="0"/>
    <x v="0"/>
    <x v="2"/>
    <x v="4"/>
    <n v="0"/>
    <n v="103.72"/>
  </r>
  <r>
    <s v="03"/>
    <s v="KY"/>
    <s v="KY"/>
    <s v="202208"/>
    <x v="1"/>
    <x v="0"/>
    <x v="0"/>
    <x v="2"/>
    <x v="5"/>
    <n v="0"/>
    <n v="498.58"/>
  </r>
  <r>
    <s v="03"/>
    <s v="KY"/>
    <s v="KY"/>
    <s v="202208"/>
    <x v="1"/>
    <x v="0"/>
    <x v="0"/>
    <x v="2"/>
    <x v="33"/>
    <n v="0"/>
    <n v="4.18"/>
  </r>
  <r>
    <s v="03"/>
    <s v="KY"/>
    <s v="KY"/>
    <s v="202208"/>
    <x v="1"/>
    <x v="0"/>
    <x v="0"/>
    <x v="2"/>
    <x v="8"/>
    <n v="0"/>
    <n v="81.56"/>
  </r>
  <r>
    <s v="03"/>
    <s v="KY"/>
    <s v="KY"/>
    <s v="202208"/>
    <x v="1"/>
    <x v="0"/>
    <x v="0"/>
    <x v="2"/>
    <x v="6"/>
    <n v="0"/>
    <n v="226.89"/>
  </r>
  <r>
    <s v="03"/>
    <s v="KY"/>
    <s v="KY"/>
    <s v="202208"/>
    <x v="1"/>
    <x v="0"/>
    <x v="0"/>
    <x v="2"/>
    <x v="11"/>
    <n v="0"/>
    <n v="86.47"/>
  </r>
  <r>
    <s v="03"/>
    <s v="KY"/>
    <s v="KY"/>
    <s v="202208"/>
    <x v="1"/>
    <x v="0"/>
    <x v="0"/>
    <x v="2"/>
    <x v="12"/>
    <n v="0"/>
    <n v="17.43"/>
  </r>
  <r>
    <s v="03"/>
    <s v="KY"/>
    <s v="KY"/>
    <s v="202208"/>
    <x v="1"/>
    <x v="0"/>
    <x v="0"/>
    <x v="2"/>
    <x v="13"/>
    <n v="0"/>
    <n v="48.03"/>
  </r>
  <r>
    <s v="03"/>
    <s v="KY"/>
    <s v="KY"/>
    <s v="202208"/>
    <x v="1"/>
    <x v="0"/>
    <x v="0"/>
    <x v="2"/>
    <x v="7"/>
    <n v="0"/>
    <n v="24.11"/>
  </r>
  <r>
    <s v="03"/>
    <s v="KY"/>
    <s v="KY"/>
    <s v="202208"/>
    <x v="1"/>
    <x v="0"/>
    <x v="0"/>
    <x v="2"/>
    <x v="14"/>
    <n v="0"/>
    <n v="123.45"/>
  </r>
  <r>
    <s v="03"/>
    <s v="KY"/>
    <s v="KY"/>
    <s v="202208"/>
    <x v="1"/>
    <x v="0"/>
    <x v="0"/>
    <x v="2"/>
    <x v="15"/>
    <n v="0"/>
    <n v="31815.62"/>
  </r>
  <r>
    <s v="03"/>
    <s v="KY"/>
    <s v="KY"/>
    <s v="202208"/>
    <x v="1"/>
    <x v="0"/>
    <x v="0"/>
    <x v="2"/>
    <x v="34"/>
    <n v="0"/>
    <n v="3.81"/>
  </r>
  <r>
    <s v="03"/>
    <s v="KY"/>
    <s v="KY"/>
    <s v="202208"/>
    <x v="1"/>
    <x v="0"/>
    <x v="0"/>
    <x v="2"/>
    <x v="16"/>
    <n v="0"/>
    <n v="283.22000000000003"/>
  </r>
  <r>
    <s v="03"/>
    <s v="KY"/>
    <s v="KY"/>
    <s v="202208"/>
    <x v="1"/>
    <x v="0"/>
    <x v="0"/>
    <x v="2"/>
    <x v="42"/>
    <n v="0"/>
    <n v="9.57"/>
  </r>
  <r>
    <s v="03"/>
    <s v="KY"/>
    <s v="KY"/>
    <s v="202208"/>
    <x v="1"/>
    <x v="0"/>
    <x v="0"/>
    <x v="2"/>
    <x v="17"/>
    <n v="0"/>
    <n v="43410.58"/>
  </r>
  <r>
    <s v="03"/>
    <s v="KY"/>
    <s v="KY"/>
    <s v="202208"/>
    <x v="1"/>
    <x v="0"/>
    <x v="0"/>
    <x v="2"/>
    <x v="18"/>
    <n v="0"/>
    <n v="144.59"/>
  </r>
  <r>
    <s v="03"/>
    <s v="KY"/>
    <s v="KY"/>
    <s v="202208"/>
    <x v="1"/>
    <x v="0"/>
    <x v="0"/>
    <x v="2"/>
    <x v="35"/>
    <n v="0"/>
    <n v="54.24"/>
  </r>
  <r>
    <s v="03"/>
    <s v="KY"/>
    <s v="KY"/>
    <s v="202208"/>
    <x v="1"/>
    <x v="0"/>
    <x v="0"/>
    <x v="2"/>
    <x v="24"/>
    <n v="0"/>
    <n v="14.44"/>
  </r>
  <r>
    <s v="03"/>
    <s v="KY"/>
    <s v="KY"/>
    <s v="202208"/>
    <x v="1"/>
    <x v="0"/>
    <x v="0"/>
    <x v="2"/>
    <x v="19"/>
    <n v="0"/>
    <n v="240.15"/>
  </r>
  <r>
    <s v="03"/>
    <s v="KY"/>
    <s v="KY"/>
    <s v="202208"/>
    <x v="1"/>
    <x v="0"/>
    <x v="0"/>
    <x v="2"/>
    <x v="20"/>
    <n v="0"/>
    <n v="772.97"/>
  </r>
  <r>
    <s v="03"/>
    <s v="KY"/>
    <s v="KY"/>
    <s v="202208"/>
    <x v="1"/>
    <x v="0"/>
    <x v="0"/>
    <x v="2"/>
    <x v="21"/>
    <n v="0"/>
    <n v="18147.52"/>
  </r>
  <r>
    <s v="03"/>
    <s v="KY"/>
    <s v="KY"/>
    <s v="202208"/>
    <x v="1"/>
    <x v="0"/>
    <x v="0"/>
    <x v="2"/>
    <x v="26"/>
    <n v="0"/>
    <n v="2599.92"/>
  </r>
  <r>
    <s v="03"/>
    <s v="KY"/>
    <s v="KY"/>
    <s v="202208"/>
    <x v="1"/>
    <x v="0"/>
    <x v="0"/>
    <x v="2"/>
    <x v="36"/>
    <n v="0"/>
    <n v="2154.27"/>
  </r>
  <r>
    <s v="03"/>
    <s v="KY"/>
    <s v="KY"/>
    <s v="202208"/>
    <x v="1"/>
    <x v="0"/>
    <x v="0"/>
    <x v="2"/>
    <x v="23"/>
    <n v="0"/>
    <n v="5524.6"/>
  </r>
  <r>
    <s v="03"/>
    <s v="KY"/>
    <s v="KY"/>
    <s v="202208"/>
    <x v="1"/>
    <x v="0"/>
    <x v="0"/>
    <x v="3"/>
    <x v="2"/>
    <n v="0"/>
    <n v="43.46"/>
  </r>
  <r>
    <s v="03"/>
    <s v="KY"/>
    <s v="KY"/>
    <s v="202208"/>
    <x v="1"/>
    <x v="0"/>
    <x v="0"/>
    <x v="3"/>
    <x v="3"/>
    <n v="0"/>
    <n v="13.77"/>
  </r>
  <r>
    <s v="03"/>
    <s v="KY"/>
    <s v="KY"/>
    <s v="202208"/>
    <x v="1"/>
    <x v="0"/>
    <x v="0"/>
    <x v="3"/>
    <x v="32"/>
    <n v="0"/>
    <n v="19.77"/>
  </r>
  <r>
    <s v="03"/>
    <s v="KY"/>
    <s v="KY"/>
    <s v="202208"/>
    <x v="1"/>
    <x v="0"/>
    <x v="0"/>
    <x v="3"/>
    <x v="4"/>
    <n v="0"/>
    <n v="8.6"/>
  </r>
  <r>
    <s v="03"/>
    <s v="KY"/>
    <s v="KY"/>
    <s v="202208"/>
    <x v="1"/>
    <x v="0"/>
    <x v="0"/>
    <x v="3"/>
    <x v="5"/>
    <n v="0"/>
    <n v="137.78"/>
  </r>
  <r>
    <s v="03"/>
    <s v="KY"/>
    <s v="KY"/>
    <s v="202208"/>
    <x v="1"/>
    <x v="0"/>
    <x v="0"/>
    <x v="3"/>
    <x v="6"/>
    <n v="0"/>
    <n v="19.3"/>
  </r>
  <r>
    <s v="03"/>
    <s v="KY"/>
    <s v="KY"/>
    <s v="202208"/>
    <x v="1"/>
    <x v="0"/>
    <x v="0"/>
    <x v="3"/>
    <x v="11"/>
    <n v="0"/>
    <n v="8.0399999999999991"/>
  </r>
  <r>
    <s v="03"/>
    <s v="KY"/>
    <s v="KY"/>
    <s v="202208"/>
    <x v="1"/>
    <x v="0"/>
    <x v="0"/>
    <x v="3"/>
    <x v="7"/>
    <n v="0"/>
    <n v="3.83"/>
  </r>
  <r>
    <s v="03"/>
    <s v="KY"/>
    <s v="KY"/>
    <s v="202208"/>
    <x v="1"/>
    <x v="0"/>
    <x v="0"/>
    <x v="3"/>
    <x v="15"/>
    <n v="0"/>
    <n v="6391.27"/>
  </r>
  <r>
    <s v="03"/>
    <s v="KY"/>
    <s v="KY"/>
    <s v="202208"/>
    <x v="1"/>
    <x v="0"/>
    <x v="0"/>
    <x v="3"/>
    <x v="17"/>
    <n v="0"/>
    <n v="23909.71"/>
  </r>
  <r>
    <s v="03"/>
    <s v="KY"/>
    <s v="KY"/>
    <s v="202208"/>
    <x v="1"/>
    <x v="0"/>
    <x v="0"/>
    <x v="3"/>
    <x v="18"/>
    <n v="0"/>
    <n v="39.44"/>
  </r>
  <r>
    <s v="03"/>
    <s v="KY"/>
    <s v="KY"/>
    <s v="202208"/>
    <x v="1"/>
    <x v="0"/>
    <x v="0"/>
    <x v="3"/>
    <x v="35"/>
    <n v="0"/>
    <n v="131.34"/>
  </r>
  <r>
    <s v="03"/>
    <s v="KY"/>
    <s v="KY"/>
    <s v="202208"/>
    <x v="1"/>
    <x v="0"/>
    <x v="0"/>
    <x v="3"/>
    <x v="24"/>
    <n v="0"/>
    <n v="177.45"/>
  </r>
  <r>
    <s v="03"/>
    <s v="KY"/>
    <s v="KY"/>
    <s v="202208"/>
    <x v="1"/>
    <x v="0"/>
    <x v="0"/>
    <x v="3"/>
    <x v="19"/>
    <n v="0"/>
    <n v="484.07"/>
  </r>
  <r>
    <s v="03"/>
    <s v="KY"/>
    <s v="KY"/>
    <s v="202208"/>
    <x v="1"/>
    <x v="0"/>
    <x v="0"/>
    <x v="3"/>
    <x v="20"/>
    <n v="0"/>
    <n v="185.37"/>
  </r>
  <r>
    <s v="03"/>
    <s v="KY"/>
    <s v="KY"/>
    <s v="202208"/>
    <x v="1"/>
    <x v="0"/>
    <x v="0"/>
    <x v="3"/>
    <x v="21"/>
    <n v="0"/>
    <n v="12666.77"/>
  </r>
  <r>
    <s v="03"/>
    <s v="KY"/>
    <s v="KY"/>
    <s v="202208"/>
    <x v="1"/>
    <x v="0"/>
    <x v="0"/>
    <x v="3"/>
    <x v="26"/>
    <n v="0"/>
    <n v="2602.73"/>
  </r>
  <r>
    <s v="03"/>
    <s v="KY"/>
    <s v="KY"/>
    <s v="202208"/>
    <x v="1"/>
    <x v="0"/>
    <x v="0"/>
    <x v="3"/>
    <x v="22"/>
    <n v="0"/>
    <n v="1349.99"/>
  </r>
  <r>
    <s v="03"/>
    <s v="KY"/>
    <s v="KY"/>
    <s v="202208"/>
    <x v="1"/>
    <x v="0"/>
    <x v="0"/>
    <x v="3"/>
    <x v="38"/>
    <n v="0"/>
    <n v="650.49"/>
  </r>
  <r>
    <s v="03"/>
    <s v="KY"/>
    <s v="KY"/>
    <s v="202208"/>
    <x v="1"/>
    <x v="0"/>
    <x v="0"/>
    <x v="3"/>
    <x v="27"/>
    <n v="0"/>
    <n v="3528.22"/>
  </r>
  <r>
    <s v="03"/>
    <s v="KY"/>
    <s v="KY"/>
    <s v="202208"/>
    <x v="1"/>
    <x v="0"/>
    <x v="0"/>
    <x v="4"/>
    <x v="9"/>
    <n v="0"/>
    <n v="1.49"/>
  </r>
  <r>
    <s v="03"/>
    <s v="KY"/>
    <s v="KY"/>
    <s v="202208"/>
    <x v="1"/>
    <x v="0"/>
    <x v="0"/>
    <x v="4"/>
    <x v="2"/>
    <n v="0"/>
    <n v="1.88"/>
  </r>
  <r>
    <s v="03"/>
    <s v="KY"/>
    <s v="KY"/>
    <s v="202208"/>
    <x v="1"/>
    <x v="0"/>
    <x v="0"/>
    <x v="4"/>
    <x v="3"/>
    <n v="0"/>
    <n v="71.7"/>
  </r>
  <r>
    <s v="03"/>
    <s v="KY"/>
    <s v="KY"/>
    <s v="202208"/>
    <x v="1"/>
    <x v="0"/>
    <x v="0"/>
    <x v="4"/>
    <x v="4"/>
    <n v="0"/>
    <n v="3.43"/>
  </r>
  <r>
    <s v="03"/>
    <s v="KY"/>
    <s v="KY"/>
    <s v="202208"/>
    <x v="1"/>
    <x v="0"/>
    <x v="0"/>
    <x v="4"/>
    <x v="5"/>
    <n v="0"/>
    <n v="60.19"/>
  </r>
  <r>
    <s v="03"/>
    <s v="KY"/>
    <s v="KY"/>
    <s v="202208"/>
    <x v="1"/>
    <x v="0"/>
    <x v="0"/>
    <x v="4"/>
    <x v="6"/>
    <n v="0"/>
    <n v="22.81"/>
  </r>
  <r>
    <s v="03"/>
    <s v="KY"/>
    <s v="KY"/>
    <s v="202208"/>
    <x v="1"/>
    <x v="0"/>
    <x v="0"/>
    <x v="4"/>
    <x v="15"/>
    <n v="0"/>
    <n v="545.38"/>
  </r>
  <r>
    <s v="03"/>
    <s v="KY"/>
    <s v="KY"/>
    <s v="202208"/>
    <x v="1"/>
    <x v="0"/>
    <x v="0"/>
    <x v="4"/>
    <x v="17"/>
    <n v="0"/>
    <n v="732.2"/>
  </r>
  <r>
    <s v="03"/>
    <s v="KY"/>
    <s v="KY"/>
    <s v="202208"/>
    <x v="1"/>
    <x v="0"/>
    <x v="0"/>
    <x v="4"/>
    <x v="21"/>
    <n v="0"/>
    <n v="0.09"/>
  </r>
  <r>
    <s v="03"/>
    <s v="KY"/>
    <s v="KY"/>
    <s v="202208"/>
    <x v="1"/>
    <x v="0"/>
    <x v="0"/>
    <x v="4"/>
    <x v="43"/>
    <n v="0"/>
    <n v="1192.6300000000001"/>
  </r>
  <r>
    <s v="03"/>
    <s v="KY"/>
    <s v="KY"/>
    <s v="202208"/>
    <x v="1"/>
    <x v="0"/>
    <x v="0"/>
    <x v="5"/>
    <x v="9"/>
    <n v="0"/>
    <n v="2.7"/>
  </r>
  <r>
    <s v="03"/>
    <s v="KY"/>
    <s v="KY"/>
    <s v="202208"/>
    <x v="1"/>
    <x v="0"/>
    <x v="0"/>
    <x v="5"/>
    <x v="2"/>
    <n v="0"/>
    <n v="2.58"/>
  </r>
  <r>
    <s v="03"/>
    <s v="KY"/>
    <s v="KY"/>
    <s v="202208"/>
    <x v="1"/>
    <x v="0"/>
    <x v="0"/>
    <x v="5"/>
    <x v="10"/>
    <n v="0"/>
    <n v="4.84"/>
  </r>
  <r>
    <s v="03"/>
    <s v="KY"/>
    <s v="KY"/>
    <s v="202208"/>
    <x v="1"/>
    <x v="0"/>
    <x v="0"/>
    <x v="5"/>
    <x v="3"/>
    <n v="0"/>
    <n v="3.01"/>
  </r>
  <r>
    <s v="03"/>
    <s v="KY"/>
    <s v="KY"/>
    <s v="202208"/>
    <x v="1"/>
    <x v="0"/>
    <x v="0"/>
    <x v="5"/>
    <x v="4"/>
    <n v="0"/>
    <n v="2.75"/>
  </r>
  <r>
    <s v="03"/>
    <s v="KY"/>
    <s v="KY"/>
    <s v="202208"/>
    <x v="1"/>
    <x v="0"/>
    <x v="0"/>
    <x v="5"/>
    <x v="5"/>
    <n v="0"/>
    <n v="58.14"/>
  </r>
  <r>
    <s v="03"/>
    <s v="KY"/>
    <s v="KY"/>
    <s v="202208"/>
    <x v="1"/>
    <x v="0"/>
    <x v="0"/>
    <x v="5"/>
    <x v="6"/>
    <n v="0"/>
    <n v="3.9"/>
  </r>
  <r>
    <s v="03"/>
    <s v="KY"/>
    <s v="KY"/>
    <s v="202208"/>
    <x v="1"/>
    <x v="0"/>
    <x v="0"/>
    <x v="5"/>
    <x v="15"/>
    <n v="0"/>
    <n v="933.04"/>
  </r>
  <r>
    <s v="03"/>
    <s v="KY"/>
    <s v="KY"/>
    <s v="202208"/>
    <x v="1"/>
    <x v="0"/>
    <x v="0"/>
    <x v="5"/>
    <x v="17"/>
    <n v="0"/>
    <n v="3753.48"/>
  </r>
  <r>
    <s v="03"/>
    <s v="KY"/>
    <s v="KY"/>
    <s v="202208"/>
    <x v="1"/>
    <x v="0"/>
    <x v="0"/>
    <x v="5"/>
    <x v="18"/>
    <n v="0"/>
    <n v="195.54"/>
  </r>
  <r>
    <s v="03"/>
    <s v="KY"/>
    <s v="KY"/>
    <s v="202208"/>
    <x v="1"/>
    <x v="0"/>
    <x v="0"/>
    <x v="5"/>
    <x v="25"/>
    <n v="0"/>
    <n v="369.38"/>
  </r>
  <r>
    <s v="03"/>
    <s v="KY"/>
    <s v="KY"/>
    <s v="202208"/>
    <x v="1"/>
    <x v="0"/>
    <x v="0"/>
    <x v="5"/>
    <x v="21"/>
    <n v="0"/>
    <n v="1698.18"/>
  </r>
  <r>
    <s v="03"/>
    <s v="KY"/>
    <s v="KY"/>
    <s v="202208"/>
    <x v="1"/>
    <x v="0"/>
    <x v="0"/>
    <x v="5"/>
    <x v="26"/>
    <n v="0"/>
    <n v="3636.58"/>
  </r>
  <r>
    <s v="03"/>
    <s v="KY"/>
    <s v="KY"/>
    <s v="202208"/>
    <x v="1"/>
    <x v="0"/>
    <x v="0"/>
    <x v="5"/>
    <x v="27"/>
    <n v="0"/>
    <n v="11356.48"/>
  </r>
  <r>
    <s v="03"/>
    <s v="KY"/>
    <s v="KY"/>
    <s v="202208"/>
    <x v="1"/>
    <x v="0"/>
    <x v="0"/>
    <x v="5"/>
    <x v="23"/>
    <n v="0"/>
    <n v="16998.27"/>
  </r>
  <r>
    <s v="03"/>
    <s v="KY"/>
    <s v="KY"/>
    <s v="202208"/>
    <x v="1"/>
    <x v="0"/>
    <x v="0"/>
    <x v="6"/>
    <x v="6"/>
    <n v="0"/>
    <n v="0.48"/>
  </r>
  <r>
    <s v="03"/>
    <s v="KY"/>
    <s v="KY"/>
    <s v="202208"/>
    <x v="1"/>
    <x v="0"/>
    <x v="0"/>
    <x v="6"/>
    <x v="15"/>
    <n v="0"/>
    <n v="60.35"/>
  </r>
  <r>
    <s v="03"/>
    <s v="KY"/>
    <s v="KY"/>
    <s v="202208"/>
    <x v="1"/>
    <x v="0"/>
    <x v="0"/>
    <x v="6"/>
    <x v="17"/>
    <n v="0"/>
    <n v="211.57"/>
  </r>
  <r>
    <s v="03"/>
    <s v="KY"/>
    <s v="KY"/>
    <s v="202208"/>
    <x v="1"/>
    <x v="0"/>
    <x v="0"/>
    <x v="6"/>
    <x v="25"/>
    <n v="0"/>
    <n v="132.66"/>
  </r>
  <r>
    <s v="03"/>
    <s v="KY"/>
    <s v="KY"/>
    <s v="202208"/>
    <x v="1"/>
    <x v="0"/>
    <x v="0"/>
    <x v="6"/>
    <x v="21"/>
    <n v="0"/>
    <n v="1115.81"/>
  </r>
  <r>
    <s v="03"/>
    <s v="KY"/>
    <s v="KY"/>
    <s v="202208"/>
    <x v="1"/>
    <x v="0"/>
    <x v="0"/>
    <x v="6"/>
    <x v="26"/>
    <n v="0"/>
    <n v="1157.24"/>
  </r>
  <r>
    <s v="03"/>
    <s v="KY"/>
    <s v="KY"/>
    <s v="202208"/>
    <x v="1"/>
    <x v="0"/>
    <x v="0"/>
    <x v="7"/>
    <x v="2"/>
    <n v="0"/>
    <n v="0.67"/>
  </r>
  <r>
    <s v="03"/>
    <s v="KY"/>
    <s v="KY"/>
    <s v="202208"/>
    <x v="1"/>
    <x v="0"/>
    <x v="0"/>
    <x v="7"/>
    <x v="3"/>
    <n v="0"/>
    <n v="11.23"/>
  </r>
  <r>
    <s v="03"/>
    <s v="KY"/>
    <s v="KY"/>
    <s v="202208"/>
    <x v="1"/>
    <x v="0"/>
    <x v="0"/>
    <x v="7"/>
    <x v="4"/>
    <n v="0"/>
    <n v="1.1200000000000001"/>
  </r>
  <r>
    <s v="03"/>
    <s v="KY"/>
    <s v="KY"/>
    <s v="202208"/>
    <x v="1"/>
    <x v="0"/>
    <x v="0"/>
    <x v="7"/>
    <x v="6"/>
    <n v="0"/>
    <n v="2.44"/>
  </r>
  <r>
    <s v="03"/>
    <s v="KY"/>
    <s v="KY"/>
    <s v="202208"/>
    <x v="1"/>
    <x v="0"/>
    <x v="0"/>
    <x v="7"/>
    <x v="15"/>
    <n v="0"/>
    <n v="67.010000000000005"/>
  </r>
  <r>
    <s v="03"/>
    <s v="KY"/>
    <s v="KY"/>
    <s v="202208"/>
    <x v="1"/>
    <x v="0"/>
    <x v="0"/>
    <x v="7"/>
    <x v="17"/>
    <n v="0"/>
    <n v="443.2"/>
  </r>
  <r>
    <s v="03"/>
    <s v="KY"/>
    <s v="KY"/>
    <s v="202208"/>
    <x v="1"/>
    <x v="0"/>
    <x v="0"/>
    <x v="7"/>
    <x v="25"/>
    <n v="0"/>
    <n v="591.94000000000005"/>
  </r>
  <r>
    <s v="03"/>
    <s v="KY"/>
    <s v="KY"/>
    <s v="202208"/>
    <x v="1"/>
    <x v="0"/>
    <x v="0"/>
    <x v="7"/>
    <x v="28"/>
    <n v="0"/>
    <n v="136.71"/>
  </r>
  <r>
    <s v="03"/>
    <s v="KY"/>
    <s v="KY"/>
    <s v="202208"/>
    <x v="1"/>
    <x v="0"/>
    <x v="0"/>
    <x v="7"/>
    <x v="21"/>
    <n v="0"/>
    <n v="227.35"/>
  </r>
  <r>
    <s v="03"/>
    <s v="KY"/>
    <s v="KY"/>
    <s v="202208"/>
    <x v="1"/>
    <x v="0"/>
    <x v="0"/>
    <x v="7"/>
    <x v="26"/>
    <n v="0"/>
    <n v="12572.87"/>
  </r>
  <r>
    <s v="03"/>
    <s v="KY"/>
    <s v="KY"/>
    <s v="202208"/>
    <x v="1"/>
    <x v="0"/>
    <x v="0"/>
    <x v="7"/>
    <x v="22"/>
    <n v="0"/>
    <n v="919.52"/>
  </r>
  <r>
    <s v="03"/>
    <s v="KY"/>
    <s v="KY"/>
    <s v="202208"/>
    <x v="1"/>
    <x v="0"/>
    <x v="0"/>
    <x v="7"/>
    <x v="39"/>
    <n v="0"/>
    <n v="1830.98"/>
  </r>
  <r>
    <s v="03"/>
    <s v="KY"/>
    <s v="KY"/>
    <s v="202208"/>
    <x v="1"/>
    <x v="0"/>
    <x v="0"/>
    <x v="7"/>
    <x v="40"/>
    <n v="0"/>
    <n v="15205.26"/>
  </r>
  <r>
    <s v="03"/>
    <s v="KY"/>
    <s v="KY"/>
    <s v="202208"/>
    <x v="1"/>
    <x v="0"/>
    <x v="0"/>
    <x v="7"/>
    <x v="27"/>
    <n v="0"/>
    <n v="10421.77"/>
  </r>
  <r>
    <s v="03"/>
    <s v="KY"/>
    <s v="KY"/>
    <s v="202208"/>
    <x v="1"/>
    <x v="0"/>
    <x v="0"/>
    <x v="7"/>
    <x v="23"/>
    <n v="0"/>
    <n v="14331.32"/>
  </r>
  <r>
    <s v="03"/>
    <s v="KY"/>
    <s v="KY"/>
    <s v="202208"/>
    <x v="2"/>
    <x v="0"/>
    <x v="0"/>
    <x v="0"/>
    <x v="0"/>
    <n v="0"/>
    <n v="-1.68"/>
  </r>
  <r>
    <s v="03"/>
    <s v="KY"/>
    <s v="KY"/>
    <s v="202208"/>
    <x v="2"/>
    <x v="0"/>
    <x v="0"/>
    <x v="0"/>
    <x v="2"/>
    <n v="0"/>
    <n v="-0.63"/>
  </r>
  <r>
    <s v="03"/>
    <s v="KY"/>
    <s v="KY"/>
    <s v="202208"/>
    <x v="2"/>
    <x v="0"/>
    <x v="0"/>
    <x v="1"/>
    <x v="6"/>
    <n v="0"/>
    <n v="-0.75"/>
  </r>
  <r>
    <s v="03"/>
    <s v="KY"/>
    <s v="KY"/>
    <s v="202208"/>
    <x v="2"/>
    <x v="0"/>
    <x v="0"/>
    <x v="2"/>
    <x v="5"/>
    <n v="0"/>
    <n v="-5.19"/>
  </r>
  <r>
    <s v="03"/>
    <s v="KY"/>
    <s v="KY"/>
    <s v="202208"/>
    <x v="2"/>
    <x v="0"/>
    <x v="0"/>
    <x v="2"/>
    <x v="15"/>
    <n v="0"/>
    <n v="-112.01"/>
  </r>
  <r>
    <s v="03"/>
    <s v="KY"/>
    <s v="KY"/>
    <s v="202208"/>
    <x v="2"/>
    <x v="0"/>
    <x v="0"/>
    <x v="2"/>
    <x v="16"/>
    <n v="0"/>
    <n v="-3.93"/>
  </r>
  <r>
    <s v="03"/>
    <s v="KY"/>
    <s v="KY"/>
    <s v="202208"/>
    <x v="2"/>
    <x v="0"/>
    <x v="0"/>
    <x v="2"/>
    <x v="17"/>
    <n v="0"/>
    <n v="-168.24"/>
  </r>
  <r>
    <s v="03"/>
    <s v="KY"/>
    <s v="KY"/>
    <s v="202208"/>
    <x v="2"/>
    <x v="0"/>
    <x v="0"/>
    <x v="3"/>
    <x v="15"/>
    <n v="0"/>
    <n v="-1.73"/>
  </r>
  <r>
    <s v="03"/>
    <s v="KY"/>
    <s v="KY"/>
    <s v="202208"/>
    <x v="2"/>
    <x v="0"/>
    <x v="0"/>
    <x v="3"/>
    <x v="17"/>
    <n v="0"/>
    <n v="-704.45"/>
  </r>
  <r>
    <s v="03"/>
    <s v="KY"/>
    <s v="KY"/>
    <s v="202208"/>
    <x v="2"/>
    <x v="0"/>
    <x v="0"/>
    <x v="5"/>
    <x v="2"/>
    <n v="0"/>
    <n v="-2.58"/>
  </r>
  <r>
    <s v="03"/>
    <s v="KY"/>
    <s v="KY"/>
    <s v="202208"/>
    <x v="2"/>
    <x v="0"/>
    <x v="0"/>
    <x v="5"/>
    <x v="17"/>
    <n v="0"/>
    <n v="-118.09"/>
  </r>
  <r>
    <s v="03"/>
    <s v="KY"/>
    <s v="KY"/>
    <s v="202208"/>
    <x v="2"/>
    <x v="0"/>
    <x v="0"/>
    <x v="5"/>
    <x v="27"/>
    <n v="0"/>
    <n v="-4708.62"/>
  </r>
  <r>
    <s v="03"/>
    <s v="KY"/>
    <s v="KY"/>
    <s v="202209"/>
    <x v="0"/>
    <x v="0"/>
    <x v="0"/>
    <x v="0"/>
    <x v="0"/>
    <n v="0"/>
    <n v="-29.67"/>
  </r>
  <r>
    <s v="03"/>
    <s v="KY"/>
    <s v="KY"/>
    <s v="202209"/>
    <x v="0"/>
    <x v="0"/>
    <x v="0"/>
    <x v="0"/>
    <x v="1"/>
    <n v="0"/>
    <n v="-12.34"/>
  </r>
  <r>
    <s v="03"/>
    <s v="KY"/>
    <s v="KY"/>
    <s v="202209"/>
    <x v="0"/>
    <x v="0"/>
    <x v="0"/>
    <x v="0"/>
    <x v="2"/>
    <n v="0"/>
    <n v="-28.95"/>
  </r>
  <r>
    <s v="03"/>
    <s v="KY"/>
    <s v="KY"/>
    <s v="202209"/>
    <x v="0"/>
    <x v="0"/>
    <x v="0"/>
    <x v="0"/>
    <x v="3"/>
    <n v="0"/>
    <n v="-1.9"/>
  </r>
  <r>
    <s v="03"/>
    <s v="KY"/>
    <s v="KY"/>
    <s v="202209"/>
    <x v="0"/>
    <x v="0"/>
    <x v="0"/>
    <x v="0"/>
    <x v="4"/>
    <n v="0"/>
    <n v="-1.08"/>
  </r>
  <r>
    <s v="03"/>
    <s v="KY"/>
    <s v="KY"/>
    <s v="202209"/>
    <x v="0"/>
    <x v="0"/>
    <x v="0"/>
    <x v="0"/>
    <x v="5"/>
    <n v="0"/>
    <n v="-1.6"/>
  </r>
  <r>
    <s v="03"/>
    <s v="KY"/>
    <s v="KY"/>
    <s v="202209"/>
    <x v="0"/>
    <x v="0"/>
    <x v="0"/>
    <x v="0"/>
    <x v="6"/>
    <n v="0"/>
    <n v="-8.7899999999999991"/>
  </r>
  <r>
    <s v="03"/>
    <s v="KY"/>
    <s v="KY"/>
    <s v="202209"/>
    <x v="0"/>
    <x v="0"/>
    <x v="0"/>
    <x v="0"/>
    <x v="7"/>
    <n v="0"/>
    <n v="-5.62"/>
  </r>
  <r>
    <s v="03"/>
    <s v="KY"/>
    <s v="KY"/>
    <s v="202209"/>
    <x v="0"/>
    <x v="0"/>
    <x v="0"/>
    <x v="1"/>
    <x v="0"/>
    <n v="0"/>
    <n v="-21.66"/>
  </r>
  <r>
    <s v="03"/>
    <s v="KY"/>
    <s v="KY"/>
    <s v="202209"/>
    <x v="0"/>
    <x v="0"/>
    <x v="0"/>
    <x v="1"/>
    <x v="1"/>
    <n v="0"/>
    <n v="-63.99"/>
  </r>
  <r>
    <s v="03"/>
    <s v="KY"/>
    <s v="KY"/>
    <s v="202209"/>
    <x v="0"/>
    <x v="0"/>
    <x v="0"/>
    <x v="1"/>
    <x v="47"/>
    <n v="0"/>
    <n v="-3.66"/>
  </r>
  <r>
    <s v="03"/>
    <s v="KY"/>
    <s v="KY"/>
    <s v="202209"/>
    <x v="0"/>
    <x v="0"/>
    <x v="0"/>
    <x v="1"/>
    <x v="2"/>
    <n v="0"/>
    <n v="-15.68"/>
  </r>
  <r>
    <s v="03"/>
    <s v="KY"/>
    <s v="KY"/>
    <s v="202209"/>
    <x v="0"/>
    <x v="0"/>
    <x v="0"/>
    <x v="1"/>
    <x v="3"/>
    <n v="0"/>
    <n v="-0.92"/>
  </r>
  <r>
    <s v="03"/>
    <s v="KY"/>
    <s v="KY"/>
    <s v="202209"/>
    <x v="0"/>
    <x v="0"/>
    <x v="0"/>
    <x v="1"/>
    <x v="4"/>
    <n v="0"/>
    <n v="-1.17"/>
  </r>
  <r>
    <s v="03"/>
    <s v="KY"/>
    <s v="KY"/>
    <s v="202209"/>
    <x v="0"/>
    <x v="0"/>
    <x v="0"/>
    <x v="1"/>
    <x v="5"/>
    <n v="0"/>
    <n v="-1.6"/>
  </r>
  <r>
    <s v="03"/>
    <s v="KY"/>
    <s v="KY"/>
    <s v="202209"/>
    <x v="0"/>
    <x v="0"/>
    <x v="0"/>
    <x v="1"/>
    <x v="6"/>
    <n v="0"/>
    <n v="-16.12"/>
  </r>
  <r>
    <s v="03"/>
    <s v="KY"/>
    <s v="KY"/>
    <s v="202209"/>
    <x v="0"/>
    <x v="0"/>
    <x v="0"/>
    <x v="1"/>
    <x v="7"/>
    <n v="0"/>
    <n v="-2.62"/>
  </r>
  <r>
    <s v="03"/>
    <s v="KY"/>
    <s v="KY"/>
    <s v="202209"/>
    <x v="0"/>
    <x v="0"/>
    <x v="0"/>
    <x v="2"/>
    <x v="2"/>
    <n v="0"/>
    <n v="-28.09"/>
  </r>
  <r>
    <s v="03"/>
    <s v="KY"/>
    <s v="KY"/>
    <s v="202209"/>
    <x v="0"/>
    <x v="0"/>
    <x v="0"/>
    <x v="2"/>
    <x v="10"/>
    <n v="0"/>
    <n v="-8.74"/>
  </r>
  <r>
    <s v="03"/>
    <s v="KY"/>
    <s v="KY"/>
    <s v="202209"/>
    <x v="0"/>
    <x v="0"/>
    <x v="0"/>
    <x v="2"/>
    <x v="3"/>
    <n v="0"/>
    <n v="-21.92"/>
  </r>
  <r>
    <s v="03"/>
    <s v="KY"/>
    <s v="KY"/>
    <s v="202209"/>
    <x v="0"/>
    <x v="0"/>
    <x v="0"/>
    <x v="2"/>
    <x v="4"/>
    <n v="0"/>
    <n v="-20.65"/>
  </r>
  <r>
    <s v="03"/>
    <s v="KY"/>
    <s v="KY"/>
    <s v="202209"/>
    <x v="0"/>
    <x v="0"/>
    <x v="0"/>
    <x v="2"/>
    <x v="5"/>
    <n v="0"/>
    <n v="-119"/>
  </r>
  <r>
    <s v="03"/>
    <s v="KY"/>
    <s v="KY"/>
    <s v="202209"/>
    <x v="0"/>
    <x v="0"/>
    <x v="0"/>
    <x v="2"/>
    <x v="33"/>
    <n v="0"/>
    <n v="-2.83"/>
  </r>
  <r>
    <s v="03"/>
    <s v="KY"/>
    <s v="KY"/>
    <s v="202209"/>
    <x v="0"/>
    <x v="0"/>
    <x v="0"/>
    <x v="2"/>
    <x v="6"/>
    <n v="0"/>
    <n v="-17.68"/>
  </r>
  <r>
    <s v="03"/>
    <s v="KY"/>
    <s v="KY"/>
    <s v="202209"/>
    <x v="0"/>
    <x v="0"/>
    <x v="0"/>
    <x v="2"/>
    <x v="11"/>
    <n v="0"/>
    <n v="-10.58"/>
  </r>
  <r>
    <s v="03"/>
    <s v="KY"/>
    <s v="KY"/>
    <s v="202209"/>
    <x v="0"/>
    <x v="0"/>
    <x v="0"/>
    <x v="2"/>
    <x v="7"/>
    <n v="0"/>
    <n v="-9.16"/>
  </r>
  <r>
    <s v="03"/>
    <s v="KY"/>
    <s v="KY"/>
    <s v="202209"/>
    <x v="0"/>
    <x v="0"/>
    <x v="0"/>
    <x v="2"/>
    <x v="48"/>
    <n v="0"/>
    <n v="-5.33"/>
  </r>
  <r>
    <s v="03"/>
    <s v="KY"/>
    <s v="KY"/>
    <s v="202209"/>
    <x v="0"/>
    <x v="0"/>
    <x v="0"/>
    <x v="2"/>
    <x v="14"/>
    <n v="0"/>
    <n v="-74.239999999999995"/>
  </r>
  <r>
    <s v="03"/>
    <s v="KY"/>
    <s v="KY"/>
    <s v="202209"/>
    <x v="0"/>
    <x v="0"/>
    <x v="0"/>
    <x v="2"/>
    <x v="15"/>
    <n v="0"/>
    <n v="-4359.54"/>
  </r>
  <r>
    <s v="03"/>
    <s v="KY"/>
    <s v="KY"/>
    <s v="202209"/>
    <x v="0"/>
    <x v="0"/>
    <x v="0"/>
    <x v="2"/>
    <x v="16"/>
    <n v="0"/>
    <n v="-31.26"/>
  </r>
  <r>
    <s v="03"/>
    <s v="KY"/>
    <s v="KY"/>
    <s v="202209"/>
    <x v="0"/>
    <x v="0"/>
    <x v="0"/>
    <x v="2"/>
    <x v="17"/>
    <n v="0"/>
    <n v="-8792.9"/>
  </r>
  <r>
    <s v="03"/>
    <s v="KY"/>
    <s v="KY"/>
    <s v="202209"/>
    <x v="0"/>
    <x v="0"/>
    <x v="0"/>
    <x v="2"/>
    <x v="20"/>
    <n v="0"/>
    <n v="-17.28"/>
  </r>
  <r>
    <s v="03"/>
    <s v="KY"/>
    <s v="KY"/>
    <s v="202209"/>
    <x v="0"/>
    <x v="0"/>
    <x v="0"/>
    <x v="2"/>
    <x v="21"/>
    <n v="0"/>
    <n v="-7871.4"/>
  </r>
  <r>
    <s v="03"/>
    <s v="KY"/>
    <s v="KY"/>
    <s v="202209"/>
    <x v="0"/>
    <x v="0"/>
    <x v="0"/>
    <x v="2"/>
    <x v="36"/>
    <n v="0"/>
    <n v="-2291.94"/>
  </r>
  <r>
    <s v="03"/>
    <s v="KY"/>
    <s v="KY"/>
    <s v="202209"/>
    <x v="0"/>
    <x v="0"/>
    <x v="0"/>
    <x v="2"/>
    <x v="23"/>
    <n v="0"/>
    <n v="-29402.84"/>
  </r>
  <r>
    <s v="03"/>
    <s v="KY"/>
    <s v="KY"/>
    <s v="202209"/>
    <x v="0"/>
    <x v="0"/>
    <x v="0"/>
    <x v="3"/>
    <x v="2"/>
    <n v="0"/>
    <n v="-8.31"/>
  </r>
  <r>
    <s v="03"/>
    <s v="KY"/>
    <s v="KY"/>
    <s v="202209"/>
    <x v="0"/>
    <x v="0"/>
    <x v="0"/>
    <x v="3"/>
    <x v="3"/>
    <n v="0"/>
    <n v="-10.91"/>
  </r>
  <r>
    <s v="03"/>
    <s v="KY"/>
    <s v="KY"/>
    <s v="202209"/>
    <x v="0"/>
    <x v="0"/>
    <x v="0"/>
    <x v="3"/>
    <x v="4"/>
    <n v="0"/>
    <n v="-7.83"/>
  </r>
  <r>
    <s v="03"/>
    <s v="KY"/>
    <s v="KY"/>
    <s v="202209"/>
    <x v="0"/>
    <x v="0"/>
    <x v="0"/>
    <x v="3"/>
    <x v="5"/>
    <n v="0"/>
    <n v="-48.27"/>
  </r>
  <r>
    <s v="03"/>
    <s v="KY"/>
    <s v="KY"/>
    <s v="202209"/>
    <x v="0"/>
    <x v="0"/>
    <x v="0"/>
    <x v="3"/>
    <x v="8"/>
    <n v="0"/>
    <n v="-3.47"/>
  </r>
  <r>
    <s v="03"/>
    <s v="KY"/>
    <s v="KY"/>
    <s v="202209"/>
    <x v="0"/>
    <x v="0"/>
    <x v="0"/>
    <x v="3"/>
    <x v="6"/>
    <n v="0"/>
    <n v="-15.47"/>
  </r>
  <r>
    <s v="03"/>
    <s v="KY"/>
    <s v="KY"/>
    <s v="202209"/>
    <x v="0"/>
    <x v="0"/>
    <x v="0"/>
    <x v="3"/>
    <x v="11"/>
    <n v="0"/>
    <n v="-3.56"/>
  </r>
  <r>
    <s v="03"/>
    <s v="KY"/>
    <s v="KY"/>
    <s v="202209"/>
    <x v="0"/>
    <x v="0"/>
    <x v="0"/>
    <x v="3"/>
    <x v="15"/>
    <n v="0"/>
    <n v="-1252.79"/>
  </r>
  <r>
    <s v="03"/>
    <s v="KY"/>
    <s v="KY"/>
    <s v="202209"/>
    <x v="0"/>
    <x v="0"/>
    <x v="0"/>
    <x v="3"/>
    <x v="17"/>
    <n v="0"/>
    <n v="-5229.32"/>
  </r>
  <r>
    <s v="03"/>
    <s v="KY"/>
    <s v="KY"/>
    <s v="202209"/>
    <x v="0"/>
    <x v="0"/>
    <x v="0"/>
    <x v="3"/>
    <x v="18"/>
    <n v="0"/>
    <n v="-305.07"/>
  </r>
  <r>
    <s v="03"/>
    <s v="KY"/>
    <s v="KY"/>
    <s v="202209"/>
    <x v="0"/>
    <x v="0"/>
    <x v="0"/>
    <x v="3"/>
    <x v="20"/>
    <n v="0"/>
    <n v="-150.51"/>
  </r>
  <r>
    <s v="03"/>
    <s v="KY"/>
    <s v="KY"/>
    <s v="202209"/>
    <x v="0"/>
    <x v="0"/>
    <x v="0"/>
    <x v="3"/>
    <x v="21"/>
    <n v="0"/>
    <n v="-3400.19"/>
  </r>
  <r>
    <s v="03"/>
    <s v="KY"/>
    <s v="KY"/>
    <s v="202209"/>
    <x v="0"/>
    <x v="0"/>
    <x v="0"/>
    <x v="3"/>
    <x v="26"/>
    <n v="0"/>
    <n v="-1116.51"/>
  </r>
  <r>
    <s v="03"/>
    <s v="KY"/>
    <s v="KY"/>
    <s v="202209"/>
    <x v="0"/>
    <x v="0"/>
    <x v="0"/>
    <x v="4"/>
    <x v="3"/>
    <n v="0"/>
    <n v="-9"/>
  </r>
  <r>
    <s v="03"/>
    <s v="KY"/>
    <s v="KY"/>
    <s v="202209"/>
    <x v="0"/>
    <x v="0"/>
    <x v="0"/>
    <x v="4"/>
    <x v="15"/>
    <n v="0"/>
    <n v="-175.85"/>
  </r>
  <r>
    <s v="03"/>
    <s v="KY"/>
    <s v="KY"/>
    <s v="202209"/>
    <x v="0"/>
    <x v="0"/>
    <x v="0"/>
    <x v="4"/>
    <x v="17"/>
    <n v="0"/>
    <n v="-35.869999999999997"/>
  </r>
  <r>
    <s v="03"/>
    <s v="KY"/>
    <s v="KY"/>
    <s v="202209"/>
    <x v="0"/>
    <x v="0"/>
    <x v="0"/>
    <x v="5"/>
    <x v="2"/>
    <n v="0"/>
    <n v="-3.37"/>
  </r>
  <r>
    <s v="03"/>
    <s v="KY"/>
    <s v="KY"/>
    <s v="202209"/>
    <x v="0"/>
    <x v="0"/>
    <x v="0"/>
    <x v="5"/>
    <x v="10"/>
    <n v="0"/>
    <n v="-4.5599999999999996"/>
  </r>
  <r>
    <s v="03"/>
    <s v="KY"/>
    <s v="KY"/>
    <s v="202209"/>
    <x v="0"/>
    <x v="0"/>
    <x v="0"/>
    <x v="5"/>
    <x v="3"/>
    <n v="0"/>
    <n v="-0.96"/>
  </r>
  <r>
    <s v="03"/>
    <s v="KY"/>
    <s v="KY"/>
    <s v="202209"/>
    <x v="0"/>
    <x v="0"/>
    <x v="0"/>
    <x v="5"/>
    <x v="4"/>
    <n v="0"/>
    <n v="-1.1100000000000001"/>
  </r>
  <r>
    <s v="03"/>
    <s v="KY"/>
    <s v="KY"/>
    <s v="202209"/>
    <x v="0"/>
    <x v="0"/>
    <x v="0"/>
    <x v="5"/>
    <x v="5"/>
    <n v="0"/>
    <n v="-8.3000000000000007"/>
  </r>
  <r>
    <s v="03"/>
    <s v="KY"/>
    <s v="KY"/>
    <s v="202209"/>
    <x v="0"/>
    <x v="0"/>
    <x v="0"/>
    <x v="5"/>
    <x v="6"/>
    <n v="0"/>
    <n v="-2.34"/>
  </r>
  <r>
    <s v="03"/>
    <s v="KY"/>
    <s v="KY"/>
    <s v="202209"/>
    <x v="0"/>
    <x v="0"/>
    <x v="0"/>
    <x v="5"/>
    <x v="15"/>
    <n v="0"/>
    <n v="-119.57"/>
  </r>
  <r>
    <s v="03"/>
    <s v="KY"/>
    <s v="KY"/>
    <s v="202209"/>
    <x v="0"/>
    <x v="0"/>
    <x v="0"/>
    <x v="5"/>
    <x v="17"/>
    <n v="0"/>
    <n v="-1769.22"/>
  </r>
  <r>
    <s v="03"/>
    <s v="KY"/>
    <s v="KY"/>
    <s v="202209"/>
    <x v="0"/>
    <x v="0"/>
    <x v="0"/>
    <x v="5"/>
    <x v="18"/>
    <n v="0"/>
    <n v="-161.78"/>
  </r>
  <r>
    <s v="03"/>
    <s v="KY"/>
    <s v="KY"/>
    <s v="202209"/>
    <x v="0"/>
    <x v="0"/>
    <x v="0"/>
    <x v="5"/>
    <x v="21"/>
    <n v="0"/>
    <n v="-4797.8100000000004"/>
  </r>
  <r>
    <s v="03"/>
    <s v="KY"/>
    <s v="KY"/>
    <s v="202209"/>
    <x v="0"/>
    <x v="0"/>
    <x v="0"/>
    <x v="5"/>
    <x v="26"/>
    <n v="0"/>
    <n v="-2711.9"/>
  </r>
  <r>
    <s v="03"/>
    <s v="KY"/>
    <s v="KY"/>
    <s v="202209"/>
    <x v="0"/>
    <x v="0"/>
    <x v="0"/>
    <x v="5"/>
    <x v="27"/>
    <n v="0"/>
    <n v="-6711.01"/>
  </r>
  <r>
    <s v="03"/>
    <s v="KY"/>
    <s v="KY"/>
    <s v="202209"/>
    <x v="0"/>
    <x v="0"/>
    <x v="0"/>
    <x v="6"/>
    <x v="15"/>
    <n v="0"/>
    <n v="-9.69"/>
  </r>
  <r>
    <s v="03"/>
    <s v="KY"/>
    <s v="KY"/>
    <s v="202209"/>
    <x v="0"/>
    <x v="0"/>
    <x v="0"/>
    <x v="6"/>
    <x v="17"/>
    <n v="0"/>
    <n v="-105.07"/>
  </r>
  <r>
    <s v="03"/>
    <s v="KY"/>
    <s v="KY"/>
    <s v="202209"/>
    <x v="0"/>
    <x v="0"/>
    <x v="0"/>
    <x v="7"/>
    <x v="15"/>
    <n v="0"/>
    <n v="-22.86"/>
  </r>
  <r>
    <s v="03"/>
    <s v="KY"/>
    <s v="KY"/>
    <s v="202209"/>
    <x v="0"/>
    <x v="0"/>
    <x v="0"/>
    <x v="7"/>
    <x v="17"/>
    <n v="0"/>
    <n v="-164.1"/>
  </r>
  <r>
    <s v="03"/>
    <s v="KY"/>
    <s v="KY"/>
    <s v="202209"/>
    <x v="0"/>
    <x v="0"/>
    <x v="0"/>
    <x v="7"/>
    <x v="25"/>
    <n v="0"/>
    <n v="-6.26"/>
  </r>
  <r>
    <s v="03"/>
    <s v="KY"/>
    <s v="KY"/>
    <s v="202209"/>
    <x v="0"/>
    <x v="0"/>
    <x v="0"/>
    <x v="7"/>
    <x v="26"/>
    <n v="0"/>
    <n v="-2001.93"/>
  </r>
  <r>
    <s v="03"/>
    <s v="KY"/>
    <s v="KY"/>
    <s v="202209"/>
    <x v="0"/>
    <x v="0"/>
    <x v="0"/>
    <x v="7"/>
    <x v="40"/>
    <n v="0"/>
    <n v="-11596.06"/>
  </r>
  <r>
    <s v="03"/>
    <s v="KY"/>
    <s v="KY"/>
    <s v="202209"/>
    <x v="1"/>
    <x v="0"/>
    <x v="0"/>
    <x v="8"/>
    <x v="29"/>
    <n v="0"/>
    <n v="14693.14"/>
  </r>
  <r>
    <s v="03"/>
    <s v="KY"/>
    <s v="KY"/>
    <s v="202209"/>
    <x v="1"/>
    <x v="0"/>
    <x v="0"/>
    <x v="0"/>
    <x v="30"/>
    <n v="0"/>
    <n v="0.66"/>
  </r>
  <r>
    <s v="03"/>
    <s v="KY"/>
    <s v="KY"/>
    <s v="202209"/>
    <x v="1"/>
    <x v="0"/>
    <x v="0"/>
    <x v="0"/>
    <x v="0"/>
    <n v="0"/>
    <n v="348.52"/>
  </r>
  <r>
    <s v="03"/>
    <s v="KY"/>
    <s v="KY"/>
    <s v="202209"/>
    <x v="1"/>
    <x v="0"/>
    <x v="0"/>
    <x v="0"/>
    <x v="1"/>
    <n v="0"/>
    <n v="148.63"/>
  </r>
  <r>
    <s v="03"/>
    <s v="KY"/>
    <s v="KY"/>
    <s v="202209"/>
    <x v="1"/>
    <x v="0"/>
    <x v="0"/>
    <x v="0"/>
    <x v="9"/>
    <n v="0"/>
    <n v="8.59"/>
  </r>
  <r>
    <s v="03"/>
    <s v="KY"/>
    <s v="KY"/>
    <s v="202209"/>
    <x v="1"/>
    <x v="0"/>
    <x v="0"/>
    <x v="0"/>
    <x v="2"/>
    <n v="0"/>
    <n v="201.8"/>
  </r>
  <r>
    <s v="03"/>
    <s v="KY"/>
    <s v="KY"/>
    <s v="202209"/>
    <x v="1"/>
    <x v="0"/>
    <x v="0"/>
    <x v="0"/>
    <x v="3"/>
    <n v="0"/>
    <n v="12.99"/>
  </r>
  <r>
    <s v="03"/>
    <s v="KY"/>
    <s v="KY"/>
    <s v="202209"/>
    <x v="1"/>
    <x v="0"/>
    <x v="0"/>
    <x v="0"/>
    <x v="4"/>
    <n v="0"/>
    <n v="10.82"/>
  </r>
  <r>
    <s v="03"/>
    <s v="KY"/>
    <s v="KY"/>
    <s v="202209"/>
    <x v="1"/>
    <x v="0"/>
    <x v="0"/>
    <x v="0"/>
    <x v="5"/>
    <n v="0"/>
    <n v="16.73"/>
  </r>
  <r>
    <s v="03"/>
    <s v="KY"/>
    <s v="KY"/>
    <s v="202209"/>
    <x v="1"/>
    <x v="0"/>
    <x v="0"/>
    <x v="0"/>
    <x v="8"/>
    <n v="0"/>
    <n v="1.94"/>
  </r>
  <r>
    <s v="03"/>
    <s v="KY"/>
    <s v="KY"/>
    <s v="202209"/>
    <x v="1"/>
    <x v="0"/>
    <x v="0"/>
    <x v="0"/>
    <x v="6"/>
    <n v="0"/>
    <n v="132.66999999999999"/>
  </r>
  <r>
    <s v="03"/>
    <s v="KY"/>
    <s v="KY"/>
    <s v="202209"/>
    <x v="1"/>
    <x v="0"/>
    <x v="0"/>
    <x v="0"/>
    <x v="7"/>
    <n v="0"/>
    <n v="42.11"/>
  </r>
  <r>
    <s v="03"/>
    <s v="KY"/>
    <s v="KY"/>
    <s v="202209"/>
    <x v="1"/>
    <x v="0"/>
    <x v="0"/>
    <x v="1"/>
    <x v="30"/>
    <n v="0"/>
    <n v="0.77"/>
  </r>
  <r>
    <s v="03"/>
    <s v="KY"/>
    <s v="KY"/>
    <s v="202209"/>
    <x v="1"/>
    <x v="0"/>
    <x v="0"/>
    <x v="1"/>
    <x v="0"/>
    <n v="0"/>
    <n v="372.06"/>
  </r>
  <r>
    <s v="03"/>
    <s v="KY"/>
    <s v="KY"/>
    <s v="202209"/>
    <x v="1"/>
    <x v="0"/>
    <x v="0"/>
    <x v="1"/>
    <x v="31"/>
    <n v="0"/>
    <n v="0.64"/>
  </r>
  <r>
    <s v="03"/>
    <s v="KY"/>
    <s v="KY"/>
    <s v="202209"/>
    <x v="1"/>
    <x v="0"/>
    <x v="0"/>
    <x v="1"/>
    <x v="1"/>
    <n v="0"/>
    <n v="698.97"/>
  </r>
  <r>
    <s v="03"/>
    <s v="KY"/>
    <s v="KY"/>
    <s v="202209"/>
    <x v="1"/>
    <x v="0"/>
    <x v="0"/>
    <x v="1"/>
    <x v="47"/>
    <n v="0"/>
    <n v="3.66"/>
  </r>
  <r>
    <s v="03"/>
    <s v="KY"/>
    <s v="KY"/>
    <s v="202209"/>
    <x v="1"/>
    <x v="0"/>
    <x v="0"/>
    <x v="1"/>
    <x v="9"/>
    <n v="0"/>
    <n v="1.63"/>
  </r>
  <r>
    <s v="03"/>
    <s v="KY"/>
    <s v="KY"/>
    <s v="202209"/>
    <x v="1"/>
    <x v="0"/>
    <x v="0"/>
    <x v="1"/>
    <x v="2"/>
    <n v="0"/>
    <n v="155.6"/>
  </r>
  <r>
    <s v="03"/>
    <s v="KY"/>
    <s v="KY"/>
    <s v="202209"/>
    <x v="1"/>
    <x v="0"/>
    <x v="0"/>
    <x v="1"/>
    <x v="3"/>
    <n v="0"/>
    <n v="13.73"/>
  </r>
  <r>
    <s v="03"/>
    <s v="KY"/>
    <s v="KY"/>
    <s v="202209"/>
    <x v="1"/>
    <x v="0"/>
    <x v="0"/>
    <x v="1"/>
    <x v="4"/>
    <n v="0"/>
    <n v="4.16"/>
  </r>
  <r>
    <s v="03"/>
    <s v="KY"/>
    <s v="KY"/>
    <s v="202209"/>
    <x v="1"/>
    <x v="0"/>
    <x v="0"/>
    <x v="1"/>
    <x v="5"/>
    <n v="0"/>
    <n v="20.9"/>
  </r>
  <r>
    <s v="03"/>
    <s v="KY"/>
    <s v="KY"/>
    <s v="202209"/>
    <x v="1"/>
    <x v="0"/>
    <x v="0"/>
    <x v="1"/>
    <x v="8"/>
    <n v="0"/>
    <n v="8.98"/>
  </r>
  <r>
    <s v="03"/>
    <s v="KY"/>
    <s v="KY"/>
    <s v="202209"/>
    <x v="1"/>
    <x v="0"/>
    <x v="0"/>
    <x v="1"/>
    <x v="6"/>
    <n v="0"/>
    <n v="140.81"/>
  </r>
  <r>
    <s v="03"/>
    <s v="KY"/>
    <s v="KY"/>
    <s v="202209"/>
    <x v="1"/>
    <x v="0"/>
    <x v="0"/>
    <x v="1"/>
    <x v="7"/>
    <n v="0"/>
    <n v="26.76"/>
  </r>
  <r>
    <s v="03"/>
    <s v="KY"/>
    <s v="KY"/>
    <s v="202209"/>
    <x v="1"/>
    <x v="0"/>
    <x v="0"/>
    <x v="1"/>
    <x v="15"/>
    <n v="0"/>
    <n v="3.8"/>
  </r>
  <r>
    <s v="03"/>
    <s v="KY"/>
    <s v="KY"/>
    <s v="202209"/>
    <x v="1"/>
    <x v="0"/>
    <x v="0"/>
    <x v="2"/>
    <x v="9"/>
    <n v="0"/>
    <n v="23.75"/>
  </r>
  <r>
    <s v="03"/>
    <s v="KY"/>
    <s v="KY"/>
    <s v="202209"/>
    <x v="1"/>
    <x v="0"/>
    <x v="0"/>
    <x v="2"/>
    <x v="2"/>
    <n v="0"/>
    <n v="138.57"/>
  </r>
  <r>
    <s v="03"/>
    <s v="KY"/>
    <s v="KY"/>
    <s v="202209"/>
    <x v="1"/>
    <x v="0"/>
    <x v="0"/>
    <x v="2"/>
    <x v="10"/>
    <n v="0"/>
    <n v="10.38"/>
  </r>
  <r>
    <s v="03"/>
    <s v="KY"/>
    <s v="KY"/>
    <s v="202209"/>
    <x v="1"/>
    <x v="0"/>
    <x v="0"/>
    <x v="2"/>
    <x v="3"/>
    <n v="0"/>
    <n v="98.2"/>
  </r>
  <r>
    <s v="03"/>
    <s v="KY"/>
    <s v="KY"/>
    <s v="202209"/>
    <x v="1"/>
    <x v="0"/>
    <x v="0"/>
    <x v="2"/>
    <x v="32"/>
    <n v="0"/>
    <n v="11.41"/>
  </r>
  <r>
    <s v="03"/>
    <s v="KY"/>
    <s v="KY"/>
    <s v="202209"/>
    <x v="1"/>
    <x v="0"/>
    <x v="0"/>
    <x v="2"/>
    <x v="4"/>
    <n v="0"/>
    <n v="112.59"/>
  </r>
  <r>
    <s v="03"/>
    <s v="KY"/>
    <s v="KY"/>
    <s v="202209"/>
    <x v="1"/>
    <x v="0"/>
    <x v="0"/>
    <x v="2"/>
    <x v="5"/>
    <n v="0"/>
    <n v="412.8"/>
  </r>
  <r>
    <s v="03"/>
    <s v="KY"/>
    <s v="KY"/>
    <s v="202209"/>
    <x v="1"/>
    <x v="0"/>
    <x v="0"/>
    <x v="2"/>
    <x v="33"/>
    <n v="0"/>
    <n v="4.07"/>
  </r>
  <r>
    <s v="03"/>
    <s v="KY"/>
    <s v="KY"/>
    <s v="202209"/>
    <x v="1"/>
    <x v="0"/>
    <x v="0"/>
    <x v="2"/>
    <x v="8"/>
    <n v="0"/>
    <n v="86.09"/>
  </r>
  <r>
    <s v="03"/>
    <s v="KY"/>
    <s v="KY"/>
    <s v="202209"/>
    <x v="1"/>
    <x v="0"/>
    <x v="0"/>
    <x v="2"/>
    <x v="6"/>
    <n v="0"/>
    <n v="194.08"/>
  </r>
  <r>
    <s v="03"/>
    <s v="KY"/>
    <s v="KY"/>
    <s v="202209"/>
    <x v="1"/>
    <x v="0"/>
    <x v="0"/>
    <x v="2"/>
    <x v="11"/>
    <n v="0"/>
    <n v="142.84"/>
  </r>
  <r>
    <s v="03"/>
    <s v="KY"/>
    <s v="KY"/>
    <s v="202209"/>
    <x v="1"/>
    <x v="0"/>
    <x v="0"/>
    <x v="2"/>
    <x v="13"/>
    <n v="0"/>
    <n v="74.53"/>
  </r>
  <r>
    <s v="03"/>
    <s v="KY"/>
    <s v="KY"/>
    <s v="202209"/>
    <x v="1"/>
    <x v="0"/>
    <x v="0"/>
    <x v="2"/>
    <x v="7"/>
    <n v="0"/>
    <n v="37.92"/>
  </r>
  <r>
    <s v="03"/>
    <s v="KY"/>
    <s v="KY"/>
    <s v="202209"/>
    <x v="1"/>
    <x v="0"/>
    <x v="0"/>
    <x v="2"/>
    <x v="14"/>
    <n v="0"/>
    <n v="164.58"/>
  </r>
  <r>
    <s v="03"/>
    <s v="KY"/>
    <s v="KY"/>
    <s v="202209"/>
    <x v="1"/>
    <x v="0"/>
    <x v="0"/>
    <x v="2"/>
    <x v="15"/>
    <n v="0"/>
    <n v="32083.42"/>
  </r>
  <r>
    <s v="03"/>
    <s v="KY"/>
    <s v="KY"/>
    <s v="202209"/>
    <x v="1"/>
    <x v="0"/>
    <x v="0"/>
    <x v="2"/>
    <x v="16"/>
    <n v="0"/>
    <n v="317.52"/>
  </r>
  <r>
    <s v="03"/>
    <s v="KY"/>
    <s v="KY"/>
    <s v="202209"/>
    <x v="1"/>
    <x v="0"/>
    <x v="0"/>
    <x v="2"/>
    <x v="42"/>
    <n v="0"/>
    <n v="4.9400000000000004"/>
  </r>
  <r>
    <s v="03"/>
    <s v="KY"/>
    <s v="KY"/>
    <s v="202209"/>
    <x v="1"/>
    <x v="0"/>
    <x v="0"/>
    <x v="2"/>
    <x v="17"/>
    <n v="0"/>
    <n v="43852.15"/>
  </r>
  <r>
    <s v="03"/>
    <s v="KY"/>
    <s v="KY"/>
    <s v="202209"/>
    <x v="1"/>
    <x v="0"/>
    <x v="0"/>
    <x v="2"/>
    <x v="18"/>
    <n v="0"/>
    <n v="50.36"/>
  </r>
  <r>
    <s v="03"/>
    <s v="KY"/>
    <s v="KY"/>
    <s v="202209"/>
    <x v="1"/>
    <x v="0"/>
    <x v="0"/>
    <x v="2"/>
    <x v="25"/>
    <n v="0"/>
    <n v="34.61"/>
  </r>
  <r>
    <s v="03"/>
    <s v="KY"/>
    <s v="KY"/>
    <s v="202209"/>
    <x v="1"/>
    <x v="0"/>
    <x v="0"/>
    <x v="2"/>
    <x v="35"/>
    <n v="0"/>
    <n v="17.329999999999998"/>
  </r>
  <r>
    <s v="03"/>
    <s v="KY"/>
    <s v="KY"/>
    <s v="202209"/>
    <x v="1"/>
    <x v="0"/>
    <x v="0"/>
    <x v="2"/>
    <x v="24"/>
    <n v="0"/>
    <n v="11.67"/>
  </r>
  <r>
    <s v="03"/>
    <s v="KY"/>
    <s v="KY"/>
    <s v="202209"/>
    <x v="1"/>
    <x v="0"/>
    <x v="0"/>
    <x v="2"/>
    <x v="19"/>
    <n v="0"/>
    <n v="39.57"/>
  </r>
  <r>
    <s v="03"/>
    <s v="KY"/>
    <s v="KY"/>
    <s v="202209"/>
    <x v="1"/>
    <x v="0"/>
    <x v="0"/>
    <x v="2"/>
    <x v="20"/>
    <n v="0"/>
    <n v="407.51"/>
  </r>
  <r>
    <s v="03"/>
    <s v="KY"/>
    <s v="KY"/>
    <s v="202209"/>
    <x v="1"/>
    <x v="0"/>
    <x v="0"/>
    <x v="2"/>
    <x v="21"/>
    <n v="0"/>
    <n v="18703.03"/>
  </r>
  <r>
    <s v="03"/>
    <s v="KY"/>
    <s v="KY"/>
    <s v="202209"/>
    <x v="1"/>
    <x v="0"/>
    <x v="0"/>
    <x v="2"/>
    <x v="26"/>
    <n v="0"/>
    <n v="1869.58"/>
  </r>
  <r>
    <s v="03"/>
    <s v="KY"/>
    <s v="KY"/>
    <s v="202209"/>
    <x v="1"/>
    <x v="0"/>
    <x v="0"/>
    <x v="2"/>
    <x v="36"/>
    <n v="0"/>
    <n v="4498.2"/>
  </r>
  <r>
    <s v="03"/>
    <s v="KY"/>
    <s v="KY"/>
    <s v="202209"/>
    <x v="1"/>
    <x v="0"/>
    <x v="0"/>
    <x v="2"/>
    <x v="23"/>
    <n v="0"/>
    <n v="47357.15"/>
  </r>
  <r>
    <s v="03"/>
    <s v="KY"/>
    <s v="KY"/>
    <s v="202209"/>
    <x v="1"/>
    <x v="0"/>
    <x v="0"/>
    <x v="3"/>
    <x v="2"/>
    <n v="0"/>
    <n v="35.29"/>
  </r>
  <r>
    <s v="03"/>
    <s v="KY"/>
    <s v="KY"/>
    <s v="202209"/>
    <x v="1"/>
    <x v="0"/>
    <x v="0"/>
    <x v="3"/>
    <x v="3"/>
    <n v="0"/>
    <n v="20.84"/>
  </r>
  <r>
    <s v="03"/>
    <s v="KY"/>
    <s v="KY"/>
    <s v="202209"/>
    <x v="1"/>
    <x v="0"/>
    <x v="0"/>
    <x v="3"/>
    <x v="4"/>
    <n v="0"/>
    <n v="29.56"/>
  </r>
  <r>
    <s v="03"/>
    <s v="KY"/>
    <s v="KY"/>
    <s v="202209"/>
    <x v="1"/>
    <x v="0"/>
    <x v="0"/>
    <x v="3"/>
    <x v="5"/>
    <n v="0"/>
    <n v="123.6"/>
  </r>
  <r>
    <s v="03"/>
    <s v="KY"/>
    <s v="KY"/>
    <s v="202209"/>
    <x v="1"/>
    <x v="0"/>
    <x v="0"/>
    <x v="3"/>
    <x v="33"/>
    <n v="0"/>
    <n v="22.97"/>
  </r>
  <r>
    <s v="03"/>
    <s v="KY"/>
    <s v="KY"/>
    <s v="202209"/>
    <x v="1"/>
    <x v="0"/>
    <x v="0"/>
    <x v="3"/>
    <x v="8"/>
    <n v="0"/>
    <n v="3.47"/>
  </r>
  <r>
    <s v="03"/>
    <s v="KY"/>
    <s v="KY"/>
    <s v="202209"/>
    <x v="1"/>
    <x v="0"/>
    <x v="0"/>
    <x v="3"/>
    <x v="6"/>
    <n v="0"/>
    <n v="31.64"/>
  </r>
  <r>
    <s v="03"/>
    <s v="KY"/>
    <s v="KY"/>
    <s v="202209"/>
    <x v="1"/>
    <x v="0"/>
    <x v="0"/>
    <x v="3"/>
    <x v="11"/>
    <n v="0"/>
    <n v="12.59"/>
  </r>
  <r>
    <s v="03"/>
    <s v="KY"/>
    <s v="KY"/>
    <s v="202209"/>
    <x v="1"/>
    <x v="0"/>
    <x v="0"/>
    <x v="3"/>
    <x v="7"/>
    <n v="0"/>
    <n v="4.12"/>
  </r>
  <r>
    <s v="03"/>
    <s v="KY"/>
    <s v="KY"/>
    <s v="202209"/>
    <x v="1"/>
    <x v="0"/>
    <x v="0"/>
    <x v="3"/>
    <x v="15"/>
    <n v="0"/>
    <n v="6758.51"/>
  </r>
  <r>
    <s v="03"/>
    <s v="KY"/>
    <s v="KY"/>
    <s v="202209"/>
    <x v="1"/>
    <x v="0"/>
    <x v="0"/>
    <x v="3"/>
    <x v="17"/>
    <n v="0"/>
    <n v="25130.44"/>
  </r>
  <r>
    <s v="03"/>
    <s v="KY"/>
    <s v="KY"/>
    <s v="202209"/>
    <x v="1"/>
    <x v="0"/>
    <x v="0"/>
    <x v="3"/>
    <x v="18"/>
    <n v="0"/>
    <n v="370.92"/>
  </r>
  <r>
    <s v="03"/>
    <s v="KY"/>
    <s v="KY"/>
    <s v="202209"/>
    <x v="1"/>
    <x v="0"/>
    <x v="0"/>
    <x v="3"/>
    <x v="35"/>
    <n v="0"/>
    <n v="39.94"/>
  </r>
  <r>
    <s v="03"/>
    <s v="KY"/>
    <s v="KY"/>
    <s v="202209"/>
    <x v="1"/>
    <x v="0"/>
    <x v="0"/>
    <x v="3"/>
    <x v="24"/>
    <n v="0"/>
    <n v="130.18"/>
  </r>
  <r>
    <s v="03"/>
    <s v="KY"/>
    <s v="KY"/>
    <s v="202209"/>
    <x v="1"/>
    <x v="0"/>
    <x v="0"/>
    <x v="3"/>
    <x v="19"/>
    <n v="0"/>
    <n v="24.37"/>
  </r>
  <r>
    <s v="03"/>
    <s v="KY"/>
    <s v="KY"/>
    <s v="202209"/>
    <x v="1"/>
    <x v="0"/>
    <x v="0"/>
    <x v="3"/>
    <x v="20"/>
    <n v="0"/>
    <n v="279.37"/>
  </r>
  <r>
    <s v="03"/>
    <s v="KY"/>
    <s v="KY"/>
    <s v="202209"/>
    <x v="1"/>
    <x v="0"/>
    <x v="0"/>
    <x v="3"/>
    <x v="21"/>
    <n v="0"/>
    <n v="14038.25"/>
  </r>
  <r>
    <s v="03"/>
    <s v="KY"/>
    <s v="KY"/>
    <s v="202209"/>
    <x v="1"/>
    <x v="0"/>
    <x v="0"/>
    <x v="3"/>
    <x v="26"/>
    <n v="0"/>
    <n v="2309.5300000000002"/>
  </r>
  <r>
    <s v="03"/>
    <s v="KY"/>
    <s v="KY"/>
    <s v="202209"/>
    <x v="1"/>
    <x v="0"/>
    <x v="0"/>
    <x v="3"/>
    <x v="22"/>
    <n v="0"/>
    <n v="990.51"/>
  </r>
  <r>
    <s v="03"/>
    <s v="KY"/>
    <s v="KY"/>
    <s v="202209"/>
    <x v="1"/>
    <x v="0"/>
    <x v="0"/>
    <x v="3"/>
    <x v="38"/>
    <n v="0"/>
    <n v="576.70000000000005"/>
  </r>
  <r>
    <s v="03"/>
    <s v="KY"/>
    <s v="KY"/>
    <s v="202209"/>
    <x v="1"/>
    <x v="0"/>
    <x v="0"/>
    <x v="4"/>
    <x v="2"/>
    <n v="0"/>
    <n v="1.8"/>
  </r>
  <r>
    <s v="03"/>
    <s v="KY"/>
    <s v="KY"/>
    <s v="202209"/>
    <x v="1"/>
    <x v="0"/>
    <x v="0"/>
    <x v="4"/>
    <x v="3"/>
    <n v="0"/>
    <n v="24.78"/>
  </r>
  <r>
    <s v="03"/>
    <s v="KY"/>
    <s v="KY"/>
    <s v="202209"/>
    <x v="1"/>
    <x v="0"/>
    <x v="0"/>
    <x v="4"/>
    <x v="6"/>
    <n v="0"/>
    <n v="14.66"/>
  </r>
  <r>
    <s v="03"/>
    <s v="KY"/>
    <s v="KY"/>
    <s v="202209"/>
    <x v="1"/>
    <x v="0"/>
    <x v="0"/>
    <x v="4"/>
    <x v="15"/>
    <n v="0"/>
    <n v="487.58"/>
  </r>
  <r>
    <s v="03"/>
    <s v="KY"/>
    <s v="KY"/>
    <s v="202209"/>
    <x v="1"/>
    <x v="0"/>
    <x v="0"/>
    <x v="4"/>
    <x v="17"/>
    <n v="0"/>
    <n v="844.07"/>
  </r>
  <r>
    <s v="03"/>
    <s v="KY"/>
    <s v="KY"/>
    <s v="202209"/>
    <x v="1"/>
    <x v="0"/>
    <x v="0"/>
    <x v="4"/>
    <x v="21"/>
    <n v="0"/>
    <n v="359.96"/>
  </r>
  <r>
    <s v="03"/>
    <s v="KY"/>
    <s v="KY"/>
    <s v="202209"/>
    <x v="1"/>
    <x v="0"/>
    <x v="0"/>
    <x v="4"/>
    <x v="43"/>
    <n v="0"/>
    <n v="1124.3699999999999"/>
  </r>
  <r>
    <s v="03"/>
    <s v="KY"/>
    <s v="KY"/>
    <s v="202209"/>
    <x v="1"/>
    <x v="0"/>
    <x v="0"/>
    <x v="5"/>
    <x v="9"/>
    <n v="0"/>
    <n v="8.14"/>
  </r>
  <r>
    <s v="03"/>
    <s v="KY"/>
    <s v="KY"/>
    <s v="202209"/>
    <x v="1"/>
    <x v="0"/>
    <x v="0"/>
    <x v="5"/>
    <x v="2"/>
    <n v="0"/>
    <n v="5.39"/>
  </r>
  <r>
    <s v="03"/>
    <s v="KY"/>
    <s v="KY"/>
    <s v="202209"/>
    <x v="1"/>
    <x v="0"/>
    <x v="0"/>
    <x v="5"/>
    <x v="10"/>
    <n v="0"/>
    <n v="4.5599999999999996"/>
  </r>
  <r>
    <s v="03"/>
    <s v="KY"/>
    <s v="KY"/>
    <s v="202209"/>
    <x v="1"/>
    <x v="0"/>
    <x v="0"/>
    <x v="5"/>
    <x v="3"/>
    <n v="0"/>
    <n v="2.91"/>
  </r>
  <r>
    <s v="03"/>
    <s v="KY"/>
    <s v="KY"/>
    <s v="202209"/>
    <x v="1"/>
    <x v="0"/>
    <x v="0"/>
    <x v="5"/>
    <x v="4"/>
    <n v="0"/>
    <n v="3.88"/>
  </r>
  <r>
    <s v="03"/>
    <s v="KY"/>
    <s v="KY"/>
    <s v="202209"/>
    <x v="1"/>
    <x v="0"/>
    <x v="0"/>
    <x v="5"/>
    <x v="5"/>
    <n v="0"/>
    <n v="15.06"/>
  </r>
  <r>
    <s v="03"/>
    <s v="KY"/>
    <s v="KY"/>
    <s v="202209"/>
    <x v="1"/>
    <x v="0"/>
    <x v="0"/>
    <x v="5"/>
    <x v="6"/>
    <n v="0"/>
    <n v="3.11"/>
  </r>
  <r>
    <s v="03"/>
    <s v="KY"/>
    <s v="KY"/>
    <s v="202209"/>
    <x v="1"/>
    <x v="0"/>
    <x v="0"/>
    <x v="5"/>
    <x v="14"/>
    <n v="0"/>
    <n v="8.77"/>
  </r>
  <r>
    <s v="03"/>
    <s v="KY"/>
    <s v="KY"/>
    <s v="202209"/>
    <x v="1"/>
    <x v="0"/>
    <x v="0"/>
    <x v="5"/>
    <x v="15"/>
    <n v="0"/>
    <n v="990.31"/>
  </r>
  <r>
    <s v="03"/>
    <s v="KY"/>
    <s v="KY"/>
    <s v="202209"/>
    <x v="1"/>
    <x v="0"/>
    <x v="0"/>
    <x v="5"/>
    <x v="17"/>
    <n v="0"/>
    <n v="3915.83"/>
  </r>
  <r>
    <s v="03"/>
    <s v="KY"/>
    <s v="KY"/>
    <s v="202209"/>
    <x v="1"/>
    <x v="0"/>
    <x v="0"/>
    <x v="5"/>
    <x v="18"/>
    <n v="0"/>
    <n v="237.03"/>
  </r>
  <r>
    <s v="03"/>
    <s v="KY"/>
    <s v="KY"/>
    <s v="202209"/>
    <x v="1"/>
    <x v="0"/>
    <x v="0"/>
    <x v="5"/>
    <x v="25"/>
    <n v="0"/>
    <n v="25.81"/>
  </r>
  <r>
    <s v="03"/>
    <s v="KY"/>
    <s v="KY"/>
    <s v="202209"/>
    <x v="1"/>
    <x v="0"/>
    <x v="0"/>
    <x v="5"/>
    <x v="21"/>
    <n v="0"/>
    <n v="5725.81"/>
  </r>
  <r>
    <s v="03"/>
    <s v="KY"/>
    <s v="KY"/>
    <s v="202209"/>
    <x v="1"/>
    <x v="0"/>
    <x v="0"/>
    <x v="5"/>
    <x v="26"/>
    <n v="0"/>
    <n v="6931.18"/>
  </r>
  <r>
    <s v="03"/>
    <s v="KY"/>
    <s v="KY"/>
    <s v="202209"/>
    <x v="1"/>
    <x v="0"/>
    <x v="0"/>
    <x v="5"/>
    <x v="27"/>
    <n v="0"/>
    <n v="14806.61"/>
  </r>
  <r>
    <s v="03"/>
    <s v="KY"/>
    <s v="KY"/>
    <s v="202209"/>
    <x v="1"/>
    <x v="0"/>
    <x v="0"/>
    <x v="5"/>
    <x v="37"/>
    <n v="0"/>
    <n v="6563.85"/>
  </r>
  <r>
    <s v="03"/>
    <s v="KY"/>
    <s v="KY"/>
    <s v="202209"/>
    <x v="1"/>
    <x v="0"/>
    <x v="0"/>
    <x v="6"/>
    <x v="6"/>
    <n v="0"/>
    <n v="5.14"/>
  </r>
  <r>
    <s v="03"/>
    <s v="KY"/>
    <s v="KY"/>
    <s v="202209"/>
    <x v="1"/>
    <x v="0"/>
    <x v="0"/>
    <x v="6"/>
    <x v="15"/>
    <n v="0"/>
    <n v="19.8"/>
  </r>
  <r>
    <s v="03"/>
    <s v="KY"/>
    <s v="KY"/>
    <s v="202209"/>
    <x v="1"/>
    <x v="0"/>
    <x v="0"/>
    <x v="6"/>
    <x v="17"/>
    <n v="0"/>
    <n v="214.99"/>
  </r>
  <r>
    <s v="03"/>
    <s v="KY"/>
    <s v="KY"/>
    <s v="202209"/>
    <x v="1"/>
    <x v="0"/>
    <x v="0"/>
    <x v="6"/>
    <x v="25"/>
    <n v="0"/>
    <n v="98.71"/>
  </r>
  <r>
    <s v="03"/>
    <s v="KY"/>
    <s v="KY"/>
    <s v="202209"/>
    <x v="1"/>
    <x v="0"/>
    <x v="0"/>
    <x v="6"/>
    <x v="21"/>
    <n v="0"/>
    <n v="604.61"/>
  </r>
  <r>
    <s v="03"/>
    <s v="KY"/>
    <s v="KY"/>
    <s v="202209"/>
    <x v="1"/>
    <x v="0"/>
    <x v="0"/>
    <x v="6"/>
    <x v="26"/>
    <n v="0"/>
    <n v="944.88"/>
  </r>
  <r>
    <s v="03"/>
    <s v="KY"/>
    <s v="KY"/>
    <s v="202209"/>
    <x v="1"/>
    <x v="0"/>
    <x v="0"/>
    <x v="7"/>
    <x v="2"/>
    <n v="0"/>
    <n v="2.73"/>
  </r>
  <r>
    <s v="03"/>
    <s v="KY"/>
    <s v="KY"/>
    <s v="202209"/>
    <x v="1"/>
    <x v="0"/>
    <x v="0"/>
    <x v="7"/>
    <x v="3"/>
    <n v="0"/>
    <n v="10.93"/>
  </r>
  <r>
    <s v="03"/>
    <s v="KY"/>
    <s v="KY"/>
    <s v="202209"/>
    <x v="1"/>
    <x v="0"/>
    <x v="0"/>
    <x v="7"/>
    <x v="4"/>
    <n v="0"/>
    <n v="1.0900000000000001"/>
  </r>
  <r>
    <s v="03"/>
    <s v="KY"/>
    <s v="KY"/>
    <s v="202209"/>
    <x v="1"/>
    <x v="0"/>
    <x v="0"/>
    <x v="7"/>
    <x v="15"/>
    <n v="0"/>
    <n v="82.07"/>
  </r>
  <r>
    <s v="03"/>
    <s v="KY"/>
    <s v="KY"/>
    <s v="202209"/>
    <x v="1"/>
    <x v="0"/>
    <x v="0"/>
    <x v="7"/>
    <x v="17"/>
    <n v="0"/>
    <n v="417.24"/>
  </r>
  <r>
    <s v="03"/>
    <s v="KY"/>
    <s v="KY"/>
    <s v="202209"/>
    <x v="1"/>
    <x v="0"/>
    <x v="0"/>
    <x v="7"/>
    <x v="18"/>
    <n v="0"/>
    <n v="6.45"/>
  </r>
  <r>
    <s v="03"/>
    <s v="KY"/>
    <s v="KY"/>
    <s v="202209"/>
    <x v="1"/>
    <x v="0"/>
    <x v="0"/>
    <x v="7"/>
    <x v="25"/>
    <n v="0"/>
    <n v="470.9"/>
  </r>
  <r>
    <s v="03"/>
    <s v="KY"/>
    <s v="KY"/>
    <s v="202209"/>
    <x v="1"/>
    <x v="0"/>
    <x v="0"/>
    <x v="7"/>
    <x v="28"/>
    <n v="0"/>
    <n v="136.91999999999999"/>
  </r>
  <r>
    <s v="03"/>
    <s v="KY"/>
    <s v="KY"/>
    <s v="202209"/>
    <x v="1"/>
    <x v="0"/>
    <x v="0"/>
    <x v="7"/>
    <x v="21"/>
    <n v="0"/>
    <n v="214.72"/>
  </r>
  <r>
    <s v="03"/>
    <s v="KY"/>
    <s v="KY"/>
    <s v="202209"/>
    <x v="1"/>
    <x v="0"/>
    <x v="0"/>
    <x v="7"/>
    <x v="26"/>
    <n v="0"/>
    <n v="11486.07"/>
  </r>
  <r>
    <s v="03"/>
    <s v="KY"/>
    <s v="KY"/>
    <s v="202209"/>
    <x v="1"/>
    <x v="0"/>
    <x v="0"/>
    <x v="7"/>
    <x v="22"/>
    <n v="0"/>
    <n v="906.84"/>
  </r>
  <r>
    <s v="03"/>
    <s v="KY"/>
    <s v="KY"/>
    <s v="202209"/>
    <x v="1"/>
    <x v="0"/>
    <x v="0"/>
    <x v="7"/>
    <x v="40"/>
    <n v="0"/>
    <n v="15051.72"/>
  </r>
  <r>
    <s v="03"/>
    <s v="KY"/>
    <s v="KY"/>
    <s v="202209"/>
    <x v="1"/>
    <x v="0"/>
    <x v="0"/>
    <x v="7"/>
    <x v="27"/>
    <n v="0"/>
    <n v="18462.3"/>
  </r>
  <r>
    <s v="03"/>
    <s v="KY"/>
    <s v="KY"/>
    <s v="202209"/>
    <x v="1"/>
    <x v="0"/>
    <x v="0"/>
    <x v="7"/>
    <x v="23"/>
    <n v="0"/>
    <n v="14823.42"/>
  </r>
  <r>
    <s v="03"/>
    <s v="KY"/>
    <s v="KY"/>
    <s v="202209"/>
    <x v="2"/>
    <x v="0"/>
    <x v="0"/>
    <x v="0"/>
    <x v="2"/>
    <n v="0"/>
    <n v="-2.61"/>
  </r>
  <r>
    <s v="03"/>
    <s v="KY"/>
    <s v="KY"/>
    <s v="202209"/>
    <x v="2"/>
    <x v="0"/>
    <x v="0"/>
    <x v="0"/>
    <x v="6"/>
    <n v="0"/>
    <n v="-2.09"/>
  </r>
  <r>
    <s v="03"/>
    <s v="KY"/>
    <s v="KY"/>
    <s v="202209"/>
    <x v="2"/>
    <x v="0"/>
    <x v="0"/>
    <x v="0"/>
    <x v="7"/>
    <n v="0"/>
    <n v="-1.31"/>
  </r>
  <r>
    <s v="03"/>
    <s v="KY"/>
    <s v="KY"/>
    <s v="202209"/>
    <x v="2"/>
    <x v="0"/>
    <x v="0"/>
    <x v="1"/>
    <x v="0"/>
    <n v="0"/>
    <n v="-1.18"/>
  </r>
  <r>
    <s v="03"/>
    <s v="KY"/>
    <s v="KY"/>
    <s v="202209"/>
    <x v="2"/>
    <x v="0"/>
    <x v="0"/>
    <x v="1"/>
    <x v="1"/>
    <n v="0"/>
    <n v="-1.41"/>
  </r>
  <r>
    <s v="03"/>
    <s v="KY"/>
    <s v="KY"/>
    <s v="202209"/>
    <x v="2"/>
    <x v="0"/>
    <x v="0"/>
    <x v="1"/>
    <x v="6"/>
    <n v="0"/>
    <n v="-0.75"/>
  </r>
  <r>
    <s v="03"/>
    <s v="KY"/>
    <s v="KY"/>
    <s v="202209"/>
    <x v="2"/>
    <x v="0"/>
    <x v="0"/>
    <x v="1"/>
    <x v="7"/>
    <n v="0"/>
    <n v="-0.45"/>
  </r>
  <r>
    <s v="03"/>
    <s v="KY"/>
    <s v="KY"/>
    <s v="202209"/>
    <x v="2"/>
    <x v="0"/>
    <x v="0"/>
    <x v="2"/>
    <x v="2"/>
    <n v="0"/>
    <n v="-1.32"/>
  </r>
  <r>
    <s v="03"/>
    <s v="KY"/>
    <s v="KY"/>
    <s v="202209"/>
    <x v="2"/>
    <x v="0"/>
    <x v="0"/>
    <x v="2"/>
    <x v="3"/>
    <n v="0"/>
    <n v="-1.05"/>
  </r>
  <r>
    <s v="03"/>
    <s v="KY"/>
    <s v="KY"/>
    <s v="202209"/>
    <x v="2"/>
    <x v="0"/>
    <x v="0"/>
    <x v="2"/>
    <x v="14"/>
    <n v="0"/>
    <n v="-11.95"/>
  </r>
  <r>
    <s v="03"/>
    <s v="KY"/>
    <s v="KY"/>
    <s v="202209"/>
    <x v="2"/>
    <x v="0"/>
    <x v="0"/>
    <x v="2"/>
    <x v="15"/>
    <n v="0"/>
    <n v="-126.58"/>
  </r>
  <r>
    <s v="03"/>
    <s v="KY"/>
    <s v="KY"/>
    <s v="202209"/>
    <x v="2"/>
    <x v="0"/>
    <x v="0"/>
    <x v="2"/>
    <x v="17"/>
    <n v="0"/>
    <n v="-543.20000000000005"/>
  </r>
  <r>
    <s v="03"/>
    <s v="KY"/>
    <s v="KY"/>
    <s v="202209"/>
    <x v="2"/>
    <x v="0"/>
    <x v="0"/>
    <x v="2"/>
    <x v="21"/>
    <n v="0"/>
    <n v="-893.13"/>
  </r>
  <r>
    <s v="03"/>
    <s v="KY"/>
    <s v="KY"/>
    <s v="202209"/>
    <x v="2"/>
    <x v="0"/>
    <x v="0"/>
    <x v="3"/>
    <x v="5"/>
    <n v="0"/>
    <n v="-1.83"/>
  </r>
  <r>
    <s v="03"/>
    <s v="KY"/>
    <s v="KY"/>
    <s v="202209"/>
    <x v="2"/>
    <x v="0"/>
    <x v="0"/>
    <x v="3"/>
    <x v="17"/>
    <n v="0"/>
    <n v="-520.41"/>
  </r>
  <r>
    <s v="03"/>
    <s v="KY"/>
    <s v="KY"/>
    <s v="202210"/>
    <x v="0"/>
    <x v="0"/>
    <x v="0"/>
    <x v="0"/>
    <x v="30"/>
    <n v="0"/>
    <n v="-8.6999999999999993"/>
  </r>
  <r>
    <s v="03"/>
    <s v="KY"/>
    <s v="KY"/>
    <s v="202210"/>
    <x v="0"/>
    <x v="0"/>
    <x v="0"/>
    <x v="0"/>
    <x v="44"/>
    <n v="0"/>
    <n v="-2.33"/>
  </r>
  <r>
    <s v="03"/>
    <s v="KY"/>
    <s v="KY"/>
    <s v="202210"/>
    <x v="0"/>
    <x v="0"/>
    <x v="0"/>
    <x v="0"/>
    <x v="0"/>
    <n v="0"/>
    <n v="-7251.73"/>
  </r>
  <r>
    <s v="03"/>
    <s v="KY"/>
    <s v="KY"/>
    <s v="202210"/>
    <x v="0"/>
    <x v="0"/>
    <x v="0"/>
    <x v="0"/>
    <x v="1"/>
    <n v="0"/>
    <n v="-3053.72"/>
  </r>
  <r>
    <s v="03"/>
    <s v="KY"/>
    <s v="KY"/>
    <s v="202210"/>
    <x v="0"/>
    <x v="0"/>
    <x v="0"/>
    <x v="0"/>
    <x v="9"/>
    <n v="0"/>
    <n v="-164.1"/>
  </r>
  <r>
    <s v="03"/>
    <s v="KY"/>
    <s v="KY"/>
    <s v="202210"/>
    <x v="0"/>
    <x v="0"/>
    <x v="0"/>
    <x v="0"/>
    <x v="2"/>
    <n v="0"/>
    <n v="-3216.77"/>
  </r>
  <r>
    <s v="03"/>
    <s v="KY"/>
    <s v="KY"/>
    <s v="202210"/>
    <x v="0"/>
    <x v="0"/>
    <x v="0"/>
    <x v="0"/>
    <x v="3"/>
    <n v="0"/>
    <n v="-172.74"/>
  </r>
  <r>
    <s v="03"/>
    <s v="KY"/>
    <s v="KY"/>
    <s v="202210"/>
    <x v="0"/>
    <x v="0"/>
    <x v="0"/>
    <x v="0"/>
    <x v="4"/>
    <n v="0"/>
    <n v="-157.24"/>
  </r>
  <r>
    <s v="03"/>
    <s v="KY"/>
    <s v="KY"/>
    <s v="202210"/>
    <x v="0"/>
    <x v="0"/>
    <x v="0"/>
    <x v="0"/>
    <x v="5"/>
    <n v="0"/>
    <n v="-106.81"/>
  </r>
  <r>
    <s v="03"/>
    <s v="KY"/>
    <s v="KY"/>
    <s v="202210"/>
    <x v="0"/>
    <x v="0"/>
    <x v="0"/>
    <x v="0"/>
    <x v="8"/>
    <n v="0"/>
    <n v="-38.71"/>
  </r>
  <r>
    <s v="03"/>
    <s v="KY"/>
    <s v="KY"/>
    <s v="202210"/>
    <x v="0"/>
    <x v="0"/>
    <x v="0"/>
    <x v="0"/>
    <x v="6"/>
    <n v="0"/>
    <n v="-1884.14"/>
  </r>
  <r>
    <s v="03"/>
    <s v="KY"/>
    <s v="KY"/>
    <s v="202210"/>
    <x v="0"/>
    <x v="0"/>
    <x v="0"/>
    <x v="0"/>
    <x v="11"/>
    <n v="0"/>
    <n v="-32.869999999999997"/>
  </r>
  <r>
    <s v="03"/>
    <s v="KY"/>
    <s v="KY"/>
    <s v="202210"/>
    <x v="0"/>
    <x v="0"/>
    <x v="0"/>
    <x v="0"/>
    <x v="13"/>
    <n v="0"/>
    <n v="-21.34"/>
  </r>
  <r>
    <s v="03"/>
    <s v="KY"/>
    <s v="KY"/>
    <s v="202210"/>
    <x v="0"/>
    <x v="0"/>
    <x v="0"/>
    <x v="0"/>
    <x v="7"/>
    <n v="0"/>
    <n v="-762.31"/>
  </r>
  <r>
    <s v="03"/>
    <s v="KY"/>
    <s v="KY"/>
    <s v="202210"/>
    <x v="0"/>
    <x v="0"/>
    <x v="0"/>
    <x v="1"/>
    <x v="30"/>
    <n v="0"/>
    <n v="-21.97"/>
  </r>
  <r>
    <s v="03"/>
    <s v="KY"/>
    <s v="KY"/>
    <s v="202210"/>
    <x v="0"/>
    <x v="0"/>
    <x v="0"/>
    <x v="1"/>
    <x v="0"/>
    <n v="0"/>
    <n v="-7266.98"/>
  </r>
  <r>
    <s v="03"/>
    <s v="KY"/>
    <s v="KY"/>
    <s v="202210"/>
    <x v="0"/>
    <x v="0"/>
    <x v="0"/>
    <x v="1"/>
    <x v="31"/>
    <n v="0"/>
    <n v="-28.89"/>
  </r>
  <r>
    <s v="03"/>
    <s v="KY"/>
    <s v="KY"/>
    <s v="202210"/>
    <x v="0"/>
    <x v="0"/>
    <x v="0"/>
    <x v="1"/>
    <x v="1"/>
    <n v="0"/>
    <n v="-18861.86"/>
  </r>
  <r>
    <s v="03"/>
    <s v="KY"/>
    <s v="KY"/>
    <s v="202210"/>
    <x v="0"/>
    <x v="0"/>
    <x v="0"/>
    <x v="1"/>
    <x v="41"/>
    <n v="0"/>
    <n v="-5.49"/>
  </r>
  <r>
    <s v="03"/>
    <s v="KY"/>
    <s v="KY"/>
    <s v="202210"/>
    <x v="0"/>
    <x v="0"/>
    <x v="0"/>
    <x v="1"/>
    <x v="47"/>
    <n v="0"/>
    <n v="-4.6500000000000004"/>
  </r>
  <r>
    <s v="03"/>
    <s v="KY"/>
    <s v="KY"/>
    <s v="202210"/>
    <x v="0"/>
    <x v="0"/>
    <x v="0"/>
    <x v="1"/>
    <x v="9"/>
    <n v="0"/>
    <n v="-71.06"/>
  </r>
  <r>
    <s v="03"/>
    <s v="KY"/>
    <s v="KY"/>
    <s v="202210"/>
    <x v="0"/>
    <x v="0"/>
    <x v="0"/>
    <x v="1"/>
    <x v="2"/>
    <n v="0"/>
    <n v="-2252.0500000000002"/>
  </r>
  <r>
    <s v="03"/>
    <s v="KY"/>
    <s v="KY"/>
    <s v="202210"/>
    <x v="0"/>
    <x v="0"/>
    <x v="0"/>
    <x v="1"/>
    <x v="10"/>
    <n v="0"/>
    <n v="-1.4"/>
  </r>
  <r>
    <s v="03"/>
    <s v="KY"/>
    <s v="KY"/>
    <s v="202210"/>
    <x v="0"/>
    <x v="0"/>
    <x v="0"/>
    <x v="1"/>
    <x v="3"/>
    <n v="0"/>
    <n v="-167.96"/>
  </r>
  <r>
    <s v="03"/>
    <s v="KY"/>
    <s v="KY"/>
    <s v="202210"/>
    <x v="0"/>
    <x v="0"/>
    <x v="0"/>
    <x v="1"/>
    <x v="4"/>
    <n v="0"/>
    <n v="-73.67"/>
  </r>
  <r>
    <s v="03"/>
    <s v="KY"/>
    <s v="KY"/>
    <s v="202210"/>
    <x v="0"/>
    <x v="0"/>
    <x v="0"/>
    <x v="1"/>
    <x v="5"/>
    <n v="0"/>
    <n v="-184.85"/>
  </r>
  <r>
    <s v="03"/>
    <s v="KY"/>
    <s v="KY"/>
    <s v="202210"/>
    <x v="0"/>
    <x v="0"/>
    <x v="0"/>
    <x v="1"/>
    <x v="8"/>
    <n v="0"/>
    <n v="-70.08"/>
  </r>
  <r>
    <s v="03"/>
    <s v="KY"/>
    <s v="KY"/>
    <s v="202210"/>
    <x v="0"/>
    <x v="0"/>
    <x v="0"/>
    <x v="1"/>
    <x v="6"/>
    <n v="0"/>
    <n v="-2040.79"/>
  </r>
  <r>
    <s v="03"/>
    <s v="KY"/>
    <s v="KY"/>
    <s v="202210"/>
    <x v="0"/>
    <x v="0"/>
    <x v="0"/>
    <x v="1"/>
    <x v="7"/>
    <n v="0"/>
    <n v="-513.26"/>
  </r>
  <r>
    <s v="03"/>
    <s v="KY"/>
    <s v="KY"/>
    <s v="202210"/>
    <x v="0"/>
    <x v="0"/>
    <x v="0"/>
    <x v="1"/>
    <x v="15"/>
    <n v="0"/>
    <n v="-5.0599999999999996"/>
  </r>
  <r>
    <s v="03"/>
    <s v="KY"/>
    <s v="KY"/>
    <s v="202210"/>
    <x v="0"/>
    <x v="0"/>
    <x v="0"/>
    <x v="2"/>
    <x v="9"/>
    <n v="0"/>
    <n v="-2.82"/>
  </r>
  <r>
    <s v="03"/>
    <s v="KY"/>
    <s v="KY"/>
    <s v="202210"/>
    <x v="0"/>
    <x v="0"/>
    <x v="0"/>
    <x v="2"/>
    <x v="2"/>
    <n v="0"/>
    <n v="-34.93"/>
  </r>
  <r>
    <s v="03"/>
    <s v="KY"/>
    <s v="KY"/>
    <s v="202210"/>
    <x v="0"/>
    <x v="0"/>
    <x v="0"/>
    <x v="2"/>
    <x v="10"/>
    <n v="0"/>
    <n v="-6.83"/>
  </r>
  <r>
    <s v="03"/>
    <s v="KY"/>
    <s v="KY"/>
    <s v="202210"/>
    <x v="0"/>
    <x v="0"/>
    <x v="0"/>
    <x v="2"/>
    <x v="3"/>
    <n v="0"/>
    <n v="-41.04"/>
  </r>
  <r>
    <s v="03"/>
    <s v="KY"/>
    <s v="KY"/>
    <s v="202210"/>
    <x v="0"/>
    <x v="0"/>
    <x v="0"/>
    <x v="2"/>
    <x v="32"/>
    <n v="0"/>
    <n v="-6.33"/>
  </r>
  <r>
    <s v="03"/>
    <s v="KY"/>
    <s v="KY"/>
    <s v="202210"/>
    <x v="0"/>
    <x v="0"/>
    <x v="0"/>
    <x v="2"/>
    <x v="4"/>
    <n v="0"/>
    <n v="-24.86"/>
  </r>
  <r>
    <s v="03"/>
    <s v="KY"/>
    <s v="KY"/>
    <s v="202210"/>
    <x v="0"/>
    <x v="0"/>
    <x v="0"/>
    <x v="2"/>
    <x v="5"/>
    <n v="0"/>
    <n v="-162.22"/>
  </r>
  <r>
    <s v="03"/>
    <s v="KY"/>
    <s v="KY"/>
    <s v="202210"/>
    <x v="0"/>
    <x v="0"/>
    <x v="0"/>
    <x v="2"/>
    <x v="8"/>
    <n v="0"/>
    <n v="-10.43"/>
  </r>
  <r>
    <s v="03"/>
    <s v="KY"/>
    <s v="KY"/>
    <s v="202210"/>
    <x v="0"/>
    <x v="0"/>
    <x v="0"/>
    <x v="2"/>
    <x v="6"/>
    <n v="0"/>
    <n v="-56.77"/>
  </r>
  <r>
    <s v="03"/>
    <s v="KY"/>
    <s v="KY"/>
    <s v="202210"/>
    <x v="0"/>
    <x v="0"/>
    <x v="0"/>
    <x v="2"/>
    <x v="11"/>
    <n v="0"/>
    <n v="-56.45"/>
  </r>
  <r>
    <s v="03"/>
    <s v="KY"/>
    <s v="KY"/>
    <s v="202210"/>
    <x v="0"/>
    <x v="0"/>
    <x v="0"/>
    <x v="2"/>
    <x v="7"/>
    <n v="0"/>
    <n v="-12.53"/>
  </r>
  <r>
    <s v="03"/>
    <s v="KY"/>
    <s v="KY"/>
    <s v="202210"/>
    <x v="0"/>
    <x v="0"/>
    <x v="0"/>
    <x v="2"/>
    <x v="45"/>
    <n v="0"/>
    <n v="-8.7100000000000009"/>
  </r>
  <r>
    <s v="03"/>
    <s v="KY"/>
    <s v="KY"/>
    <s v="202210"/>
    <x v="0"/>
    <x v="0"/>
    <x v="0"/>
    <x v="2"/>
    <x v="14"/>
    <n v="0"/>
    <n v="-133.87"/>
  </r>
  <r>
    <s v="03"/>
    <s v="KY"/>
    <s v="KY"/>
    <s v="202210"/>
    <x v="0"/>
    <x v="0"/>
    <x v="0"/>
    <x v="2"/>
    <x v="15"/>
    <n v="0"/>
    <n v="-5824.57"/>
  </r>
  <r>
    <s v="03"/>
    <s v="KY"/>
    <s v="KY"/>
    <s v="202210"/>
    <x v="0"/>
    <x v="0"/>
    <x v="0"/>
    <x v="2"/>
    <x v="16"/>
    <n v="0"/>
    <n v="-52.79"/>
  </r>
  <r>
    <s v="03"/>
    <s v="KY"/>
    <s v="KY"/>
    <s v="202210"/>
    <x v="0"/>
    <x v="0"/>
    <x v="0"/>
    <x v="2"/>
    <x v="17"/>
    <n v="0"/>
    <n v="-12009.42"/>
  </r>
  <r>
    <s v="03"/>
    <s v="KY"/>
    <s v="KY"/>
    <s v="202210"/>
    <x v="0"/>
    <x v="0"/>
    <x v="0"/>
    <x v="2"/>
    <x v="35"/>
    <n v="0"/>
    <n v="-55.85"/>
  </r>
  <r>
    <s v="03"/>
    <s v="KY"/>
    <s v="KY"/>
    <s v="202210"/>
    <x v="0"/>
    <x v="0"/>
    <x v="0"/>
    <x v="2"/>
    <x v="20"/>
    <n v="0"/>
    <n v="-28.98"/>
  </r>
  <r>
    <s v="03"/>
    <s v="KY"/>
    <s v="KY"/>
    <s v="202210"/>
    <x v="0"/>
    <x v="0"/>
    <x v="0"/>
    <x v="2"/>
    <x v="21"/>
    <n v="0"/>
    <n v="-6366.99"/>
  </r>
  <r>
    <s v="03"/>
    <s v="KY"/>
    <s v="KY"/>
    <s v="202210"/>
    <x v="0"/>
    <x v="0"/>
    <x v="0"/>
    <x v="2"/>
    <x v="26"/>
    <n v="0"/>
    <n v="-757.22"/>
  </r>
  <r>
    <s v="03"/>
    <s v="KY"/>
    <s v="KY"/>
    <s v="202210"/>
    <x v="0"/>
    <x v="0"/>
    <x v="0"/>
    <x v="2"/>
    <x v="22"/>
    <n v="0"/>
    <n v="-347.07"/>
  </r>
  <r>
    <s v="03"/>
    <s v="KY"/>
    <s v="KY"/>
    <s v="202210"/>
    <x v="0"/>
    <x v="0"/>
    <x v="0"/>
    <x v="2"/>
    <x v="36"/>
    <n v="0"/>
    <n v="-2206.2600000000002"/>
  </r>
  <r>
    <s v="03"/>
    <s v="KY"/>
    <s v="KY"/>
    <s v="202210"/>
    <x v="0"/>
    <x v="0"/>
    <x v="0"/>
    <x v="2"/>
    <x v="23"/>
    <n v="0"/>
    <n v="-4097.1000000000004"/>
  </r>
  <r>
    <s v="03"/>
    <s v="KY"/>
    <s v="KY"/>
    <s v="202210"/>
    <x v="0"/>
    <x v="0"/>
    <x v="0"/>
    <x v="3"/>
    <x v="2"/>
    <n v="0"/>
    <n v="-19.190000000000001"/>
  </r>
  <r>
    <s v="03"/>
    <s v="KY"/>
    <s v="KY"/>
    <s v="202210"/>
    <x v="0"/>
    <x v="0"/>
    <x v="0"/>
    <x v="3"/>
    <x v="3"/>
    <n v="0"/>
    <n v="-1.92"/>
  </r>
  <r>
    <s v="03"/>
    <s v="KY"/>
    <s v="KY"/>
    <s v="202210"/>
    <x v="0"/>
    <x v="0"/>
    <x v="0"/>
    <x v="3"/>
    <x v="4"/>
    <n v="0"/>
    <n v="-8.4"/>
  </r>
  <r>
    <s v="03"/>
    <s v="KY"/>
    <s v="KY"/>
    <s v="202210"/>
    <x v="0"/>
    <x v="0"/>
    <x v="0"/>
    <x v="3"/>
    <x v="5"/>
    <n v="0"/>
    <n v="-43.85"/>
  </r>
  <r>
    <s v="03"/>
    <s v="KY"/>
    <s v="KY"/>
    <s v="202210"/>
    <x v="0"/>
    <x v="0"/>
    <x v="0"/>
    <x v="3"/>
    <x v="33"/>
    <n v="0"/>
    <n v="-22.97"/>
  </r>
  <r>
    <s v="03"/>
    <s v="KY"/>
    <s v="KY"/>
    <s v="202210"/>
    <x v="0"/>
    <x v="0"/>
    <x v="0"/>
    <x v="3"/>
    <x v="11"/>
    <n v="0"/>
    <n v="-9.0299999999999994"/>
  </r>
  <r>
    <s v="03"/>
    <s v="KY"/>
    <s v="KY"/>
    <s v="202210"/>
    <x v="0"/>
    <x v="0"/>
    <x v="0"/>
    <x v="3"/>
    <x v="7"/>
    <n v="0"/>
    <n v="-1.87"/>
  </r>
  <r>
    <s v="03"/>
    <s v="KY"/>
    <s v="KY"/>
    <s v="202210"/>
    <x v="0"/>
    <x v="0"/>
    <x v="0"/>
    <x v="3"/>
    <x v="15"/>
    <n v="0"/>
    <n v="-1538.37"/>
  </r>
  <r>
    <s v="03"/>
    <s v="KY"/>
    <s v="KY"/>
    <s v="202210"/>
    <x v="0"/>
    <x v="0"/>
    <x v="0"/>
    <x v="3"/>
    <x v="17"/>
    <n v="0"/>
    <n v="-7751.42"/>
  </r>
  <r>
    <s v="03"/>
    <s v="KY"/>
    <s v="KY"/>
    <s v="202210"/>
    <x v="0"/>
    <x v="0"/>
    <x v="0"/>
    <x v="3"/>
    <x v="35"/>
    <n v="0"/>
    <n v="-9.4700000000000006"/>
  </r>
  <r>
    <s v="03"/>
    <s v="KY"/>
    <s v="KY"/>
    <s v="202210"/>
    <x v="0"/>
    <x v="0"/>
    <x v="0"/>
    <x v="3"/>
    <x v="19"/>
    <n v="0"/>
    <n v="-105.93"/>
  </r>
  <r>
    <s v="03"/>
    <s v="KY"/>
    <s v="KY"/>
    <s v="202210"/>
    <x v="0"/>
    <x v="0"/>
    <x v="0"/>
    <x v="3"/>
    <x v="20"/>
    <n v="0"/>
    <n v="-80.459999999999994"/>
  </r>
  <r>
    <s v="03"/>
    <s v="KY"/>
    <s v="KY"/>
    <s v="202210"/>
    <x v="0"/>
    <x v="0"/>
    <x v="0"/>
    <x v="3"/>
    <x v="21"/>
    <n v="0"/>
    <n v="-6181.79"/>
  </r>
  <r>
    <s v="03"/>
    <s v="KY"/>
    <s v="KY"/>
    <s v="202210"/>
    <x v="0"/>
    <x v="0"/>
    <x v="0"/>
    <x v="3"/>
    <x v="26"/>
    <n v="0"/>
    <n v="-984.9"/>
  </r>
  <r>
    <s v="03"/>
    <s v="KY"/>
    <s v="KY"/>
    <s v="202210"/>
    <x v="0"/>
    <x v="0"/>
    <x v="0"/>
    <x v="4"/>
    <x v="2"/>
    <n v="0"/>
    <n v="-1.91"/>
  </r>
  <r>
    <s v="03"/>
    <s v="KY"/>
    <s v="KY"/>
    <s v="202210"/>
    <x v="0"/>
    <x v="0"/>
    <x v="0"/>
    <x v="4"/>
    <x v="15"/>
    <n v="0"/>
    <n v="-12.79"/>
  </r>
  <r>
    <s v="03"/>
    <s v="KY"/>
    <s v="KY"/>
    <s v="202210"/>
    <x v="0"/>
    <x v="0"/>
    <x v="0"/>
    <x v="4"/>
    <x v="17"/>
    <n v="0"/>
    <n v="-1178.23"/>
  </r>
  <r>
    <s v="03"/>
    <s v="KY"/>
    <s v="KY"/>
    <s v="202210"/>
    <x v="0"/>
    <x v="0"/>
    <x v="0"/>
    <x v="4"/>
    <x v="21"/>
    <n v="0"/>
    <n v="-360.05"/>
  </r>
  <r>
    <s v="03"/>
    <s v="KY"/>
    <s v="KY"/>
    <s v="202210"/>
    <x v="0"/>
    <x v="0"/>
    <x v="0"/>
    <x v="5"/>
    <x v="9"/>
    <n v="0"/>
    <n v="-8.1300000000000008"/>
  </r>
  <r>
    <s v="03"/>
    <s v="KY"/>
    <s v="KY"/>
    <s v="202210"/>
    <x v="0"/>
    <x v="0"/>
    <x v="0"/>
    <x v="5"/>
    <x v="2"/>
    <n v="0"/>
    <n v="-3.83"/>
  </r>
  <r>
    <s v="03"/>
    <s v="KY"/>
    <s v="KY"/>
    <s v="202210"/>
    <x v="0"/>
    <x v="0"/>
    <x v="0"/>
    <x v="5"/>
    <x v="5"/>
    <n v="0"/>
    <n v="-5.32"/>
  </r>
  <r>
    <s v="03"/>
    <s v="KY"/>
    <s v="KY"/>
    <s v="202210"/>
    <x v="0"/>
    <x v="0"/>
    <x v="0"/>
    <x v="5"/>
    <x v="6"/>
    <n v="0"/>
    <n v="-0.77"/>
  </r>
  <r>
    <s v="03"/>
    <s v="KY"/>
    <s v="KY"/>
    <s v="202210"/>
    <x v="0"/>
    <x v="0"/>
    <x v="0"/>
    <x v="5"/>
    <x v="15"/>
    <n v="0"/>
    <n v="-208.82"/>
  </r>
  <r>
    <s v="03"/>
    <s v="KY"/>
    <s v="KY"/>
    <s v="202210"/>
    <x v="0"/>
    <x v="0"/>
    <x v="0"/>
    <x v="5"/>
    <x v="17"/>
    <n v="0"/>
    <n v="-1040.3499999999999"/>
  </r>
  <r>
    <s v="03"/>
    <s v="KY"/>
    <s v="KY"/>
    <s v="202210"/>
    <x v="0"/>
    <x v="0"/>
    <x v="0"/>
    <x v="5"/>
    <x v="18"/>
    <n v="0"/>
    <n v="-162.94999999999999"/>
  </r>
  <r>
    <s v="03"/>
    <s v="KY"/>
    <s v="KY"/>
    <s v="202210"/>
    <x v="0"/>
    <x v="0"/>
    <x v="0"/>
    <x v="5"/>
    <x v="25"/>
    <n v="0"/>
    <n v="-315.01"/>
  </r>
  <r>
    <s v="03"/>
    <s v="KY"/>
    <s v="KY"/>
    <s v="202210"/>
    <x v="0"/>
    <x v="0"/>
    <x v="0"/>
    <x v="5"/>
    <x v="26"/>
    <n v="0"/>
    <n v="-3191.67"/>
  </r>
  <r>
    <s v="03"/>
    <s v="KY"/>
    <s v="KY"/>
    <s v="202210"/>
    <x v="0"/>
    <x v="0"/>
    <x v="0"/>
    <x v="5"/>
    <x v="46"/>
    <n v="0"/>
    <n v="-6138.3"/>
  </r>
  <r>
    <s v="03"/>
    <s v="KY"/>
    <s v="KY"/>
    <s v="202210"/>
    <x v="0"/>
    <x v="0"/>
    <x v="0"/>
    <x v="5"/>
    <x v="27"/>
    <n v="0"/>
    <n v="-1508.9"/>
  </r>
  <r>
    <s v="03"/>
    <s v="KY"/>
    <s v="KY"/>
    <s v="202210"/>
    <x v="0"/>
    <x v="0"/>
    <x v="0"/>
    <x v="5"/>
    <x v="23"/>
    <n v="0"/>
    <n v="-8407.2800000000007"/>
  </r>
  <r>
    <s v="03"/>
    <s v="KY"/>
    <s v="KY"/>
    <s v="202210"/>
    <x v="0"/>
    <x v="0"/>
    <x v="0"/>
    <x v="6"/>
    <x v="6"/>
    <n v="0"/>
    <n v="-5.42"/>
  </r>
  <r>
    <s v="03"/>
    <s v="KY"/>
    <s v="KY"/>
    <s v="202210"/>
    <x v="0"/>
    <x v="0"/>
    <x v="0"/>
    <x v="6"/>
    <x v="15"/>
    <n v="0"/>
    <n v="-7.37"/>
  </r>
  <r>
    <s v="03"/>
    <s v="KY"/>
    <s v="KY"/>
    <s v="202210"/>
    <x v="0"/>
    <x v="0"/>
    <x v="0"/>
    <x v="6"/>
    <x v="17"/>
    <n v="0"/>
    <n v="-107.96"/>
  </r>
  <r>
    <s v="03"/>
    <s v="KY"/>
    <s v="KY"/>
    <s v="202210"/>
    <x v="0"/>
    <x v="0"/>
    <x v="0"/>
    <x v="6"/>
    <x v="21"/>
    <n v="0"/>
    <n v="-968.59"/>
  </r>
  <r>
    <s v="03"/>
    <s v="KY"/>
    <s v="KY"/>
    <s v="202210"/>
    <x v="0"/>
    <x v="0"/>
    <x v="0"/>
    <x v="7"/>
    <x v="15"/>
    <n v="0"/>
    <n v="-9.58"/>
  </r>
  <r>
    <s v="03"/>
    <s v="KY"/>
    <s v="KY"/>
    <s v="202210"/>
    <x v="0"/>
    <x v="0"/>
    <x v="0"/>
    <x v="7"/>
    <x v="17"/>
    <n v="0"/>
    <n v="-64.69"/>
  </r>
  <r>
    <s v="03"/>
    <s v="KY"/>
    <s v="KY"/>
    <s v="202210"/>
    <x v="0"/>
    <x v="0"/>
    <x v="0"/>
    <x v="7"/>
    <x v="26"/>
    <n v="0"/>
    <n v="-766.56"/>
  </r>
  <r>
    <s v="03"/>
    <s v="KY"/>
    <s v="KY"/>
    <s v="202210"/>
    <x v="0"/>
    <x v="0"/>
    <x v="0"/>
    <x v="7"/>
    <x v="40"/>
    <n v="0"/>
    <n v="-3917.71"/>
  </r>
  <r>
    <s v="03"/>
    <s v="KY"/>
    <s v="KY"/>
    <s v="202210"/>
    <x v="1"/>
    <x v="0"/>
    <x v="0"/>
    <x v="8"/>
    <x v="29"/>
    <n v="0"/>
    <n v="633.29"/>
  </r>
  <r>
    <s v="03"/>
    <s v="KY"/>
    <s v="KY"/>
    <s v="202210"/>
    <x v="1"/>
    <x v="0"/>
    <x v="0"/>
    <x v="0"/>
    <x v="0"/>
    <n v="0"/>
    <n v="103.92"/>
  </r>
  <r>
    <s v="03"/>
    <s v="KY"/>
    <s v="KY"/>
    <s v="202210"/>
    <x v="1"/>
    <x v="0"/>
    <x v="0"/>
    <x v="0"/>
    <x v="1"/>
    <n v="0"/>
    <n v="53.01"/>
  </r>
  <r>
    <s v="03"/>
    <s v="KY"/>
    <s v="KY"/>
    <s v="202210"/>
    <x v="1"/>
    <x v="0"/>
    <x v="0"/>
    <x v="0"/>
    <x v="9"/>
    <n v="0"/>
    <n v="5.68"/>
  </r>
  <r>
    <s v="03"/>
    <s v="KY"/>
    <s v="KY"/>
    <s v="202210"/>
    <x v="1"/>
    <x v="0"/>
    <x v="0"/>
    <x v="0"/>
    <x v="2"/>
    <n v="0"/>
    <n v="121.42"/>
  </r>
  <r>
    <s v="03"/>
    <s v="KY"/>
    <s v="KY"/>
    <s v="202210"/>
    <x v="1"/>
    <x v="0"/>
    <x v="0"/>
    <x v="0"/>
    <x v="3"/>
    <n v="0"/>
    <n v="7.9"/>
  </r>
  <r>
    <s v="03"/>
    <s v="KY"/>
    <s v="KY"/>
    <s v="202210"/>
    <x v="1"/>
    <x v="0"/>
    <x v="0"/>
    <x v="0"/>
    <x v="4"/>
    <n v="0"/>
    <n v="6.56"/>
  </r>
  <r>
    <s v="03"/>
    <s v="KY"/>
    <s v="KY"/>
    <s v="202210"/>
    <x v="1"/>
    <x v="0"/>
    <x v="0"/>
    <x v="0"/>
    <x v="5"/>
    <n v="0"/>
    <n v="12.27"/>
  </r>
  <r>
    <s v="03"/>
    <s v="KY"/>
    <s v="KY"/>
    <s v="202210"/>
    <x v="1"/>
    <x v="0"/>
    <x v="0"/>
    <x v="0"/>
    <x v="8"/>
    <n v="0"/>
    <n v="2.0699999999999998"/>
  </r>
  <r>
    <s v="03"/>
    <s v="KY"/>
    <s v="KY"/>
    <s v="202210"/>
    <x v="1"/>
    <x v="0"/>
    <x v="0"/>
    <x v="0"/>
    <x v="6"/>
    <n v="0"/>
    <n v="61.56"/>
  </r>
  <r>
    <s v="03"/>
    <s v="KY"/>
    <s v="KY"/>
    <s v="202210"/>
    <x v="1"/>
    <x v="0"/>
    <x v="0"/>
    <x v="0"/>
    <x v="11"/>
    <n v="0"/>
    <n v="1.59"/>
  </r>
  <r>
    <s v="03"/>
    <s v="KY"/>
    <s v="KY"/>
    <s v="202210"/>
    <x v="1"/>
    <x v="0"/>
    <x v="0"/>
    <x v="0"/>
    <x v="7"/>
    <n v="0"/>
    <n v="29.06"/>
  </r>
  <r>
    <s v="03"/>
    <s v="KY"/>
    <s v="KY"/>
    <s v="202210"/>
    <x v="1"/>
    <x v="0"/>
    <x v="0"/>
    <x v="1"/>
    <x v="30"/>
    <n v="0"/>
    <n v="1.33"/>
  </r>
  <r>
    <s v="03"/>
    <s v="KY"/>
    <s v="KY"/>
    <s v="202210"/>
    <x v="1"/>
    <x v="0"/>
    <x v="0"/>
    <x v="1"/>
    <x v="0"/>
    <n v="0"/>
    <n v="124.22"/>
  </r>
  <r>
    <s v="03"/>
    <s v="KY"/>
    <s v="KY"/>
    <s v="202210"/>
    <x v="1"/>
    <x v="0"/>
    <x v="0"/>
    <x v="1"/>
    <x v="31"/>
    <n v="0"/>
    <n v="1.67"/>
  </r>
  <r>
    <s v="03"/>
    <s v="KY"/>
    <s v="KY"/>
    <s v="202210"/>
    <x v="1"/>
    <x v="0"/>
    <x v="0"/>
    <x v="1"/>
    <x v="1"/>
    <n v="0"/>
    <n v="233.43"/>
  </r>
  <r>
    <s v="03"/>
    <s v="KY"/>
    <s v="KY"/>
    <s v="202210"/>
    <x v="1"/>
    <x v="0"/>
    <x v="0"/>
    <x v="1"/>
    <x v="9"/>
    <n v="0"/>
    <n v="0.83"/>
  </r>
  <r>
    <s v="03"/>
    <s v="KY"/>
    <s v="KY"/>
    <s v="202210"/>
    <x v="1"/>
    <x v="0"/>
    <x v="0"/>
    <x v="1"/>
    <x v="2"/>
    <n v="0"/>
    <n v="66.66"/>
  </r>
  <r>
    <s v="03"/>
    <s v="KY"/>
    <s v="KY"/>
    <s v="202210"/>
    <x v="1"/>
    <x v="0"/>
    <x v="0"/>
    <x v="1"/>
    <x v="3"/>
    <n v="0"/>
    <n v="4.4000000000000004"/>
  </r>
  <r>
    <s v="03"/>
    <s v="KY"/>
    <s v="KY"/>
    <s v="202210"/>
    <x v="1"/>
    <x v="0"/>
    <x v="0"/>
    <x v="1"/>
    <x v="4"/>
    <n v="0"/>
    <n v="3.07"/>
  </r>
  <r>
    <s v="03"/>
    <s v="KY"/>
    <s v="KY"/>
    <s v="202210"/>
    <x v="1"/>
    <x v="0"/>
    <x v="0"/>
    <x v="1"/>
    <x v="5"/>
    <n v="0"/>
    <n v="3.13"/>
  </r>
  <r>
    <s v="03"/>
    <s v="KY"/>
    <s v="KY"/>
    <s v="202210"/>
    <x v="1"/>
    <x v="0"/>
    <x v="0"/>
    <x v="1"/>
    <x v="8"/>
    <n v="0"/>
    <n v="4.26"/>
  </r>
  <r>
    <s v="03"/>
    <s v="KY"/>
    <s v="KY"/>
    <s v="202210"/>
    <x v="1"/>
    <x v="0"/>
    <x v="0"/>
    <x v="1"/>
    <x v="6"/>
    <n v="0"/>
    <n v="71.09"/>
  </r>
  <r>
    <s v="03"/>
    <s v="KY"/>
    <s v="KY"/>
    <s v="202210"/>
    <x v="1"/>
    <x v="0"/>
    <x v="0"/>
    <x v="1"/>
    <x v="7"/>
    <n v="0"/>
    <n v="16.05"/>
  </r>
  <r>
    <s v="03"/>
    <s v="KY"/>
    <s v="KY"/>
    <s v="202210"/>
    <x v="1"/>
    <x v="0"/>
    <x v="0"/>
    <x v="2"/>
    <x v="9"/>
    <n v="0"/>
    <n v="31.47"/>
  </r>
  <r>
    <s v="03"/>
    <s v="KY"/>
    <s v="KY"/>
    <s v="202210"/>
    <x v="1"/>
    <x v="0"/>
    <x v="0"/>
    <x v="2"/>
    <x v="2"/>
    <n v="0"/>
    <n v="115.73"/>
  </r>
  <r>
    <s v="03"/>
    <s v="KY"/>
    <s v="KY"/>
    <s v="202210"/>
    <x v="1"/>
    <x v="0"/>
    <x v="0"/>
    <x v="2"/>
    <x v="10"/>
    <n v="0"/>
    <n v="14.72"/>
  </r>
  <r>
    <s v="03"/>
    <s v="KY"/>
    <s v="KY"/>
    <s v="202210"/>
    <x v="1"/>
    <x v="0"/>
    <x v="0"/>
    <x v="2"/>
    <x v="3"/>
    <n v="0"/>
    <n v="143.72999999999999"/>
  </r>
  <r>
    <s v="03"/>
    <s v="KY"/>
    <s v="KY"/>
    <s v="202210"/>
    <x v="1"/>
    <x v="0"/>
    <x v="0"/>
    <x v="2"/>
    <x v="32"/>
    <n v="0"/>
    <n v="7.91"/>
  </r>
  <r>
    <s v="03"/>
    <s v="KY"/>
    <s v="KY"/>
    <s v="202210"/>
    <x v="1"/>
    <x v="0"/>
    <x v="0"/>
    <x v="2"/>
    <x v="4"/>
    <n v="0"/>
    <n v="100.15"/>
  </r>
  <r>
    <s v="03"/>
    <s v="KY"/>
    <s v="KY"/>
    <s v="202210"/>
    <x v="1"/>
    <x v="0"/>
    <x v="0"/>
    <x v="2"/>
    <x v="5"/>
    <n v="0"/>
    <n v="404.61"/>
  </r>
  <r>
    <s v="03"/>
    <s v="KY"/>
    <s v="KY"/>
    <s v="202210"/>
    <x v="1"/>
    <x v="0"/>
    <x v="0"/>
    <x v="2"/>
    <x v="8"/>
    <n v="0"/>
    <n v="80.08"/>
  </r>
  <r>
    <s v="03"/>
    <s v="KY"/>
    <s v="KY"/>
    <s v="202210"/>
    <x v="1"/>
    <x v="0"/>
    <x v="0"/>
    <x v="2"/>
    <x v="6"/>
    <n v="0"/>
    <n v="143.33000000000001"/>
  </r>
  <r>
    <s v="03"/>
    <s v="KY"/>
    <s v="KY"/>
    <s v="202210"/>
    <x v="1"/>
    <x v="0"/>
    <x v="0"/>
    <x v="2"/>
    <x v="11"/>
    <n v="0"/>
    <n v="100.85"/>
  </r>
  <r>
    <s v="03"/>
    <s v="KY"/>
    <s v="KY"/>
    <s v="202210"/>
    <x v="1"/>
    <x v="0"/>
    <x v="0"/>
    <x v="2"/>
    <x v="12"/>
    <n v="0"/>
    <n v="17.12"/>
  </r>
  <r>
    <s v="03"/>
    <s v="KY"/>
    <s v="KY"/>
    <s v="202210"/>
    <x v="1"/>
    <x v="0"/>
    <x v="0"/>
    <x v="2"/>
    <x v="7"/>
    <n v="0"/>
    <n v="28.72"/>
  </r>
  <r>
    <s v="03"/>
    <s v="KY"/>
    <s v="KY"/>
    <s v="202210"/>
    <x v="1"/>
    <x v="0"/>
    <x v="0"/>
    <x v="2"/>
    <x v="45"/>
    <n v="0"/>
    <n v="8.7100000000000009"/>
  </r>
  <r>
    <s v="03"/>
    <s v="KY"/>
    <s v="KY"/>
    <s v="202210"/>
    <x v="1"/>
    <x v="0"/>
    <x v="0"/>
    <x v="2"/>
    <x v="14"/>
    <n v="0"/>
    <n v="152.85"/>
  </r>
  <r>
    <s v="03"/>
    <s v="KY"/>
    <s v="KY"/>
    <s v="202210"/>
    <x v="1"/>
    <x v="0"/>
    <x v="0"/>
    <x v="2"/>
    <x v="15"/>
    <n v="0"/>
    <n v="22645.65"/>
  </r>
  <r>
    <s v="03"/>
    <s v="KY"/>
    <s v="KY"/>
    <s v="202210"/>
    <x v="1"/>
    <x v="0"/>
    <x v="0"/>
    <x v="2"/>
    <x v="34"/>
    <n v="0"/>
    <n v="3.96"/>
  </r>
  <r>
    <s v="03"/>
    <s v="KY"/>
    <s v="KY"/>
    <s v="202210"/>
    <x v="1"/>
    <x v="0"/>
    <x v="0"/>
    <x v="2"/>
    <x v="16"/>
    <n v="0"/>
    <n v="101.38"/>
  </r>
  <r>
    <s v="03"/>
    <s v="KY"/>
    <s v="KY"/>
    <s v="202210"/>
    <x v="1"/>
    <x v="0"/>
    <x v="0"/>
    <x v="2"/>
    <x v="42"/>
    <n v="0"/>
    <n v="6.67"/>
  </r>
  <r>
    <s v="03"/>
    <s v="KY"/>
    <s v="KY"/>
    <s v="202210"/>
    <x v="1"/>
    <x v="0"/>
    <x v="0"/>
    <x v="2"/>
    <x v="17"/>
    <n v="0"/>
    <n v="29800.560000000001"/>
  </r>
  <r>
    <s v="03"/>
    <s v="KY"/>
    <s v="KY"/>
    <s v="202210"/>
    <x v="1"/>
    <x v="0"/>
    <x v="0"/>
    <x v="2"/>
    <x v="18"/>
    <n v="0"/>
    <n v="71.77"/>
  </r>
  <r>
    <s v="03"/>
    <s v="KY"/>
    <s v="KY"/>
    <s v="202210"/>
    <x v="1"/>
    <x v="0"/>
    <x v="0"/>
    <x v="2"/>
    <x v="35"/>
    <n v="0"/>
    <n v="73.8"/>
  </r>
  <r>
    <s v="03"/>
    <s v="KY"/>
    <s v="KY"/>
    <s v="202210"/>
    <x v="1"/>
    <x v="0"/>
    <x v="0"/>
    <x v="2"/>
    <x v="24"/>
    <n v="0"/>
    <n v="11.67"/>
  </r>
  <r>
    <s v="03"/>
    <s v="KY"/>
    <s v="KY"/>
    <s v="202210"/>
    <x v="1"/>
    <x v="0"/>
    <x v="0"/>
    <x v="2"/>
    <x v="19"/>
    <n v="0"/>
    <n v="374.75"/>
  </r>
  <r>
    <s v="03"/>
    <s v="KY"/>
    <s v="KY"/>
    <s v="202210"/>
    <x v="1"/>
    <x v="0"/>
    <x v="0"/>
    <x v="2"/>
    <x v="20"/>
    <n v="0"/>
    <n v="141.32"/>
  </r>
  <r>
    <s v="03"/>
    <s v="KY"/>
    <s v="KY"/>
    <s v="202210"/>
    <x v="1"/>
    <x v="0"/>
    <x v="0"/>
    <x v="2"/>
    <x v="21"/>
    <n v="0"/>
    <n v="12000.07"/>
  </r>
  <r>
    <s v="03"/>
    <s v="KY"/>
    <s v="KY"/>
    <s v="202210"/>
    <x v="1"/>
    <x v="0"/>
    <x v="0"/>
    <x v="2"/>
    <x v="26"/>
    <n v="0"/>
    <n v="757.22"/>
  </r>
  <r>
    <s v="03"/>
    <s v="KY"/>
    <s v="KY"/>
    <s v="202210"/>
    <x v="1"/>
    <x v="0"/>
    <x v="0"/>
    <x v="2"/>
    <x v="22"/>
    <n v="0"/>
    <n v="347.07"/>
  </r>
  <r>
    <s v="03"/>
    <s v="KY"/>
    <s v="KY"/>
    <s v="202210"/>
    <x v="1"/>
    <x v="0"/>
    <x v="0"/>
    <x v="2"/>
    <x v="23"/>
    <n v="0"/>
    <n v="34554.81"/>
  </r>
  <r>
    <s v="03"/>
    <s v="KY"/>
    <s v="KY"/>
    <s v="202210"/>
    <x v="1"/>
    <x v="0"/>
    <x v="0"/>
    <x v="3"/>
    <x v="2"/>
    <n v="0"/>
    <n v="23.23"/>
  </r>
  <r>
    <s v="03"/>
    <s v="KY"/>
    <s v="KY"/>
    <s v="202210"/>
    <x v="1"/>
    <x v="0"/>
    <x v="0"/>
    <x v="3"/>
    <x v="3"/>
    <n v="0"/>
    <n v="11.74"/>
  </r>
  <r>
    <s v="03"/>
    <s v="KY"/>
    <s v="KY"/>
    <s v="202210"/>
    <x v="1"/>
    <x v="0"/>
    <x v="0"/>
    <x v="3"/>
    <x v="32"/>
    <n v="0"/>
    <n v="20.47"/>
  </r>
  <r>
    <s v="03"/>
    <s v="KY"/>
    <s v="KY"/>
    <s v="202210"/>
    <x v="1"/>
    <x v="0"/>
    <x v="0"/>
    <x v="3"/>
    <x v="4"/>
    <n v="0"/>
    <n v="9.6"/>
  </r>
  <r>
    <s v="03"/>
    <s v="KY"/>
    <s v="KY"/>
    <s v="202210"/>
    <x v="1"/>
    <x v="0"/>
    <x v="0"/>
    <x v="3"/>
    <x v="5"/>
    <n v="0"/>
    <n v="161.96"/>
  </r>
  <r>
    <s v="03"/>
    <s v="KY"/>
    <s v="KY"/>
    <s v="202210"/>
    <x v="1"/>
    <x v="0"/>
    <x v="0"/>
    <x v="3"/>
    <x v="6"/>
    <n v="0"/>
    <n v="12.58"/>
  </r>
  <r>
    <s v="03"/>
    <s v="KY"/>
    <s v="KY"/>
    <s v="202210"/>
    <x v="1"/>
    <x v="0"/>
    <x v="0"/>
    <x v="3"/>
    <x v="11"/>
    <n v="0"/>
    <n v="3.87"/>
  </r>
  <r>
    <s v="03"/>
    <s v="KY"/>
    <s v="KY"/>
    <s v="202210"/>
    <x v="1"/>
    <x v="0"/>
    <x v="0"/>
    <x v="3"/>
    <x v="7"/>
    <n v="0"/>
    <n v="2.83"/>
  </r>
  <r>
    <s v="03"/>
    <s v="KY"/>
    <s v="KY"/>
    <s v="202210"/>
    <x v="1"/>
    <x v="0"/>
    <x v="0"/>
    <x v="3"/>
    <x v="15"/>
    <n v="0"/>
    <n v="4939.8100000000004"/>
  </r>
  <r>
    <s v="03"/>
    <s v="KY"/>
    <s v="KY"/>
    <s v="202210"/>
    <x v="1"/>
    <x v="0"/>
    <x v="0"/>
    <x v="3"/>
    <x v="17"/>
    <n v="0"/>
    <n v="16022.15"/>
  </r>
  <r>
    <s v="03"/>
    <s v="KY"/>
    <s v="KY"/>
    <s v="202210"/>
    <x v="1"/>
    <x v="0"/>
    <x v="0"/>
    <x v="3"/>
    <x v="35"/>
    <n v="0"/>
    <n v="40.06"/>
  </r>
  <r>
    <s v="03"/>
    <s v="KY"/>
    <s v="KY"/>
    <s v="202210"/>
    <x v="1"/>
    <x v="0"/>
    <x v="0"/>
    <x v="3"/>
    <x v="24"/>
    <n v="0"/>
    <n v="180.69"/>
  </r>
  <r>
    <s v="03"/>
    <s v="KY"/>
    <s v="KY"/>
    <s v="202210"/>
    <x v="1"/>
    <x v="0"/>
    <x v="0"/>
    <x v="3"/>
    <x v="19"/>
    <n v="0"/>
    <n v="119.29"/>
  </r>
  <r>
    <s v="03"/>
    <s v="KY"/>
    <s v="KY"/>
    <s v="202210"/>
    <x v="1"/>
    <x v="0"/>
    <x v="0"/>
    <x v="3"/>
    <x v="20"/>
    <n v="0"/>
    <n v="114.85"/>
  </r>
  <r>
    <s v="03"/>
    <s v="KY"/>
    <s v="KY"/>
    <s v="202210"/>
    <x v="1"/>
    <x v="0"/>
    <x v="0"/>
    <x v="3"/>
    <x v="21"/>
    <n v="0"/>
    <n v="6044.14"/>
  </r>
  <r>
    <s v="03"/>
    <s v="KY"/>
    <s v="KY"/>
    <s v="202210"/>
    <x v="1"/>
    <x v="0"/>
    <x v="0"/>
    <x v="3"/>
    <x v="26"/>
    <n v="0"/>
    <n v="984.9"/>
  </r>
  <r>
    <s v="03"/>
    <s v="KY"/>
    <s v="KY"/>
    <s v="202210"/>
    <x v="1"/>
    <x v="0"/>
    <x v="0"/>
    <x v="3"/>
    <x v="22"/>
    <n v="0"/>
    <n v="1087.99"/>
  </r>
  <r>
    <s v="03"/>
    <s v="KY"/>
    <s v="KY"/>
    <s v="202210"/>
    <x v="1"/>
    <x v="0"/>
    <x v="0"/>
    <x v="3"/>
    <x v="38"/>
    <n v="0"/>
    <n v="415.31"/>
  </r>
  <r>
    <s v="03"/>
    <s v="KY"/>
    <s v="KY"/>
    <s v="202210"/>
    <x v="1"/>
    <x v="0"/>
    <x v="0"/>
    <x v="4"/>
    <x v="9"/>
    <n v="0"/>
    <n v="1.45"/>
  </r>
  <r>
    <s v="03"/>
    <s v="KY"/>
    <s v="KY"/>
    <s v="202210"/>
    <x v="1"/>
    <x v="0"/>
    <x v="0"/>
    <x v="4"/>
    <x v="2"/>
    <n v="0"/>
    <n v="1.91"/>
  </r>
  <r>
    <s v="03"/>
    <s v="KY"/>
    <s v="KY"/>
    <s v="202210"/>
    <x v="1"/>
    <x v="0"/>
    <x v="0"/>
    <x v="4"/>
    <x v="3"/>
    <n v="0"/>
    <n v="73.34"/>
  </r>
  <r>
    <s v="03"/>
    <s v="KY"/>
    <s v="KY"/>
    <s v="202210"/>
    <x v="1"/>
    <x v="0"/>
    <x v="0"/>
    <x v="4"/>
    <x v="4"/>
    <n v="0"/>
    <n v="3.32"/>
  </r>
  <r>
    <s v="03"/>
    <s v="KY"/>
    <s v="KY"/>
    <s v="202210"/>
    <x v="1"/>
    <x v="0"/>
    <x v="0"/>
    <x v="4"/>
    <x v="5"/>
    <n v="0"/>
    <n v="68.86"/>
  </r>
  <r>
    <s v="03"/>
    <s v="KY"/>
    <s v="KY"/>
    <s v="202210"/>
    <x v="1"/>
    <x v="0"/>
    <x v="0"/>
    <x v="4"/>
    <x v="6"/>
    <n v="0"/>
    <n v="21.15"/>
  </r>
  <r>
    <s v="03"/>
    <s v="KY"/>
    <s v="KY"/>
    <s v="202210"/>
    <x v="1"/>
    <x v="0"/>
    <x v="0"/>
    <x v="4"/>
    <x v="15"/>
    <n v="0"/>
    <n v="264.10000000000002"/>
  </r>
  <r>
    <s v="03"/>
    <s v="KY"/>
    <s v="KY"/>
    <s v="202210"/>
    <x v="1"/>
    <x v="0"/>
    <x v="0"/>
    <x v="4"/>
    <x v="17"/>
    <n v="0"/>
    <n v="1215.92"/>
  </r>
  <r>
    <s v="03"/>
    <s v="KY"/>
    <s v="KY"/>
    <s v="202210"/>
    <x v="1"/>
    <x v="0"/>
    <x v="0"/>
    <x v="4"/>
    <x v="43"/>
    <n v="0"/>
    <n v="1127.29"/>
  </r>
  <r>
    <s v="03"/>
    <s v="KY"/>
    <s v="KY"/>
    <s v="202210"/>
    <x v="1"/>
    <x v="0"/>
    <x v="0"/>
    <x v="4"/>
    <x v="27"/>
    <n v="0"/>
    <n v="5532.18"/>
  </r>
  <r>
    <s v="03"/>
    <s v="KY"/>
    <s v="KY"/>
    <s v="202210"/>
    <x v="1"/>
    <x v="0"/>
    <x v="0"/>
    <x v="5"/>
    <x v="9"/>
    <n v="0"/>
    <n v="2.68"/>
  </r>
  <r>
    <s v="03"/>
    <s v="KY"/>
    <s v="KY"/>
    <s v="202210"/>
    <x v="1"/>
    <x v="0"/>
    <x v="0"/>
    <x v="5"/>
    <x v="2"/>
    <n v="0"/>
    <n v="5.18"/>
  </r>
  <r>
    <s v="03"/>
    <s v="KY"/>
    <s v="KY"/>
    <s v="202210"/>
    <x v="1"/>
    <x v="0"/>
    <x v="0"/>
    <x v="5"/>
    <x v="4"/>
    <n v="0"/>
    <n v="4.93"/>
  </r>
  <r>
    <s v="03"/>
    <s v="KY"/>
    <s v="KY"/>
    <s v="202210"/>
    <x v="1"/>
    <x v="0"/>
    <x v="0"/>
    <x v="5"/>
    <x v="5"/>
    <n v="0"/>
    <n v="46.53"/>
  </r>
  <r>
    <s v="03"/>
    <s v="KY"/>
    <s v="KY"/>
    <s v="202210"/>
    <x v="1"/>
    <x v="0"/>
    <x v="0"/>
    <x v="5"/>
    <x v="6"/>
    <n v="0"/>
    <n v="2.66"/>
  </r>
  <r>
    <s v="03"/>
    <s v="KY"/>
    <s v="KY"/>
    <s v="202210"/>
    <x v="1"/>
    <x v="0"/>
    <x v="0"/>
    <x v="5"/>
    <x v="7"/>
    <n v="0"/>
    <n v="0.51"/>
  </r>
  <r>
    <s v="03"/>
    <s v="KY"/>
    <s v="KY"/>
    <s v="202210"/>
    <x v="1"/>
    <x v="0"/>
    <x v="0"/>
    <x v="5"/>
    <x v="15"/>
    <n v="0"/>
    <n v="435.27"/>
  </r>
  <r>
    <s v="03"/>
    <s v="KY"/>
    <s v="KY"/>
    <s v="202210"/>
    <x v="1"/>
    <x v="0"/>
    <x v="0"/>
    <x v="5"/>
    <x v="17"/>
    <n v="0"/>
    <n v="1787.54"/>
  </r>
  <r>
    <s v="03"/>
    <s v="KY"/>
    <s v="KY"/>
    <s v="202210"/>
    <x v="1"/>
    <x v="0"/>
    <x v="0"/>
    <x v="5"/>
    <x v="18"/>
    <n v="0"/>
    <n v="162.94999999999999"/>
  </r>
  <r>
    <s v="03"/>
    <s v="KY"/>
    <s v="KY"/>
    <s v="202210"/>
    <x v="1"/>
    <x v="0"/>
    <x v="0"/>
    <x v="5"/>
    <x v="25"/>
    <n v="0"/>
    <n v="341.59"/>
  </r>
  <r>
    <s v="03"/>
    <s v="KY"/>
    <s v="KY"/>
    <s v="202210"/>
    <x v="1"/>
    <x v="0"/>
    <x v="0"/>
    <x v="5"/>
    <x v="21"/>
    <n v="0"/>
    <n v="1448.52"/>
  </r>
  <r>
    <s v="03"/>
    <s v="KY"/>
    <s v="KY"/>
    <s v="202210"/>
    <x v="1"/>
    <x v="0"/>
    <x v="0"/>
    <x v="5"/>
    <x v="26"/>
    <n v="0"/>
    <n v="3938.09"/>
  </r>
  <r>
    <s v="03"/>
    <s v="KY"/>
    <s v="KY"/>
    <s v="202210"/>
    <x v="1"/>
    <x v="0"/>
    <x v="0"/>
    <x v="5"/>
    <x v="46"/>
    <n v="0"/>
    <n v="6138.3"/>
  </r>
  <r>
    <s v="03"/>
    <s v="KY"/>
    <s v="KY"/>
    <s v="202210"/>
    <x v="1"/>
    <x v="0"/>
    <x v="0"/>
    <x v="5"/>
    <x v="27"/>
    <n v="0"/>
    <n v="4333.2299999999996"/>
  </r>
  <r>
    <s v="03"/>
    <s v="KY"/>
    <s v="KY"/>
    <s v="202210"/>
    <x v="1"/>
    <x v="0"/>
    <x v="0"/>
    <x v="5"/>
    <x v="23"/>
    <n v="0"/>
    <n v="8407.2800000000007"/>
  </r>
  <r>
    <s v="03"/>
    <s v="KY"/>
    <s v="KY"/>
    <s v="202210"/>
    <x v="1"/>
    <x v="0"/>
    <x v="0"/>
    <x v="6"/>
    <x v="6"/>
    <n v="0"/>
    <n v="5.42"/>
  </r>
  <r>
    <s v="03"/>
    <s v="KY"/>
    <s v="KY"/>
    <s v="202210"/>
    <x v="1"/>
    <x v="0"/>
    <x v="0"/>
    <x v="6"/>
    <x v="15"/>
    <n v="0"/>
    <n v="14.84"/>
  </r>
  <r>
    <s v="03"/>
    <s v="KY"/>
    <s v="KY"/>
    <s v="202210"/>
    <x v="1"/>
    <x v="0"/>
    <x v="0"/>
    <x v="6"/>
    <x v="17"/>
    <n v="0"/>
    <n v="165.28"/>
  </r>
  <r>
    <s v="03"/>
    <s v="KY"/>
    <s v="KY"/>
    <s v="202210"/>
    <x v="1"/>
    <x v="0"/>
    <x v="0"/>
    <x v="6"/>
    <x v="21"/>
    <n v="0"/>
    <n v="968.59"/>
  </r>
  <r>
    <s v="03"/>
    <s v="KY"/>
    <s v="KY"/>
    <s v="202210"/>
    <x v="1"/>
    <x v="0"/>
    <x v="0"/>
    <x v="6"/>
    <x v="38"/>
    <n v="0"/>
    <n v="5.91"/>
  </r>
  <r>
    <s v="03"/>
    <s v="KY"/>
    <s v="KY"/>
    <s v="202210"/>
    <x v="1"/>
    <x v="0"/>
    <x v="0"/>
    <x v="7"/>
    <x v="3"/>
    <n v="0"/>
    <n v="10.89"/>
  </r>
  <r>
    <s v="03"/>
    <s v="KY"/>
    <s v="KY"/>
    <s v="202210"/>
    <x v="1"/>
    <x v="0"/>
    <x v="0"/>
    <x v="7"/>
    <x v="4"/>
    <n v="0"/>
    <n v="2.63"/>
  </r>
  <r>
    <s v="03"/>
    <s v="KY"/>
    <s v="KY"/>
    <s v="202210"/>
    <x v="1"/>
    <x v="0"/>
    <x v="0"/>
    <x v="7"/>
    <x v="5"/>
    <n v="0"/>
    <n v="4.9800000000000004"/>
  </r>
  <r>
    <s v="03"/>
    <s v="KY"/>
    <s v="KY"/>
    <s v="202210"/>
    <x v="1"/>
    <x v="0"/>
    <x v="0"/>
    <x v="7"/>
    <x v="15"/>
    <n v="0"/>
    <n v="11.9"/>
  </r>
  <r>
    <s v="03"/>
    <s v="KY"/>
    <s v="KY"/>
    <s v="202210"/>
    <x v="1"/>
    <x v="0"/>
    <x v="0"/>
    <x v="7"/>
    <x v="17"/>
    <n v="0"/>
    <n v="77.400000000000006"/>
  </r>
  <r>
    <s v="03"/>
    <s v="KY"/>
    <s v="KY"/>
    <s v="202210"/>
    <x v="1"/>
    <x v="0"/>
    <x v="0"/>
    <x v="7"/>
    <x v="25"/>
    <n v="0"/>
    <n v="845.98"/>
  </r>
  <r>
    <s v="03"/>
    <s v="KY"/>
    <s v="KY"/>
    <s v="202210"/>
    <x v="1"/>
    <x v="0"/>
    <x v="0"/>
    <x v="7"/>
    <x v="28"/>
    <n v="0"/>
    <n v="111.42"/>
  </r>
  <r>
    <s v="03"/>
    <s v="KY"/>
    <s v="KY"/>
    <s v="202210"/>
    <x v="1"/>
    <x v="0"/>
    <x v="0"/>
    <x v="7"/>
    <x v="26"/>
    <n v="0"/>
    <n v="8720.07"/>
  </r>
  <r>
    <s v="03"/>
    <s v="KY"/>
    <s v="KY"/>
    <s v="202210"/>
    <x v="1"/>
    <x v="0"/>
    <x v="0"/>
    <x v="7"/>
    <x v="22"/>
    <n v="0"/>
    <n v="911.83"/>
  </r>
  <r>
    <s v="03"/>
    <s v="KY"/>
    <s v="KY"/>
    <s v="202210"/>
    <x v="1"/>
    <x v="0"/>
    <x v="0"/>
    <x v="7"/>
    <x v="39"/>
    <n v="0"/>
    <n v="2514.25"/>
  </r>
  <r>
    <s v="03"/>
    <s v="KY"/>
    <s v="KY"/>
    <s v="202210"/>
    <x v="1"/>
    <x v="0"/>
    <x v="0"/>
    <x v="7"/>
    <x v="40"/>
    <n v="0"/>
    <n v="7217.09"/>
  </r>
  <r>
    <s v="03"/>
    <s v="KY"/>
    <s v="KY"/>
    <s v="202210"/>
    <x v="1"/>
    <x v="0"/>
    <x v="0"/>
    <x v="7"/>
    <x v="27"/>
    <n v="0"/>
    <n v="13008.93"/>
  </r>
  <r>
    <s v="03"/>
    <s v="KY"/>
    <s v="KY"/>
    <s v="202210"/>
    <x v="2"/>
    <x v="0"/>
    <x v="0"/>
    <x v="0"/>
    <x v="0"/>
    <n v="0"/>
    <n v="-0.62"/>
  </r>
  <r>
    <s v="03"/>
    <s v="KY"/>
    <s v="KY"/>
    <s v="202210"/>
    <x v="2"/>
    <x v="0"/>
    <x v="0"/>
    <x v="0"/>
    <x v="2"/>
    <n v="0"/>
    <n v="-1.86"/>
  </r>
  <r>
    <s v="03"/>
    <s v="KY"/>
    <s v="KY"/>
    <s v="202210"/>
    <x v="2"/>
    <x v="0"/>
    <x v="0"/>
    <x v="0"/>
    <x v="4"/>
    <n v="0"/>
    <n v="-1"/>
  </r>
  <r>
    <s v="03"/>
    <s v="KY"/>
    <s v="KY"/>
    <s v="202210"/>
    <x v="2"/>
    <x v="0"/>
    <x v="0"/>
    <x v="1"/>
    <x v="1"/>
    <n v="0"/>
    <n v="-1.22"/>
  </r>
  <r>
    <s v="03"/>
    <s v="KY"/>
    <s v="KY"/>
    <s v="202210"/>
    <x v="2"/>
    <x v="0"/>
    <x v="0"/>
    <x v="1"/>
    <x v="7"/>
    <n v="0"/>
    <n v="-0.4"/>
  </r>
  <r>
    <s v="03"/>
    <s v="KY"/>
    <s v="KY"/>
    <s v="202210"/>
    <x v="2"/>
    <x v="0"/>
    <x v="0"/>
    <x v="2"/>
    <x v="3"/>
    <n v="0"/>
    <n v="-2.62"/>
  </r>
  <r>
    <s v="03"/>
    <s v="KY"/>
    <s v="KY"/>
    <s v="202210"/>
    <x v="2"/>
    <x v="0"/>
    <x v="0"/>
    <x v="2"/>
    <x v="4"/>
    <n v="0"/>
    <n v="-1.1100000000000001"/>
  </r>
  <r>
    <s v="03"/>
    <s v="KY"/>
    <s v="KY"/>
    <s v="202210"/>
    <x v="2"/>
    <x v="0"/>
    <x v="0"/>
    <x v="2"/>
    <x v="5"/>
    <n v="0"/>
    <n v="-19.46"/>
  </r>
  <r>
    <s v="03"/>
    <s v="KY"/>
    <s v="KY"/>
    <s v="202210"/>
    <x v="2"/>
    <x v="0"/>
    <x v="0"/>
    <x v="2"/>
    <x v="15"/>
    <n v="0"/>
    <n v="-141.72"/>
  </r>
  <r>
    <s v="03"/>
    <s v="KY"/>
    <s v="KY"/>
    <s v="202210"/>
    <x v="2"/>
    <x v="0"/>
    <x v="0"/>
    <x v="2"/>
    <x v="17"/>
    <n v="0"/>
    <n v="-319"/>
  </r>
  <r>
    <s v="03"/>
    <s v="KY"/>
    <s v="KY"/>
    <s v="202210"/>
    <x v="2"/>
    <x v="0"/>
    <x v="0"/>
    <x v="2"/>
    <x v="21"/>
    <n v="0"/>
    <n v="-1238.22"/>
  </r>
  <r>
    <s v="03"/>
    <s v="KY"/>
    <s v="KY"/>
    <s v="202210"/>
    <x v="2"/>
    <x v="0"/>
    <x v="0"/>
    <x v="2"/>
    <x v="26"/>
    <n v="0"/>
    <n v="-1255.9000000000001"/>
  </r>
  <r>
    <s v="03"/>
    <s v="KY"/>
    <s v="KY"/>
    <s v="202210"/>
    <x v="2"/>
    <x v="0"/>
    <x v="0"/>
    <x v="3"/>
    <x v="15"/>
    <n v="0"/>
    <n v="-42.53"/>
  </r>
  <r>
    <s v="03"/>
    <s v="KY"/>
    <s v="KY"/>
    <s v="202210"/>
    <x v="2"/>
    <x v="0"/>
    <x v="0"/>
    <x v="3"/>
    <x v="17"/>
    <n v="0"/>
    <n v="-392.47"/>
  </r>
  <r>
    <s v="03"/>
    <s v="KY"/>
    <s v="KY"/>
    <s v="202210"/>
    <x v="2"/>
    <x v="0"/>
    <x v="0"/>
    <x v="4"/>
    <x v="17"/>
    <n v="0"/>
    <n v="-54.51"/>
  </r>
  <r>
    <s v="03"/>
    <s v="KY"/>
    <s v="KY"/>
    <s v="202210"/>
    <x v="2"/>
    <x v="0"/>
    <x v="0"/>
    <x v="5"/>
    <x v="15"/>
    <n v="0"/>
    <n v="-11.29"/>
  </r>
  <r>
    <s v="03"/>
    <s v="KY"/>
    <s v="KY"/>
    <s v="202211"/>
    <x v="0"/>
    <x v="0"/>
    <x v="0"/>
    <x v="0"/>
    <x v="0"/>
    <n v="0"/>
    <n v="-228.73"/>
  </r>
  <r>
    <s v="03"/>
    <s v="KY"/>
    <s v="KY"/>
    <s v="202211"/>
    <x v="0"/>
    <x v="0"/>
    <x v="0"/>
    <x v="0"/>
    <x v="1"/>
    <n v="0"/>
    <n v="-47.5"/>
  </r>
  <r>
    <s v="03"/>
    <s v="KY"/>
    <s v="KY"/>
    <s v="202211"/>
    <x v="0"/>
    <x v="0"/>
    <x v="0"/>
    <x v="0"/>
    <x v="9"/>
    <n v="0"/>
    <n v="-3.77"/>
  </r>
  <r>
    <s v="03"/>
    <s v="KY"/>
    <s v="KY"/>
    <s v="202211"/>
    <x v="0"/>
    <x v="0"/>
    <x v="0"/>
    <x v="0"/>
    <x v="2"/>
    <n v="0"/>
    <n v="-79.14"/>
  </r>
  <r>
    <s v="03"/>
    <s v="KY"/>
    <s v="KY"/>
    <s v="202211"/>
    <x v="0"/>
    <x v="0"/>
    <x v="0"/>
    <x v="0"/>
    <x v="3"/>
    <n v="0"/>
    <n v="-4.34"/>
  </r>
  <r>
    <s v="03"/>
    <s v="KY"/>
    <s v="KY"/>
    <s v="202211"/>
    <x v="0"/>
    <x v="0"/>
    <x v="0"/>
    <x v="0"/>
    <x v="4"/>
    <n v="0"/>
    <n v="-5.53"/>
  </r>
  <r>
    <s v="03"/>
    <s v="KY"/>
    <s v="KY"/>
    <s v="202211"/>
    <x v="0"/>
    <x v="0"/>
    <x v="0"/>
    <x v="0"/>
    <x v="5"/>
    <n v="0"/>
    <n v="-3.13"/>
  </r>
  <r>
    <s v="03"/>
    <s v="KY"/>
    <s v="KY"/>
    <s v="202211"/>
    <x v="0"/>
    <x v="0"/>
    <x v="0"/>
    <x v="0"/>
    <x v="8"/>
    <n v="0"/>
    <n v="-2.0699999999999998"/>
  </r>
  <r>
    <s v="03"/>
    <s v="KY"/>
    <s v="KY"/>
    <s v="202211"/>
    <x v="0"/>
    <x v="0"/>
    <x v="0"/>
    <x v="0"/>
    <x v="6"/>
    <n v="0"/>
    <n v="-44.45"/>
  </r>
  <r>
    <s v="03"/>
    <s v="KY"/>
    <s v="KY"/>
    <s v="202211"/>
    <x v="0"/>
    <x v="0"/>
    <x v="0"/>
    <x v="0"/>
    <x v="7"/>
    <n v="0"/>
    <n v="-20.38"/>
  </r>
  <r>
    <s v="03"/>
    <s v="KY"/>
    <s v="KY"/>
    <s v="202211"/>
    <x v="0"/>
    <x v="0"/>
    <x v="0"/>
    <x v="1"/>
    <x v="0"/>
    <n v="0"/>
    <n v="-163.12"/>
  </r>
  <r>
    <s v="03"/>
    <s v="KY"/>
    <s v="KY"/>
    <s v="202211"/>
    <x v="0"/>
    <x v="0"/>
    <x v="0"/>
    <x v="1"/>
    <x v="31"/>
    <n v="0"/>
    <n v="-1.67"/>
  </r>
  <r>
    <s v="03"/>
    <s v="KY"/>
    <s v="KY"/>
    <s v="202211"/>
    <x v="0"/>
    <x v="0"/>
    <x v="0"/>
    <x v="1"/>
    <x v="1"/>
    <n v="0"/>
    <n v="-234.72"/>
  </r>
  <r>
    <s v="03"/>
    <s v="KY"/>
    <s v="KY"/>
    <s v="202211"/>
    <x v="0"/>
    <x v="0"/>
    <x v="0"/>
    <x v="1"/>
    <x v="9"/>
    <n v="0"/>
    <n v="-0.83"/>
  </r>
  <r>
    <s v="03"/>
    <s v="KY"/>
    <s v="KY"/>
    <s v="202211"/>
    <x v="0"/>
    <x v="0"/>
    <x v="0"/>
    <x v="1"/>
    <x v="2"/>
    <n v="0"/>
    <n v="-50.23"/>
  </r>
  <r>
    <s v="03"/>
    <s v="KY"/>
    <s v="KY"/>
    <s v="202211"/>
    <x v="0"/>
    <x v="0"/>
    <x v="0"/>
    <x v="1"/>
    <x v="3"/>
    <n v="0"/>
    <n v="-6.35"/>
  </r>
  <r>
    <s v="03"/>
    <s v="KY"/>
    <s v="KY"/>
    <s v="202211"/>
    <x v="0"/>
    <x v="0"/>
    <x v="0"/>
    <x v="1"/>
    <x v="4"/>
    <n v="0"/>
    <n v="-2.0099999999999998"/>
  </r>
  <r>
    <s v="03"/>
    <s v="KY"/>
    <s v="KY"/>
    <s v="202211"/>
    <x v="0"/>
    <x v="0"/>
    <x v="0"/>
    <x v="1"/>
    <x v="5"/>
    <n v="0"/>
    <n v="-2.82"/>
  </r>
  <r>
    <s v="03"/>
    <s v="KY"/>
    <s v="KY"/>
    <s v="202211"/>
    <x v="0"/>
    <x v="0"/>
    <x v="0"/>
    <x v="1"/>
    <x v="6"/>
    <n v="0"/>
    <n v="-59.47"/>
  </r>
  <r>
    <s v="03"/>
    <s v="KY"/>
    <s v="KY"/>
    <s v="202211"/>
    <x v="0"/>
    <x v="0"/>
    <x v="0"/>
    <x v="1"/>
    <x v="7"/>
    <n v="0"/>
    <n v="-12.52"/>
  </r>
  <r>
    <s v="03"/>
    <s v="KY"/>
    <s v="KY"/>
    <s v="202211"/>
    <x v="0"/>
    <x v="0"/>
    <x v="0"/>
    <x v="2"/>
    <x v="9"/>
    <n v="0"/>
    <n v="-21.78"/>
  </r>
  <r>
    <s v="03"/>
    <s v="KY"/>
    <s v="KY"/>
    <s v="202211"/>
    <x v="0"/>
    <x v="0"/>
    <x v="0"/>
    <x v="2"/>
    <x v="2"/>
    <n v="0"/>
    <n v="-17.05"/>
  </r>
  <r>
    <s v="03"/>
    <s v="KY"/>
    <s v="KY"/>
    <s v="202211"/>
    <x v="0"/>
    <x v="0"/>
    <x v="0"/>
    <x v="2"/>
    <x v="3"/>
    <n v="0"/>
    <n v="-74.62"/>
  </r>
  <r>
    <s v="03"/>
    <s v="KY"/>
    <s v="KY"/>
    <s v="202211"/>
    <x v="0"/>
    <x v="0"/>
    <x v="0"/>
    <x v="2"/>
    <x v="32"/>
    <n v="0"/>
    <n v="-1.98"/>
  </r>
  <r>
    <s v="03"/>
    <s v="KY"/>
    <s v="KY"/>
    <s v="202211"/>
    <x v="0"/>
    <x v="0"/>
    <x v="0"/>
    <x v="2"/>
    <x v="4"/>
    <n v="0"/>
    <n v="-29"/>
  </r>
  <r>
    <s v="03"/>
    <s v="KY"/>
    <s v="KY"/>
    <s v="202211"/>
    <x v="0"/>
    <x v="0"/>
    <x v="0"/>
    <x v="2"/>
    <x v="5"/>
    <n v="0"/>
    <n v="-80.37"/>
  </r>
  <r>
    <s v="03"/>
    <s v="KY"/>
    <s v="KY"/>
    <s v="202211"/>
    <x v="0"/>
    <x v="0"/>
    <x v="0"/>
    <x v="2"/>
    <x v="6"/>
    <n v="0"/>
    <n v="-28.39"/>
  </r>
  <r>
    <s v="03"/>
    <s v="KY"/>
    <s v="KY"/>
    <s v="202211"/>
    <x v="0"/>
    <x v="0"/>
    <x v="0"/>
    <x v="2"/>
    <x v="11"/>
    <n v="0"/>
    <n v="-26.68"/>
  </r>
  <r>
    <s v="03"/>
    <s v="KY"/>
    <s v="KY"/>
    <s v="202211"/>
    <x v="0"/>
    <x v="0"/>
    <x v="0"/>
    <x v="2"/>
    <x v="13"/>
    <n v="0"/>
    <n v="-22.84"/>
  </r>
  <r>
    <s v="03"/>
    <s v="KY"/>
    <s v="KY"/>
    <s v="202211"/>
    <x v="0"/>
    <x v="0"/>
    <x v="0"/>
    <x v="2"/>
    <x v="7"/>
    <n v="0"/>
    <n v="-7.94"/>
  </r>
  <r>
    <s v="03"/>
    <s v="KY"/>
    <s v="KY"/>
    <s v="202211"/>
    <x v="0"/>
    <x v="0"/>
    <x v="0"/>
    <x v="2"/>
    <x v="15"/>
    <n v="0"/>
    <n v="-4169.2"/>
  </r>
  <r>
    <s v="03"/>
    <s v="KY"/>
    <s v="KY"/>
    <s v="202211"/>
    <x v="0"/>
    <x v="0"/>
    <x v="0"/>
    <x v="2"/>
    <x v="16"/>
    <n v="0"/>
    <n v="-27.59"/>
  </r>
  <r>
    <s v="03"/>
    <s v="KY"/>
    <s v="KY"/>
    <s v="202211"/>
    <x v="0"/>
    <x v="0"/>
    <x v="0"/>
    <x v="2"/>
    <x v="17"/>
    <n v="0"/>
    <n v="-7966.67"/>
  </r>
  <r>
    <s v="03"/>
    <s v="KY"/>
    <s v="KY"/>
    <s v="202211"/>
    <x v="0"/>
    <x v="0"/>
    <x v="0"/>
    <x v="2"/>
    <x v="19"/>
    <n v="0"/>
    <n v="-118.07"/>
  </r>
  <r>
    <s v="03"/>
    <s v="KY"/>
    <s v="KY"/>
    <s v="202211"/>
    <x v="0"/>
    <x v="0"/>
    <x v="0"/>
    <x v="2"/>
    <x v="20"/>
    <n v="0"/>
    <n v="-9.51"/>
  </r>
  <r>
    <s v="03"/>
    <s v="KY"/>
    <s v="KY"/>
    <s v="202211"/>
    <x v="0"/>
    <x v="0"/>
    <x v="0"/>
    <x v="2"/>
    <x v="21"/>
    <n v="0"/>
    <n v="-8283.06"/>
  </r>
  <r>
    <s v="03"/>
    <s v="KY"/>
    <s v="KY"/>
    <s v="202211"/>
    <x v="0"/>
    <x v="0"/>
    <x v="0"/>
    <x v="2"/>
    <x v="36"/>
    <n v="0"/>
    <n v="-2507.3200000000002"/>
  </r>
  <r>
    <s v="03"/>
    <s v="KY"/>
    <s v="KY"/>
    <s v="202211"/>
    <x v="0"/>
    <x v="0"/>
    <x v="0"/>
    <x v="2"/>
    <x v="23"/>
    <n v="0"/>
    <n v="-63463.89"/>
  </r>
  <r>
    <s v="03"/>
    <s v="KY"/>
    <s v="KY"/>
    <s v="202211"/>
    <x v="0"/>
    <x v="0"/>
    <x v="0"/>
    <x v="3"/>
    <x v="3"/>
    <n v="0"/>
    <n v="-1.1100000000000001"/>
  </r>
  <r>
    <s v="03"/>
    <s v="KY"/>
    <s v="KY"/>
    <s v="202211"/>
    <x v="0"/>
    <x v="0"/>
    <x v="0"/>
    <x v="3"/>
    <x v="4"/>
    <n v="0"/>
    <n v="-4.4000000000000004"/>
  </r>
  <r>
    <s v="03"/>
    <s v="KY"/>
    <s v="KY"/>
    <s v="202211"/>
    <x v="0"/>
    <x v="0"/>
    <x v="0"/>
    <x v="3"/>
    <x v="5"/>
    <n v="0"/>
    <n v="-56.19"/>
  </r>
  <r>
    <s v="03"/>
    <s v="KY"/>
    <s v="KY"/>
    <s v="202211"/>
    <x v="0"/>
    <x v="0"/>
    <x v="0"/>
    <x v="3"/>
    <x v="6"/>
    <n v="0"/>
    <n v="-1.9"/>
  </r>
  <r>
    <s v="03"/>
    <s v="KY"/>
    <s v="KY"/>
    <s v="202211"/>
    <x v="0"/>
    <x v="0"/>
    <x v="0"/>
    <x v="3"/>
    <x v="15"/>
    <n v="0"/>
    <n v="-967.78"/>
  </r>
  <r>
    <s v="03"/>
    <s v="KY"/>
    <s v="KY"/>
    <s v="202211"/>
    <x v="0"/>
    <x v="0"/>
    <x v="0"/>
    <x v="3"/>
    <x v="17"/>
    <n v="0"/>
    <n v="-4827.8"/>
  </r>
  <r>
    <s v="03"/>
    <s v="KY"/>
    <s v="KY"/>
    <s v="202211"/>
    <x v="0"/>
    <x v="0"/>
    <x v="0"/>
    <x v="3"/>
    <x v="35"/>
    <n v="0"/>
    <n v="-12.62"/>
  </r>
  <r>
    <s v="03"/>
    <s v="KY"/>
    <s v="KY"/>
    <s v="202211"/>
    <x v="0"/>
    <x v="0"/>
    <x v="0"/>
    <x v="3"/>
    <x v="19"/>
    <n v="0"/>
    <n v="-7.75"/>
  </r>
  <r>
    <s v="03"/>
    <s v="KY"/>
    <s v="KY"/>
    <s v="202211"/>
    <x v="0"/>
    <x v="0"/>
    <x v="0"/>
    <x v="3"/>
    <x v="20"/>
    <n v="0"/>
    <n v="-140.52000000000001"/>
  </r>
  <r>
    <s v="03"/>
    <s v="KY"/>
    <s v="KY"/>
    <s v="202211"/>
    <x v="0"/>
    <x v="0"/>
    <x v="0"/>
    <x v="3"/>
    <x v="21"/>
    <n v="0"/>
    <n v="-3401.36"/>
  </r>
  <r>
    <s v="03"/>
    <s v="KY"/>
    <s v="KY"/>
    <s v="202211"/>
    <x v="0"/>
    <x v="0"/>
    <x v="0"/>
    <x v="3"/>
    <x v="26"/>
    <n v="0"/>
    <n v="-1194.68"/>
  </r>
  <r>
    <s v="03"/>
    <s v="KY"/>
    <s v="KY"/>
    <s v="202211"/>
    <x v="0"/>
    <x v="0"/>
    <x v="0"/>
    <x v="3"/>
    <x v="22"/>
    <n v="0"/>
    <n v="-1138.07"/>
  </r>
  <r>
    <s v="03"/>
    <s v="KY"/>
    <s v="KY"/>
    <s v="202211"/>
    <x v="0"/>
    <x v="0"/>
    <x v="0"/>
    <x v="4"/>
    <x v="2"/>
    <n v="0"/>
    <n v="-2.04"/>
  </r>
  <r>
    <s v="03"/>
    <s v="KY"/>
    <s v="KY"/>
    <s v="202211"/>
    <x v="0"/>
    <x v="0"/>
    <x v="0"/>
    <x v="4"/>
    <x v="15"/>
    <n v="0"/>
    <n v="-25.98"/>
  </r>
  <r>
    <s v="03"/>
    <s v="KY"/>
    <s v="KY"/>
    <s v="202211"/>
    <x v="0"/>
    <x v="0"/>
    <x v="0"/>
    <x v="4"/>
    <x v="17"/>
    <n v="0"/>
    <n v="-25.35"/>
  </r>
  <r>
    <s v="03"/>
    <s v="KY"/>
    <s v="KY"/>
    <s v="202211"/>
    <x v="0"/>
    <x v="0"/>
    <x v="0"/>
    <x v="5"/>
    <x v="9"/>
    <n v="0"/>
    <n v="-0.95"/>
  </r>
  <r>
    <s v="03"/>
    <s v="KY"/>
    <s v="KY"/>
    <s v="202211"/>
    <x v="0"/>
    <x v="0"/>
    <x v="0"/>
    <x v="5"/>
    <x v="2"/>
    <n v="0"/>
    <n v="-3.81"/>
  </r>
  <r>
    <s v="03"/>
    <s v="KY"/>
    <s v="KY"/>
    <s v="202211"/>
    <x v="0"/>
    <x v="0"/>
    <x v="0"/>
    <x v="5"/>
    <x v="4"/>
    <n v="0"/>
    <n v="-3.82"/>
  </r>
  <r>
    <s v="03"/>
    <s v="KY"/>
    <s v="KY"/>
    <s v="202211"/>
    <x v="0"/>
    <x v="0"/>
    <x v="0"/>
    <x v="5"/>
    <x v="5"/>
    <n v="0"/>
    <n v="-1.78"/>
  </r>
  <r>
    <s v="03"/>
    <s v="KY"/>
    <s v="KY"/>
    <s v="202211"/>
    <x v="0"/>
    <x v="0"/>
    <x v="0"/>
    <x v="5"/>
    <x v="6"/>
    <n v="0"/>
    <n v="-2.06"/>
  </r>
  <r>
    <s v="03"/>
    <s v="KY"/>
    <s v="KY"/>
    <s v="202211"/>
    <x v="0"/>
    <x v="0"/>
    <x v="0"/>
    <x v="5"/>
    <x v="15"/>
    <n v="0"/>
    <n v="-127.07"/>
  </r>
  <r>
    <s v="03"/>
    <s v="KY"/>
    <s v="KY"/>
    <s v="202211"/>
    <x v="0"/>
    <x v="0"/>
    <x v="0"/>
    <x v="5"/>
    <x v="17"/>
    <n v="0"/>
    <n v="-374.53"/>
  </r>
  <r>
    <s v="03"/>
    <s v="KY"/>
    <s v="KY"/>
    <s v="202211"/>
    <x v="0"/>
    <x v="0"/>
    <x v="0"/>
    <x v="5"/>
    <x v="25"/>
    <n v="0"/>
    <n v="-101.34"/>
  </r>
  <r>
    <s v="03"/>
    <s v="KY"/>
    <s v="KY"/>
    <s v="202211"/>
    <x v="0"/>
    <x v="0"/>
    <x v="0"/>
    <x v="5"/>
    <x v="21"/>
    <n v="0"/>
    <n v="-338.66"/>
  </r>
  <r>
    <s v="03"/>
    <s v="KY"/>
    <s v="KY"/>
    <s v="202211"/>
    <x v="0"/>
    <x v="0"/>
    <x v="0"/>
    <x v="6"/>
    <x v="17"/>
    <n v="0"/>
    <n v="-15.8"/>
  </r>
  <r>
    <s v="03"/>
    <s v="KY"/>
    <s v="KY"/>
    <s v="202211"/>
    <x v="0"/>
    <x v="0"/>
    <x v="0"/>
    <x v="6"/>
    <x v="21"/>
    <n v="0"/>
    <n v="-774.1"/>
  </r>
  <r>
    <s v="03"/>
    <s v="KY"/>
    <s v="KY"/>
    <s v="202211"/>
    <x v="0"/>
    <x v="0"/>
    <x v="0"/>
    <x v="7"/>
    <x v="6"/>
    <n v="0"/>
    <n v="-2.3199999999999998"/>
  </r>
  <r>
    <s v="03"/>
    <s v="KY"/>
    <s v="KY"/>
    <s v="202211"/>
    <x v="0"/>
    <x v="0"/>
    <x v="0"/>
    <x v="7"/>
    <x v="15"/>
    <n v="0"/>
    <n v="-4.09"/>
  </r>
  <r>
    <s v="03"/>
    <s v="KY"/>
    <s v="KY"/>
    <s v="202211"/>
    <x v="0"/>
    <x v="0"/>
    <x v="0"/>
    <x v="7"/>
    <x v="17"/>
    <n v="0"/>
    <n v="-0.83"/>
  </r>
  <r>
    <s v="03"/>
    <s v="KY"/>
    <s v="KY"/>
    <s v="202211"/>
    <x v="0"/>
    <x v="0"/>
    <x v="0"/>
    <x v="7"/>
    <x v="25"/>
    <n v="0"/>
    <n v="-6.41"/>
  </r>
  <r>
    <s v="03"/>
    <s v="KY"/>
    <s v="KY"/>
    <s v="202211"/>
    <x v="0"/>
    <x v="0"/>
    <x v="0"/>
    <x v="7"/>
    <x v="26"/>
    <n v="0"/>
    <n v="-933.77"/>
  </r>
  <r>
    <s v="03"/>
    <s v="KY"/>
    <s v="KY"/>
    <s v="202211"/>
    <x v="1"/>
    <x v="0"/>
    <x v="0"/>
    <x v="8"/>
    <x v="29"/>
    <n v="0"/>
    <n v="768.36"/>
  </r>
  <r>
    <s v="03"/>
    <s v="KY"/>
    <s v="KY"/>
    <s v="202211"/>
    <x v="1"/>
    <x v="0"/>
    <x v="0"/>
    <x v="0"/>
    <x v="0"/>
    <n v="0"/>
    <n v="33.6"/>
  </r>
  <r>
    <s v="03"/>
    <s v="KY"/>
    <s v="KY"/>
    <s v="202211"/>
    <x v="1"/>
    <x v="0"/>
    <x v="0"/>
    <x v="1"/>
    <x v="15"/>
    <n v="0"/>
    <n v="29.67"/>
  </r>
  <r>
    <s v="03"/>
    <s v="KY"/>
    <s v="KY"/>
    <s v="202211"/>
    <x v="1"/>
    <x v="0"/>
    <x v="0"/>
    <x v="2"/>
    <x v="9"/>
    <n v="0"/>
    <n v="34.46"/>
  </r>
  <r>
    <s v="03"/>
    <s v="KY"/>
    <s v="KY"/>
    <s v="202211"/>
    <x v="1"/>
    <x v="0"/>
    <x v="0"/>
    <x v="2"/>
    <x v="2"/>
    <n v="0"/>
    <n v="104.96"/>
  </r>
  <r>
    <s v="03"/>
    <s v="KY"/>
    <s v="KY"/>
    <s v="202211"/>
    <x v="1"/>
    <x v="0"/>
    <x v="0"/>
    <x v="2"/>
    <x v="10"/>
    <n v="0"/>
    <n v="29.81"/>
  </r>
  <r>
    <s v="03"/>
    <s v="KY"/>
    <s v="KY"/>
    <s v="202211"/>
    <x v="1"/>
    <x v="0"/>
    <x v="0"/>
    <x v="2"/>
    <x v="3"/>
    <n v="0"/>
    <n v="124.8"/>
  </r>
  <r>
    <s v="03"/>
    <s v="KY"/>
    <s v="KY"/>
    <s v="202211"/>
    <x v="1"/>
    <x v="0"/>
    <x v="0"/>
    <x v="2"/>
    <x v="32"/>
    <n v="0"/>
    <n v="30.85"/>
  </r>
  <r>
    <s v="03"/>
    <s v="KY"/>
    <s v="KY"/>
    <s v="202211"/>
    <x v="1"/>
    <x v="0"/>
    <x v="0"/>
    <x v="2"/>
    <x v="4"/>
    <n v="0"/>
    <n v="88.86"/>
  </r>
  <r>
    <s v="03"/>
    <s v="KY"/>
    <s v="KY"/>
    <s v="202211"/>
    <x v="1"/>
    <x v="0"/>
    <x v="0"/>
    <x v="2"/>
    <x v="5"/>
    <n v="0"/>
    <n v="406.88"/>
  </r>
  <r>
    <s v="03"/>
    <s v="KY"/>
    <s v="KY"/>
    <s v="202211"/>
    <x v="1"/>
    <x v="0"/>
    <x v="0"/>
    <x v="2"/>
    <x v="33"/>
    <n v="0"/>
    <n v="4.53"/>
  </r>
  <r>
    <s v="03"/>
    <s v="KY"/>
    <s v="KY"/>
    <s v="202211"/>
    <x v="1"/>
    <x v="0"/>
    <x v="0"/>
    <x v="2"/>
    <x v="8"/>
    <n v="0"/>
    <n v="81.38"/>
  </r>
  <r>
    <s v="03"/>
    <s v="KY"/>
    <s v="KY"/>
    <s v="202211"/>
    <x v="1"/>
    <x v="0"/>
    <x v="0"/>
    <x v="2"/>
    <x v="6"/>
    <n v="0"/>
    <n v="158.83000000000001"/>
  </r>
  <r>
    <s v="03"/>
    <s v="KY"/>
    <s v="KY"/>
    <s v="202211"/>
    <x v="1"/>
    <x v="0"/>
    <x v="0"/>
    <x v="2"/>
    <x v="11"/>
    <n v="0"/>
    <n v="89.22"/>
  </r>
  <r>
    <s v="03"/>
    <s v="KY"/>
    <s v="KY"/>
    <s v="202211"/>
    <x v="1"/>
    <x v="0"/>
    <x v="0"/>
    <x v="2"/>
    <x v="12"/>
    <n v="0"/>
    <n v="18.38"/>
  </r>
  <r>
    <s v="03"/>
    <s v="KY"/>
    <s v="KY"/>
    <s v="202211"/>
    <x v="1"/>
    <x v="0"/>
    <x v="0"/>
    <x v="2"/>
    <x v="13"/>
    <n v="0"/>
    <n v="22.87"/>
  </r>
  <r>
    <s v="03"/>
    <s v="KY"/>
    <s v="KY"/>
    <s v="202211"/>
    <x v="1"/>
    <x v="0"/>
    <x v="0"/>
    <x v="2"/>
    <x v="7"/>
    <n v="0"/>
    <n v="35.950000000000003"/>
  </r>
  <r>
    <s v="03"/>
    <s v="KY"/>
    <s v="KY"/>
    <s v="202211"/>
    <x v="1"/>
    <x v="0"/>
    <x v="0"/>
    <x v="2"/>
    <x v="45"/>
    <n v="0"/>
    <n v="9.1300000000000008"/>
  </r>
  <r>
    <s v="03"/>
    <s v="KY"/>
    <s v="KY"/>
    <s v="202211"/>
    <x v="1"/>
    <x v="0"/>
    <x v="0"/>
    <x v="2"/>
    <x v="14"/>
    <n v="0"/>
    <n v="15.18"/>
  </r>
  <r>
    <s v="03"/>
    <s v="KY"/>
    <s v="KY"/>
    <s v="202211"/>
    <x v="1"/>
    <x v="0"/>
    <x v="0"/>
    <x v="2"/>
    <x v="15"/>
    <n v="0"/>
    <n v="23790.400000000001"/>
  </r>
  <r>
    <s v="03"/>
    <s v="KY"/>
    <s v="KY"/>
    <s v="202211"/>
    <x v="1"/>
    <x v="0"/>
    <x v="0"/>
    <x v="2"/>
    <x v="16"/>
    <n v="0"/>
    <n v="194.17"/>
  </r>
  <r>
    <s v="03"/>
    <s v="KY"/>
    <s v="KY"/>
    <s v="202211"/>
    <x v="1"/>
    <x v="0"/>
    <x v="0"/>
    <x v="2"/>
    <x v="17"/>
    <n v="0"/>
    <n v="26519.95"/>
  </r>
  <r>
    <s v="03"/>
    <s v="KY"/>
    <s v="KY"/>
    <s v="202211"/>
    <x v="1"/>
    <x v="0"/>
    <x v="0"/>
    <x v="2"/>
    <x v="18"/>
    <n v="0"/>
    <n v="46.16"/>
  </r>
  <r>
    <s v="03"/>
    <s v="KY"/>
    <s v="KY"/>
    <s v="202211"/>
    <x v="1"/>
    <x v="0"/>
    <x v="0"/>
    <x v="2"/>
    <x v="35"/>
    <n v="0"/>
    <n v="14.17"/>
  </r>
  <r>
    <s v="03"/>
    <s v="KY"/>
    <s v="KY"/>
    <s v="202211"/>
    <x v="1"/>
    <x v="0"/>
    <x v="0"/>
    <x v="2"/>
    <x v="24"/>
    <n v="0"/>
    <n v="8.77"/>
  </r>
  <r>
    <s v="03"/>
    <s v="KY"/>
    <s v="KY"/>
    <s v="202211"/>
    <x v="1"/>
    <x v="0"/>
    <x v="0"/>
    <x v="2"/>
    <x v="19"/>
    <n v="0"/>
    <n v="44.28"/>
  </r>
  <r>
    <s v="03"/>
    <s v="KY"/>
    <s v="KY"/>
    <s v="202211"/>
    <x v="1"/>
    <x v="0"/>
    <x v="0"/>
    <x v="2"/>
    <x v="20"/>
    <n v="0"/>
    <n v="228.28"/>
  </r>
  <r>
    <s v="03"/>
    <s v="KY"/>
    <s v="KY"/>
    <s v="202211"/>
    <x v="1"/>
    <x v="0"/>
    <x v="0"/>
    <x v="2"/>
    <x v="21"/>
    <n v="0"/>
    <n v="12650.15"/>
  </r>
  <r>
    <s v="03"/>
    <s v="KY"/>
    <s v="KY"/>
    <s v="202211"/>
    <x v="1"/>
    <x v="0"/>
    <x v="0"/>
    <x v="2"/>
    <x v="26"/>
    <n v="0"/>
    <n v="511.16"/>
  </r>
  <r>
    <s v="03"/>
    <s v="KY"/>
    <s v="KY"/>
    <s v="202211"/>
    <x v="1"/>
    <x v="0"/>
    <x v="0"/>
    <x v="2"/>
    <x v="36"/>
    <n v="0"/>
    <n v="5133.07"/>
  </r>
  <r>
    <s v="03"/>
    <s v="KY"/>
    <s v="KY"/>
    <s v="202211"/>
    <x v="1"/>
    <x v="0"/>
    <x v="0"/>
    <x v="2"/>
    <x v="23"/>
    <n v="0"/>
    <n v="75565.66"/>
  </r>
  <r>
    <s v="03"/>
    <s v="KY"/>
    <s v="KY"/>
    <s v="202211"/>
    <x v="1"/>
    <x v="0"/>
    <x v="0"/>
    <x v="3"/>
    <x v="2"/>
    <n v="0"/>
    <n v="46.42"/>
  </r>
  <r>
    <s v="03"/>
    <s v="KY"/>
    <s v="KY"/>
    <s v="202211"/>
    <x v="1"/>
    <x v="0"/>
    <x v="0"/>
    <x v="3"/>
    <x v="3"/>
    <n v="0"/>
    <n v="13.16"/>
  </r>
  <r>
    <s v="03"/>
    <s v="KY"/>
    <s v="KY"/>
    <s v="202211"/>
    <x v="1"/>
    <x v="0"/>
    <x v="0"/>
    <x v="3"/>
    <x v="32"/>
    <n v="0"/>
    <n v="22.59"/>
  </r>
  <r>
    <s v="03"/>
    <s v="KY"/>
    <s v="KY"/>
    <s v="202211"/>
    <x v="1"/>
    <x v="0"/>
    <x v="0"/>
    <x v="3"/>
    <x v="4"/>
    <n v="0"/>
    <n v="5.56"/>
  </r>
  <r>
    <s v="03"/>
    <s v="KY"/>
    <s v="KY"/>
    <s v="202211"/>
    <x v="1"/>
    <x v="0"/>
    <x v="0"/>
    <x v="3"/>
    <x v="5"/>
    <n v="0"/>
    <n v="161.83000000000001"/>
  </r>
  <r>
    <s v="03"/>
    <s v="KY"/>
    <s v="KY"/>
    <s v="202211"/>
    <x v="1"/>
    <x v="0"/>
    <x v="0"/>
    <x v="3"/>
    <x v="6"/>
    <n v="0"/>
    <n v="27.16"/>
  </r>
  <r>
    <s v="03"/>
    <s v="KY"/>
    <s v="KY"/>
    <s v="202211"/>
    <x v="1"/>
    <x v="0"/>
    <x v="0"/>
    <x v="3"/>
    <x v="11"/>
    <n v="0"/>
    <n v="14.64"/>
  </r>
  <r>
    <s v="03"/>
    <s v="KY"/>
    <s v="KY"/>
    <s v="202211"/>
    <x v="1"/>
    <x v="0"/>
    <x v="0"/>
    <x v="3"/>
    <x v="7"/>
    <n v="0"/>
    <n v="1.5"/>
  </r>
  <r>
    <s v="03"/>
    <s v="KY"/>
    <s v="KY"/>
    <s v="202211"/>
    <x v="1"/>
    <x v="0"/>
    <x v="0"/>
    <x v="3"/>
    <x v="15"/>
    <n v="0"/>
    <n v="4427.54"/>
  </r>
  <r>
    <s v="03"/>
    <s v="KY"/>
    <s v="KY"/>
    <s v="202211"/>
    <x v="1"/>
    <x v="0"/>
    <x v="0"/>
    <x v="3"/>
    <x v="17"/>
    <n v="0"/>
    <n v="16355.27"/>
  </r>
  <r>
    <s v="03"/>
    <s v="KY"/>
    <s v="KY"/>
    <s v="202211"/>
    <x v="1"/>
    <x v="0"/>
    <x v="0"/>
    <x v="3"/>
    <x v="35"/>
    <n v="0"/>
    <n v="16.04"/>
  </r>
  <r>
    <s v="03"/>
    <s v="KY"/>
    <s v="KY"/>
    <s v="202211"/>
    <x v="1"/>
    <x v="0"/>
    <x v="0"/>
    <x v="3"/>
    <x v="24"/>
    <n v="0"/>
    <n v="39.46"/>
  </r>
  <r>
    <s v="03"/>
    <s v="KY"/>
    <s v="KY"/>
    <s v="202211"/>
    <x v="1"/>
    <x v="0"/>
    <x v="0"/>
    <x v="3"/>
    <x v="19"/>
    <n v="0"/>
    <n v="30.92"/>
  </r>
  <r>
    <s v="03"/>
    <s v="KY"/>
    <s v="KY"/>
    <s v="202211"/>
    <x v="1"/>
    <x v="0"/>
    <x v="0"/>
    <x v="3"/>
    <x v="20"/>
    <n v="0"/>
    <n v="191.12"/>
  </r>
  <r>
    <s v="03"/>
    <s v="KY"/>
    <s v="KY"/>
    <s v="202211"/>
    <x v="1"/>
    <x v="0"/>
    <x v="0"/>
    <x v="3"/>
    <x v="21"/>
    <n v="0"/>
    <n v="9796.74"/>
  </r>
  <r>
    <s v="03"/>
    <s v="KY"/>
    <s v="KY"/>
    <s v="202211"/>
    <x v="1"/>
    <x v="0"/>
    <x v="0"/>
    <x v="3"/>
    <x v="26"/>
    <n v="0"/>
    <n v="2298.06"/>
  </r>
  <r>
    <s v="03"/>
    <s v="KY"/>
    <s v="KY"/>
    <s v="202211"/>
    <x v="1"/>
    <x v="0"/>
    <x v="0"/>
    <x v="3"/>
    <x v="22"/>
    <n v="0"/>
    <n v="1138.07"/>
  </r>
  <r>
    <s v="03"/>
    <s v="KY"/>
    <s v="KY"/>
    <s v="202211"/>
    <x v="1"/>
    <x v="0"/>
    <x v="0"/>
    <x v="3"/>
    <x v="38"/>
    <n v="0"/>
    <n v="318.91000000000003"/>
  </r>
  <r>
    <s v="03"/>
    <s v="KY"/>
    <s v="KY"/>
    <s v="202211"/>
    <x v="1"/>
    <x v="0"/>
    <x v="0"/>
    <x v="3"/>
    <x v="27"/>
    <n v="0"/>
    <n v="3166.08"/>
  </r>
  <r>
    <s v="03"/>
    <s v="KY"/>
    <s v="KY"/>
    <s v="202211"/>
    <x v="1"/>
    <x v="0"/>
    <x v="0"/>
    <x v="4"/>
    <x v="9"/>
    <n v="0"/>
    <n v="1.54"/>
  </r>
  <r>
    <s v="03"/>
    <s v="KY"/>
    <s v="KY"/>
    <s v="202211"/>
    <x v="1"/>
    <x v="0"/>
    <x v="0"/>
    <x v="4"/>
    <x v="2"/>
    <n v="0"/>
    <n v="11.46"/>
  </r>
  <r>
    <s v="03"/>
    <s v="KY"/>
    <s v="KY"/>
    <s v="202211"/>
    <x v="1"/>
    <x v="0"/>
    <x v="0"/>
    <x v="4"/>
    <x v="3"/>
    <n v="0"/>
    <n v="79.099999999999994"/>
  </r>
  <r>
    <s v="03"/>
    <s v="KY"/>
    <s v="KY"/>
    <s v="202211"/>
    <x v="1"/>
    <x v="0"/>
    <x v="0"/>
    <x v="4"/>
    <x v="4"/>
    <n v="0"/>
    <n v="15.38"/>
  </r>
  <r>
    <s v="03"/>
    <s v="KY"/>
    <s v="KY"/>
    <s v="202211"/>
    <x v="1"/>
    <x v="0"/>
    <x v="0"/>
    <x v="4"/>
    <x v="5"/>
    <n v="0"/>
    <n v="75.84"/>
  </r>
  <r>
    <s v="03"/>
    <s v="KY"/>
    <s v="KY"/>
    <s v="202211"/>
    <x v="1"/>
    <x v="0"/>
    <x v="0"/>
    <x v="4"/>
    <x v="6"/>
    <n v="0"/>
    <n v="24.65"/>
  </r>
  <r>
    <s v="03"/>
    <s v="KY"/>
    <s v="KY"/>
    <s v="202211"/>
    <x v="1"/>
    <x v="0"/>
    <x v="0"/>
    <x v="4"/>
    <x v="15"/>
    <n v="0"/>
    <n v="426.11"/>
  </r>
  <r>
    <s v="03"/>
    <s v="KY"/>
    <s v="KY"/>
    <s v="202211"/>
    <x v="1"/>
    <x v="0"/>
    <x v="0"/>
    <x v="4"/>
    <x v="17"/>
    <n v="0"/>
    <n v="849.25"/>
  </r>
  <r>
    <s v="03"/>
    <s v="KY"/>
    <s v="KY"/>
    <s v="202211"/>
    <x v="1"/>
    <x v="0"/>
    <x v="0"/>
    <x v="4"/>
    <x v="26"/>
    <n v="0"/>
    <n v="356.94"/>
  </r>
  <r>
    <s v="03"/>
    <s v="KY"/>
    <s v="KY"/>
    <s v="202211"/>
    <x v="1"/>
    <x v="0"/>
    <x v="0"/>
    <x v="4"/>
    <x v="43"/>
    <n v="0"/>
    <n v="1180.19"/>
  </r>
  <r>
    <s v="03"/>
    <s v="KY"/>
    <s v="KY"/>
    <s v="202211"/>
    <x v="1"/>
    <x v="0"/>
    <x v="0"/>
    <x v="4"/>
    <x v="27"/>
    <n v="0"/>
    <n v="2452.61"/>
  </r>
  <r>
    <s v="03"/>
    <s v="KY"/>
    <s v="KY"/>
    <s v="202211"/>
    <x v="1"/>
    <x v="0"/>
    <x v="0"/>
    <x v="5"/>
    <x v="9"/>
    <n v="0"/>
    <n v="1.9"/>
  </r>
  <r>
    <s v="03"/>
    <s v="KY"/>
    <s v="KY"/>
    <s v="202211"/>
    <x v="1"/>
    <x v="0"/>
    <x v="0"/>
    <x v="5"/>
    <x v="2"/>
    <n v="0"/>
    <n v="4.5"/>
  </r>
  <r>
    <s v="03"/>
    <s v="KY"/>
    <s v="KY"/>
    <s v="202211"/>
    <x v="1"/>
    <x v="0"/>
    <x v="0"/>
    <x v="5"/>
    <x v="3"/>
    <n v="0"/>
    <n v="6.44"/>
  </r>
  <r>
    <s v="03"/>
    <s v="KY"/>
    <s v="KY"/>
    <s v="202211"/>
    <x v="1"/>
    <x v="0"/>
    <x v="0"/>
    <x v="5"/>
    <x v="4"/>
    <n v="0"/>
    <n v="6.81"/>
  </r>
  <r>
    <s v="03"/>
    <s v="KY"/>
    <s v="KY"/>
    <s v="202211"/>
    <x v="1"/>
    <x v="0"/>
    <x v="0"/>
    <x v="5"/>
    <x v="5"/>
    <n v="0"/>
    <n v="18.03"/>
  </r>
  <r>
    <s v="03"/>
    <s v="KY"/>
    <s v="KY"/>
    <s v="202211"/>
    <x v="1"/>
    <x v="0"/>
    <x v="0"/>
    <x v="5"/>
    <x v="6"/>
    <n v="0"/>
    <n v="6.83"/>
  </r>
  <r>
    <s v="03"/>
    <s v="KY"/>
    <s v="KY"/>
    <s v="202211"/>
    <x v="1"/>
    <x v="0"/>
    <x v="0"/>
    <x v="5"/>
    <x v="7"/>
    <n v="0"/>
    <n v="0.54"/>
  </r>
  <r>
    <s v="03"/>
    <s v="KY"/>
    <s v="KY"/>
    <s v="202211"/>
    <x v="1"/>
    <x v="0"/>
    <x v="0"/>
    <x v="5"/>
    <x v="15"/>
    <n v="0"/>
    <n v="444.92"/>
  </r>
  <r>
    <s v="03"/>
    <s v="KY"/>
    <s v="KY"/>
    <s v="202211"/>
    <x v="1"/>
    <x v="0"/>
    <x v="0"/>
    <x v="5"/>
    <x v="17"/>
    <n v="0"/>
    <n v="946.4"/>
  </r>
  <r>
    <s v="03"/>
    <s v="KY"/>
    <s v="KY"/>
    <s v="202211"/>
    <x v="1"/>
    <x v="0"/>
    <x v="0"/>
    <x v="5"/>
    <x v="18"/>
    <n v="0"/>
    <n v="25.01"/>
  </r>
  <r>
    <s v="03"/>
    <s v="KY"/>
    <s v="KY"/>
    <s v="202211"/>
    <x v="1"/>
    <x v="0"/>
    <x v="0"/>
    <x v="5"/>
    <x v="25"/>
    <n v="0"/>
    <n v="101.34"/>
  </r>
  <r>
    <s v="03"/>
    <s v="KY"/>
    <s v="KY"/>
    <s v="202211"/>
    <x v="1"/>
    <x v="0"/>
    <x v="0"/>
    <x v="5"/>
    <x v="21"/>
    <n v="0"/>
    <n v="1070.49"/>
  </r>
  <r>
    <s v="03"/>
    <s v="KY"/>
    <s v="KY"/>
    <s v="202211"/>
    <x v="1"/>
    <x v="0"/>
    <x v="0"/>
    <x v="5"/>
    <x v="26"/>
    <n v="0"/>
    <n v="1425.26"/>
  </r>
  <r>
    <s v="03"/>
    <s v="KY"/>
    <s v="KY"/>
    <s v="202211"/>
    <x v="1"/>
    <x v="0"/>
    <x v="0"/>
    <x v="5"/>
    <x v="23"/>
    <n v="0"/>
    <n v="6282.3"/>
  </r>
  <r>
    <s v="03"/>
    <s v="KY"/>
    <s v="KY"/>
    <s v="202211"/>
    <x v="1"/>
    <x v="0"/>
    <x v="0"/>
    <x v="5"/>
    <x v="49"/>
    <n v="0"/>
    <n v="23814.61"/>
  </r>
  <r>
    <s v="03"/>
    <s v="KY"/>
    <s v="KY"/>
    <s v="202211"/>
    <x v="1"/>
    <x v="0"/>
    <x v="0"/>
    <x v="6"/>
    <x v="6"/>
    <n v="0"/>
    <n v="5.76"/>
  </r>
  <r>
    <s v="03"/>
    <s v="KY"/>
    <s v="KY"/>
    <s v="202211"/>
    <x v="1"/>
    <x v="0"/>
    <x v="0"/>
    <x v="6"/>
    <x v="15"/>
    <n v="0"/>
    <n v="2.19"/>
  </r>
  <r>
    <s v="03"/>
    <s v="KY"/>
    <s v="KY"/>
    <s v="202211"/>
    <x v="1"/>
    <x v="0"/>
    <x v="0"/>
    <x v="6"/>
    <x v="17"/>
    <n v="0"/>
    <n v="33.56"/>
  </r>
  <r>
    <s v="03"/>
    <s v="KY"/>
    <s v="KY"/>
    <s v="202211"/>
    <x v="1"/>
    <x v="0"/>
    <x v="0"/>
    <x v="6"/>
    <x v="21"/>
    <n v="0"/>
    <n v="774.1"/>
  </r>
  <r>
    <s v="03"/>
    <s v="KY"/>
    <s v="KY"/>
    <s v="202211"/>
    <x v="1"/>
    <x v="0"/>
    <x v="0"/>
    <x v="6"/>
    <x v="26"/>
    <n v="0"/>
    <n v="1784.62"/>
  </r>
  <r>
    <s v="03"/>
    <s v="KY"/>
    <s v="KY"/>
    <s v="202211"/>
    <x v="1"/>
    <x v="0"/>
    <x v="0"/>
    <x v="7"/>
    <x v="2"/>
    <n v="0"/>
    <n v="0.67"/>
  </r>
  <r>
    <s v="03"/>
    <s v="KY"/>
    <s v="KY"/>
    <s v="202211"/>
    <x v="1"/>
    <x v="0"/>
    <x v="0"/>
    <x v="7"/>
    <x v="3"/>
    <n v="0"/>
    <n v="11.69"/>
  </r>
  <r>
    <s v="03"/>
    <s v="KY"/>
    <s v="KY"/>
    <s v="202211"/>
    <x v="1"/>
    <x v="0"/>
    <x v="0"/>
    <x v="7"/>
    <x v="4"/>
    <n v="0"/>
    <n v="1.1599999999999999"/>
  </r>
  <r>
    <s v="03"/>
    <s v="KY"/>
    <s v="KY"/>
    <s v="202211"/>
    <x v="1"/>
    <x v="0"/>
    <x v="0"/>
    <x v="7"/>
    <x v="5"/>
    <n v="0"/>
    <n v="12.31"/>
  </r>
  <r>
    <s v="03"/>
    <s v="KY"/>
    <s v="KY"/>
    <s v="202211"/>
    <x v="1"/>
    <x v="0"/>
    <x v="0"/>
    <x v="7"/>
    <x v="6"/>
    <n v="0"/>
    <n v="4.47"/>
  </r>
  <r>
    <s v="03"/>
    <s v="KY"/>
    <s v="KY"/>
    <s v="202211"/>
    <x v="1"/>
    <x v="0"/>
    <x v="0"/>
    <x v="7"/>
    <x v="15"/>
    <n v="0"/>
    <n v="34.729999999999997"/>
  </r>
  <r>
    <s v="03"/>
    <s v="KY"/>
    <s v="KY"/>
    <s v="202211"/>
    <x v="1"/>
    <x v="0"/>
    <x v="0"/>
    <x v="7"/>
    <x v="17"/>
    <n v="0"/>
    <n v="96.08"/>
  </r>
  <r>
    <s v="03"/>
    <s v="KY"/>
    <s v="KY"/>
    <s v="202211"/>
    <x v="1"/>
    <x v="0"/>
    <x v="0"/>
    <x v="7"/>
    <x v="25"/>
    <n v="0"/>
    <n v="913.98"/>
  </r>
  <r>
    <s v="03"/>
    <s v="KY"/>
    <s v="KY"/>
    <s v="202211"/>
    <x v="1"/>
    <x v="0"/>
    <x v="0"/>
    <x v="7"/>
    <x v="28"/>
    <n v="0"/>
    <n v="128.30000000000001"/>
  </r>
  <r>
    <s v="03"/>
    <s v="KY"/>
    <s v="KY"/>
    <s v="202211"/>
    <x v="1"/>
    <x v="0"/>
    <x v="0"/>
    <x v="7"/>
    <x v="21"/>
    <n v="0"/>
    <n v="92.85"/>
  </r>
  <r>
    <s v="03"/>
    <s v="KY"/>
    <s v="KY"/>
    <s v="202211"/>
    <x v="1"/>
    <x v="0"/>
    <x v="0"/>
    <x v="7"/>
    <x v="26"/>
    <n v="0"/>
    <n v="5272.44"/>
  </r>
  <r>
    <s v="03"/>
    <s v="KY"/>
    <s v="KY"/>
    <s v="202211"/>
    <x v="1"/>
    <x v="0"/>
    <x v="0"/>
    <x v="7"/>
    <x v="22"/>
    <n v="0"/>
    <n v="1476.77"/>
  </r>
  <r>
    <s v="03"/>
    <s v="KY"/>
    <s v="KY"/>
    <s v="202211"/>
    <x v="1"/>
    <x v="0"/>
    <x v="0"/>
    <x v="7"/>
    <x v="40"/>
    <n v="0"/>
    <n v="3462.87"/>
  </r>
  <r>
    <s v="03"/>
    <s v="KY"/>
    <s v="KY"/>
    <s v="202211"/>
    <x v="1"/>
    <x v="0"/>
    <x v="0"/>
    <x v="7"/>
    <x v="27"/>
    <n v="0"/>
    <n v="2812.53"/>
  </r>
  <r>
    <s v="03"/>
    <s v="KY"/>
    <s v="KY"/>
    <s v="202211"/>
    <x v="2"/>
    <x v="0"/>
    <x v="0"/>
    <x v="2"/>
    <x v="5"/>
    <n v="0"/>
    <n v="-2.74"/>
  </r>
  <r>
    <s v="03"/>
    <s v="KY"/>
    <s v="KY"/>
    <s v="202211"/>
    <x v="2"/>
    <x v="0"/>
    <x v="0"/>
    <x v="2"/>
    <x v="15"/>
    <n v="0"/>
    <n v="-166.58"/>
  </r>
  <r>
    <s v="03"/>
    <s v="KY"/>
    <s v="KY"/>
    <s v="202211"/>
    <x v="2"/>
    <x v="0"/>
    <x v="0"/>
    <x v="2"/>
    <x v="17"/>
    <n v="0"/>
    <n v="-35.54"/>
  </r>
  <r>
    <s v="03"/>
    <s v="KY"/>
    <s v="KY"/>
    <s v="202211"/>
    <x v="2"/>
    <x v="0"/>
    <x v="0"/>
    <x v="3"/>
    <x v="15"/>
    <n v="0"/>
    <n v="-14.88"/>
  </r>
  <r>
    <s v="03"/>
    <s v="KY"/>
    <s v="KY"/>
    <s v="202211"/>
    <x v="2"/>
    <x v="0"/>
    <x v="0"/>
    <x v="3"/>
    <x v="17"/>
    <n v="0"/>
    <n v="-210.43"/>
  </r>
  <r>
    <s v="03"/>
    <s v="KY"/>
    <s v="KY"/>
    <s v="202211"/>
    <x v="2"/>
    <x v="0"/>
    <x v="0"/>
    <x v="5"/>
    <x v="15"/>
    <n v="0"/>
    <n v="-3.39"/>
  </r>
  <r>
    <s v="03"/>
    <s v="KY"/>
    <s v="KY"/>
    <s v="202211"/>
    <x v="2"/>
    <x v="0"/>
    <x v="0"/>
    <x v="5"/>
    <x v="17"/>
    <n v="0"/>
    <n v="-23.67"/>
  </r>
  <r>
    <s v="03"/>
    <s v="KY"/>
    <s v="KY"/>
    <s v="202211"/>
    <x v="2"/>
    <x v="0"/>
    <x v="0"/>
    <x v="5"/>
    <x v="49"/>
    <n v="0"/>
    <n v="-23814.61"/>
  </r>
  <r>
    <s v="03"/>
    <s v="KY"/>
    <s v="KY"/>
    <s v="202212"/>
    <x v="0"/>
    <x v="0"/>
    <x v="0"/>
    <x v="2"/>
    <x v="2"/>
    <n v="0"/>
    <n v="-16.93"/>
  </r>
  <r>
    <s v="03"/>
    <s v="KY"/>
    <s v="KY"/>
    <s v="202212"/>
    <x v="0"/>
    <x v="0"/>
    <x v="0"/>
    <x v="2"/>
    <x v="10"/>
    <n v="0"/>
    <n v="-1.87"/>
  </r>
  <r>
    <s v="03"/>
    <s v="KY"/>
    <s v="KY"/>
    <s v="202212"/>
    <x v="0"/>
    <x v="0"/>
    <x v="0"/>
    <x v="2"/>
    <x v="3"/>
    <n v="0"/>
    <n v="-2.31"/>
  </r>
  <r>
    <s v="03"/>
    <s v="KY"/>
    <s v="KY"/>
    <s v="202212"/>
    <x v="0"/>
    <x v="0"/>
    <x v="0"/>
    <x v="2"/>
    <x v="32"/>
    <n v="0"/>
    <n v="-3.99"/>
  </r>
  <r>
    <s v="03"/>
    <s v="KY"/>
    <s v="KY"/>
    <s v="202212"/>
    <x v="0"/>
    <x v="0"/>
    <x v="0"/>
    <x v="2"/>
    <x v="4"/>
    <n v="0"/>
    <n v="-15.48"/>
  </r>
  <r>
    <s v="03"/>
    <s v="KY"/>
    <s v="KY"/>
    <s v="202212"/>
    <x v="0"/>
    <x v="0"/>
    <x v="0"/>
    <x v="2"/>
    <x v="5"/>
    <n v="0"/>
    <n v="-74.38"/>
  </r>
  <r>
    <s v="03"/>
    <s v="KY"/>
    <s v="KY"/>
    <s v="202212"/>
    <x v="0"/>
    <x v="0"/>
    <x v="0"/>
    <x v="2"/>
    <x v="33"/>
    <n v="0"/>
    <n v="-3.13"/>
  </r>
  <r>
    <s v="03"/>
    <s v="KY"/>
    <s v="KY"/>
    <s v="202212"/>
    <x v="0"/>
    <x v="0"/>
    <x v="0"/>
    <x v="2"/>
    <x v="8"/>
    <n v="0"/>
    <n v="-47.48"/>
  </r>
  <r>
    <s v="03"/>
    <s v="KY"/>
    <s v="KY"/>
    <s v="202212"/>
    <x v="0"/>
    <x v="0"/>
    <x v="0"/>
    <x v="2"/>
    <x v="6"/>
    <n v="0"/>
    <n v="-29.87"/>
  </r>
  <r>
    <s v="03"/>
    <s v="KY"/>
    <s v="KY"/>
    <s v="202212"/>
    <x v="0"/>
    <x v="0"/>
    <x v="0"/>
    <x v="2"/>
    <x v="11"/>
    <n v="0"/>
    <n v="-16.170000000000002"/>
  </r>
  <r>
    <s v="03"/>
    <s v="KY"/>
    <s v="KY"/>
    <s v="202212"/>
    <x v="0"/>
    <x v="0"/>
    <x v="0"/>
    <x v="2"/>
    <x v="7"/>
    <n v="0"/>
    <n v="-2.08"/>
  </r>
  <r>
    <s v="03"/>
    <s v="KY"/>
    <s v="KY"/>
    <s v="202212"/>
    <x v="0"/>
    <x v="0"/>
    <x v="0"/>
    <x v="2"/>
    <x v="15"/>
    <n v="0"/>
    <n v="-4260.28"/>
  </r>
  <r>
    <s v="03"/>
    <s v="KY"/>
    <s v="KY"/>
    <s v="202212"/>
    <x v="0"/>
    <x v="0"/>
    <x v="0"/>
    <x v="2"/>
    <x v="16"/>
    <n v="0"/>
    <n v="-174.08"/>
  </r>
  <r>
    <s v="03"/>
    <s v="KY"/>
    <s v="KY"/>
    <s v="202212"/>
    <x v="0"/>
    <x v="0"/>
    <x v="0"/>
    <x v="2"/>
    <x v="17"/>
    <n v="0"/>
    <n v="-7442.33"/>
  </r>
  <r>
    <s v="03"/>
    <s v="KY"/>
    <s v="KY"/>
    <s v="202212"/>
    <x v="0"/>
    <x v="0"/>
    <x v="0"/>
    <x v="2"/>
    <x v="20"/>
    <n v="0"/>
    <n v="-232.97"/>
  </r>
  <r>
    <s v="03"/>
    <s v="KY"/>
    <s v="KY"/>
    <s v="202212"/>
    <x v="0"/>
    <x v="0"/>
    <x v="0"/>
    <x v="2"/>
    <x v="21"/>
    <n v="0"/>
    <n v="-5350.14"/>
  </r>
  <r>
    <s v="03"/>
    <s v="KY"/>
    <s v="KY"/>
    <s v="202212"/>
    <x v="0"/>
    <x v="0"/>
    <x v="0"/>
    <x v="2"/>
    <x v="36"/>
    <n v="0"/>
    <n v="-2625.75"/>
  </r>
  <r>
    <s v="03"/>
    <s v="KY"/>
    <s v="KY"/>
    <s v="202212"/>
    <x v="0"/>
    <x v="0"/>
    <x v="0"/>
    <x v="3"/>
    <x v="2"/>
    <n v="0"/>
    <n v="-0.78"/>
  </r>
  <r>
    <s v="03"/>
    <s v="KY"/>
    <s v="KY"/>
    <s v="202212"/>
    <x v="0"/>
    <x v="0"/>
    <x v="0"/>
    <x v="3"/>
    <x v="3"/>
    <n v="0"/>
    <n v="-2.2799999999999998"/>
  </r>
  <r>
    <s v="03"/>
    <s v="KY"/>
    <s v="KY"/>
    <s v="202212"/>
    <x v="0"/>
    <x v="0"/>
    <x v="0"/>
    <x v="3"/>
    <x v="5"/>
    <n v="0"/>
    <n v="-42.45"/>
  </r>
  <r>
    <s v="03"/>
    <s v="KY"/>
    <s v="KY"/>
    <s v="202212"/>
    <x v="0"/>
    <x v="0"/>
    <x v="0"/>
    <x v="3"/>
    <x v="6"/>
    <n v="0"/>
    <n v="-3.08"/>
  </r>
  <r>
    <s v="03"/>
    <s v="KY"/>
    <s v="KY"/>
    <s v="202212"/>
    <x v="0"/>
    <x v="0"/>
    <x v="0"/>
    <x v="3"/>
    <x v="11"/>
    <n v="0"/>
    <n v="-10.42"/>
  </r>
  <r>
    <s v="03"/>
    <s v="KY"/>
    <s v="KY"/>
    <s v="202212"/>
    <x v="0"/>
    <x v="0"/>
    <x v="0"/>
    <x v="3"/>
    <x v="7"/>
    <n v="0"/>
    <n v="-1.04"/>
  </r>
  <r>
    <s v="03"/>
    <s v="KY"/>
    <s v="KY"/>
    <s v="202212"/>
    <x v="0"/>
    <x v="0"/>
    <x v="0"/>
    <x v="3"/>
    <x v="15"/>
    <n v="0"/>
    <n v="-969.67"/>
  </r>
  <r>
    <s v="03"/>
    <s v="KY"/>
    <s v="KY"/>
    <s v="202212"/>
    <x v="0"/>
    <x v="0"/>
    <x v="0"/>
    <x v="3"/>
    <x v="17"/>
    <n v="0"/>
    <n v="-3023.71"/>
  </r>
  <r>
    <s v="03"/>
    <s v="KY"/>
    <s v="KY"/>
    <s v="202212"/>
    <x v="0"/>
    <x v="0"/>
    <x v="0"/>
    <x v="3"/>
    <x v="35"/>
    <n v="0"/>
    <n v="-14.31"/>
  </r>
  <r>
    <s v="03"/>
    <s v="KY"/>
    <s v="KY"/>
    <s v="202212"/>
    <x v="0"/>
    <x v="0"/>
    <x v="0"/>
    <x v="3"/>
    <x v="20"/>
    <n v="0"/>
    <n v="-839.56"/>
  </r>
  <r>
    <s v="03"/>
    <s v="KY"/>
    <s v="KY"/>
    <s v="202212"/>
    <x v="0"/>
    <x v="0"/>
    <x v="0"/>
    <x v="3"/>
    <x v="21"/>
    <n v="0"/>
    <n v="-4044.96"/>
  </r>
  <r>
    <s v="03"/>
    <s v="KY"/>
    <s v="KY"/>
    <s v="202212"/>
    <x v="0"/>
    <x v="0"/>
    <x v="0"/>
    <x v="4"/>
    <x v="15"/>
    <n v="0"/>
    <n v="-22.96"/>
  </r>
  <r>
    <s v="03"/>
    <s v="KY"/>
    <s v="KY"/>
    <s v="202212"/>
    <x v="0"/>
    <x v="0"/>
    <x v="0"/>
    <x v="4"/>
    <x v="17"/>
    <n v="0"/>
    <n v="-501.81"/>
  </r>
  <r>
    <s v="03"/>
    <s v="KY"/>
    <s v="KY"/>
    <s v="202212"/>
    <x v="0"/>
    <x v="0"/>
    <x v="0"/>
    <x v="4"/>
    <x v="43"/>
    <n v="0"/>
    <n v="-121.58"/>
  </r>
  <r>
    <s v="03"/>
    <s v="KY"/>
    <s v="KY"/>
    <s v="202212"/>
    <x v="0"/>
    <x v="0"/>
    <x v="0"/>
    <x v="5"/>
    <x v="9"/>
    <n v="0"/>
    <n v="-1.03"/>
  </r>
  <r>
    <s v="03"/>
    <s v="KY"/>
    <s v="KY"/>
    <s v="202212"/>
    <x v="0"/>
    <x v="0"/>
    <x v="0"/>
    <x v="5"/>
    <x v="2"/>
    <n v="0"/>
    <n v="-11.49"/>
  </r>
  <r>
    <s v="03"/>
    <s v="KY"/>
    <s v="KY"/>
    <s v="202212"/>
    <x v="0"/>
    <x v="0"/>
    <x v="0"/>
    <x v="5"/>
    <x v="4"/>
    <n v="0"/>
    <n v="-3.98"/>
  </r>
  <r>
    <s v="03"/>
    <s v="KY"/>
    <s v="KY"/>
    <s v="202212"/>
    <x v="0"/>
    <x v="0"/>
    <x v="0"/>
    <x v="5"/>
    <x v="5"/>
    <n v="0"/>
    <n v="-10.210000000000001"/>
  </r>
  <r>
    <s v="03"/>
    <s v="KY"/>
    <s v="KY"/>
    <s v="202212"/>
    <x v="0"/>
    <x v="0"/>
    <x v="0"/>
    <x v="5"/>
    <x v="6"/>
    <n v="0"/>
    <n v="-3.09"/>
  </r>
  <r>
    <s v="03"/>
    <s v="KY"/>
    <s v="KY"/>
    <s v="202212"/>
    <x v="0"/>
    <x v="0"/>
    <x v="0"/>
    <x v="5"/>
    <x v="15"/>
    <n v="0"/>
    <n v="-173.64"/>
  </r>
  <r>
    <s v="03"/>
    <s v="KY"/>
    <s v="KY"/>
    <s v="202212"/>
    <x v="0"/>
    <x v="0"/>
    <x v="0"/>
    <x v="5"/>
    <x v="17"/>
    <n v="0"/>
    <n v="-1359.63"/>
  </r>
  <r>
    <s v="03"/>
    <s v="KY"/>
    <s v="KY"/>
    <s v="202212"/>
    <x v="0"/>
    <x v="0"/>
    <x v="0"/>
    <x v="5"/>
    <x v="21"/>
    <n v="0"/>
    <n v="-221.29"/>
  </r>
  <r>
    <s v="03"/>
    <s v="KY"/>
    <s v="KY"/>
    <s v="202212"/>
    <x v="0"/>
    <x v="0"/>
    <x v="0"/>
    <x v="5"/>
    <x v="26"/>
    <n v="0"/>
    <n v="-863.44"/>
  </r>
  <r>
    <s v="03"/>
    <s v="KY"/>
    <s v="KY"/>
    <s v="202212"/>
    <x v="0"/>
    <x v="0"/>
    <x v="0"/>
    <x v="6"/>
    <x v="17"/>
    <n v="0"/>
    <n v="-21.08"/>
  </r>
  <r>
    <s v="03"/>
    <s v="KY"/>
    <s v="KY"/>
    <s v="202212"/>
    <x v="0"/>
    <x v="0"/>
    <x v="0"/>
    <x v="7"/>
    <x v="2"/>
    <n v="0"/>
    <n v="-0.74"/>
  </r>
  <r>
    <s v="03"/>
    <s v="KY"/>
    <s v="KY"/>
    <s v="202212"/>
    <x v="0"/>
    <x v="0"/>
    <x v="0"/>
    <x v="7"/>
    <x v="4"/>
    <n v="0"/>
    <n v="-1.26"/>
  </r>
  <r>
    <s v="03"/>
    <s v="KY"/>
    <s v="KY"/>
    <s v="202212"/>
    <x v="0"/>
    <x v="0"/>
    <x v="0"/>
    <x v="7"/>
    <x v="5"/>
    <n v="0"/>
    <n v="-12.31"/>
  </r>
  <r>
    <s v="03"/>
    <s v="KY"/>
    <s v="KY"/>
    <s v="202212"/>
    <x v="0"/>
    <x v="0"/>
    <x v="0"/>
    <x v="7"/>
    <x v="15"/>
    <n v="0"/>
    <n v="-48.05"/>
  </r>
  <r>
    <s v="03"/>
    <s v="KY"/>
    <s v="KY"/>
    <s v="202212"/>
    <x v="0"/>
    <x v="0"/>
    <x v="0"/>
    <x v="7"/>
    <x v="17"/>
    <n v="0"/>
    <n v="-15.37"/>
  </r>
  <r>
    <s v="03"/>
    <s v="KY"/>
    <s v="KY"/>
    <s v="202212"/>
    <x v="0"/>
    <x v="0"/>
    <x v="0"/>
    <x v="7"/>
    <x v="28"/>
    <n v="0"/>
    <n v="-128.30000000000001"/>
  </r>
  <r>
    <s v="03"/>
    <s v="KY"/>
    <s v="KY"/>
    <s v="202212"/>
    <x v="0"/>
    <x v="0"/>
    <x v="0"/>
    <x v="7"/>
    <x v="26"/>
    <n v="0"/>
    <n v="-2638.18"/>
  </r>
  <r>
    <s v="03"/>
    <s v="KY"/>
    <s v="KY"/>
    <s v="202212"/>
    <x v="0"/>
    <x v="0"/>
    <x v="0"/>
    <x v="7"/>
    <x v="40"/>
    <n v="0"/>
    <n v="-13108.96"/>
  </r>
  <r>
    <s v="03"/>
    <s v="KY"/>
    <s v="KY"/>
    <s v="202212"/>
    <x v="1"/>
    <x v="0"/>
    <x v="0"/>
    <x v="8"/>
    <x v="29"/>
    <n v="0"/>
    <n v="491.94"/>
  </r>
  <r>
    <s v="03"/>
    <s v="KY"/>
    <s v="KY"/>
    <s v="202212"/>
    <x v="1"/>
    <x v="0"/>
    <x v="0"/>
    <x v="0"/>
    <x v="0"/>
    <n v="0"/>
    <n v="1.74"/>
  </r>
  <r>
    <s v="03"/>
    <s v="KY"/>
    <s v="KY"/>
    <s v="202212"/>
    <x v="1"/>
    <x v="0"/>
    <x v="0"/>
    <x v="0"/>
    <x v="1"/>
    <n v="0"/>
    <n v="1.7"/>
  </r>
  <r>
    <s v="03"/>
    <s v="KY"/>
    <s v="KY"/>
    <s v="202212"/>
    <x v="1"/>
    <x v="0"/>
    <x v="0"/>
    <x v="1"/>
    <x v="0"/>
    <n v="0"/>
    <n v="6.32"/>
  </r>
  <r>
    <s v="03"/>
    <s v="KY"/>
    <s v="KY"/>
    <s v="202212"/>
    <x v="1"/>
    <x v="0"/>
    <x v="0"/>
    <x v="1"/>
    <x v="1"/>
    <n v="0"/>
    <n v="39.29"/>
  </r>
  <r>
    <s v="03"/>
    <s v="KY"/>
    <s v="KY"/>
    <s v="202212"/>
    <x v="1"/>
    <x v="0"/>
    <x v="0"/>
    <x v="1"/>
    <x v="15"/>
    <n v="0"/>
    <n v="29.33"/>
  </r>
  <r>
    <s v="03"/>
    <s v="KY"/>
    <s v="KY"/>
    <s v="202212"/>
    <x v="1"/>
    <x v="0"/>
    <x v="0"/>
    <x v="2"/>
    <x v="9"/>
    <n v="0"/>
    <n v="15.93"/>
  </r>
  <r>
    <s v="03"/>
    <s v="KY"/>
    <s v="KY"/>
    <s v="202212"/>
    <x v="1"/>
    <x v="0"/>
    <x v="0"/>
    <x v="2"/>
    <x v="2"/>
    <n v="0"/>
    <n v="94.21"/>
  </r>
  <r>
    <s v="03"/>
    <s v="KY"/>
    <s v="KY"/>
    <s v="202212"/>
    <x v="1"/>
    <x v="0"/>
    <x v="0"/>
    <x v="2"/>
    <x v="10"/>
    <n v="0"/>
    <n v="9.44"/>
  </r>
  <r>
    <s v="03"/>
    <s v="KY"/>
    <s v="KY"/>
    <s v="202212"/>
    <x v="1"/>
    <x v="0"/>
    <x v="0"/>
    <x v="2"/>
    <x v="3"/>
    <n v="0"/>
    <n v="77.430000000000007"/>
  </r>
  <r>
    <s v="03"/>
    <s v="KY"/>
    <s v="KY"/>
    <s v="202212"/>
    <x v="1"/>
    <x v="0"/>
    <x v="0"/>
    <x v="2"/>
    <x v="32"/>
    <n v="0"/>
    <n v="11.91"/>
  </r>
  <r>
    <s v="03"/>
    <s v="KY"/>
    <s v="KY"/>
    <s v="202212"/>
    <x v="1"/>
    <x v="0"/>
    <x v="0"/>
    <x v="2"/>
    <x v="4"/>
    <n v="0"/>
    <n v="91.75"/>
  </r>
  <r>
    <s v="03"/>
    <s v="KY"/>
    <s v="KY"/>
    <s v="202212"/>
    <x v="1"/>
    <x v="0"/>
    <x v="0"/>
    <x v="2"/>
    <x v="5"/>
    <n v="0"/>
    <n v="408.25"/>
  </r>
  <r>
    <s v="03"/>
    <s v="KY"/>
    <s v="KY"/>
    <s v="202212"/>
    <x v="1"/>
    <x v="0"/>
    <x v="0"/>
    <x v="2"/>
    <x v="8"/>
    <n v="0"/>
    <n v="103.34"/>
  </r>
  <r>
    <s v="03"/>
    <s v="KY"/>
    <s v="KY"/>
    <s v="202212"/>
    <x v="1"/>
    <x v="0"/>
    <x v="0"/>
    <x v="2"/>
    <x v="6"/>
    <n v="0"/>
    <n v="155.78"/>
  </r>
  <r>
    <s v="03"/>
    <s v="KY"/>
    <s v="KY"/>
    <s v="202212"/>
    <x v="1"/>
    <x v="0"/>
    <x v="0"/>
    <x v="2"/>
    <x v="11"/>
    <n v="0"/>
    <n v="88.63"/>
  </r>
  <r>
    <s v="03"/>
    <s v="KY"/>
    <s v="KY"/>
    <s v="202212"/>
    <x v="1"/>
    <x v="0"/>
    <x v="0"/>
    <x v="2"/>
    <x v="12"/>
    <n v="0"/>
    <n v="18.53"/>
  </r>
  <r>
    <s v="03"/>
    <s v="KY"/>
    <s v="KY"/>
    <s v="202212"/>
    <x v="1"/>
    <x v="0"/>
    <x v="0"/>
    <x v="2"/>
    <x v="13"/>
    <n v="0"/>
    <n v="34.42"/>
  </r>
  <r>
    <s v="03"/>
    <s v="KY"/>
    <s v="KY"/>
    <s v="202212"/>
    <x v="1"/>
    <x v="0"/>
    <x v="0"/>
    <x v="2"/>
    <x v="7"/>
    <n v="0"/>
    <n v="22"/>
  </r>
  <r>
    <s v="03"/>
    <s v="KY"/>
    <s v="KY"/>
    <s v="202212"/>
    <x v="1"/>
    <x v="0"/>
    <x v="0"/>
    <x v="2"/>
    <x v="14"/>
    <n v="0"/>
    <n v="12.5"/>
  </r>
  <r>
    <s v="03"/>
    <s v="KY"/>
    <s v="KY"/>
    <s v="202212"/>
    <x v="1"/>
    <x v="0"/>
    <x v="0"/>
    <x v="2"/>
    <x v="15"/>
    <n v="0"/>
    <n v="26396.65"/>
  </r>
  <r>
    <s v="03"/>
    <s v="KY"/>
    <s v="KY"/>
    <s v="202212"/>
    <x v="1"/>
    <x v="0"/>
    <x v="0"/>
    <x v="2"/>
    <x v="34"/>
    <n v="0"/>
    <n v="4.26"/>
  </r>
  <r>
    <s v="03"/>
    <s v="KY"/>
    <s v="KY"/>
    <s v="202212"/>
    <x v="1"/>
    <x v="0"/>
    <x v="0"/>
    <x v="2"/>
    <x v="16"/>
    <n v="0"/>
    <n v="31.66"/>
  </r>
  <r>
    <s v="03"/>
    <s v="KY"/>
    <s v="KY"/>
    <s v="202212"/>
    <x v="1"/>
    <x v="0"/>
    <x v="0"/>
    <x v="2"/>
    <x v="42"/>
    <n v="0"/>
    <n v="19.04"/>
  </r>
  <r>
    <s v="03"/>
    <s v="KY"/>
    <s v="KY"/>
    <s v="202212"/>
    <x v="1"/>
    <x v="0"/>
    <x v="0"/>
    <x v="2"/>
    <x v="17"/>
    <n v="0"/>
    <n v="28667.61"/>
  </r>
  <r>
    <s v="03"/>
    <s v="KY"/>
    <s v="KY"/>
    <s v="202212"/>
    <x v="1"/>
    <x v="0"/>
    <x v="0"/>
    <x v="2"/>
    <x v="18"/>
    <n v="0"/>
    <n v="180.44"/>
  </r>
  <r>
    <s v="03"/>
    <s v="KY"/>
    <s v="KY"/>
    <s v="202212"/>
    <x v="1"/>
    <x v="0"/>
    <x v="0"/>
    <x v="2"/>
    <x v="35"/>
    <n v="0"/>
    <n v="14.38"/>
  </r>
  <r>
    <s v="03"/>
    <s v="KY"/>
    <s v="KY"/>
    <s v="202212"/>
    <x v="1"/>
    <x v="0"/>
    <x v="0"/>
    <x v="2"/>
    <x v="24"/>
    <n v="0"/>
    <n v="2.06"/>
  </r>
  <r>
    <s v="03"/>
    <s v="KY"/>
    <s v="KY"/>
    <s v="202212"/>
    <x v="1"/>
    <x v="0"/>
    <x v="0"/>
    <x v="2"/>
    <x v="19"/>
    <n v="0"/>
    <n v="48.82"/>
  </r>
  <r>
    <s v="03"/>
    <s v="KY"/>
    <s v="KY"/>
    <s v="202212"/>
    <x v="1"/>
    <x v="0"/>
    <x v="0"/>
    <x v="2"/>
    <x v="20"/>
    <n v="0"/>
    <n v="300.14999999999998"/>
  </r>
  <r>
    <s v="03"/>
    <s v="KY"/>
    <s v="KY"/>
    <s v="202212"/>
    <x v="1"/>
    <x v="0"/>
    <x v="0"/>
    <x v="2"/>
    <x v="21"/>
    <n v="0"/>
    <n v="7965.63"/>
  </r>
  <r>
    <s v="03"/>
    <s v="KY"/>
    <s v="KY"/>
    <s v="202212"/>
    <x v="1"/>
    <x v="0"/>
    <x v="0"/>
    <x v="2"/>
    <x v="26"/>
    <n v="0"/>
    <n v="1622.7"/>
  </r>
  <r>
    <s v="03"/>
    <s v="KY"/>
    <s v="KY"/>
    <s v="202212"/>
    <x v="1"/>
    <x v="0"/>
    <x v="0"/>
    <x v="2"/>
    <x v="23"/>
    <n v="0"/>
    <n v="47438.1"/>
  </r>
  <r>
    <s v="03"/>
    <s v="KY"/>
    <s v="KY"/>
    <s v="202212"/>
    <x v="1"/>
    <x v="0"/>
    <x v="0"/>
    <x v="3"/>
    <x v="2"/>
    <n v="0"/>
    <n v="19.72"/>
  </r>
  <r>
    <s v="03"/>
    <s v="KY"/>
    <s v="KY"/>
    <s v="202212"/>
    <x v="1"/>
    <x v="0"/>
    <x v="0"/>
    <x v="3"/>
    <x v="3"/>
    <n v="0"/>
    <n v="16.95"/>
  </r>
  <r>
    <s v="03"/>
    <s v="KY"/>
    <s v="KY"/>
    <s v="202212"/>
    <x v="1"/>
    <x v="0"/>
    <x v="0"/>
    <x v="3"/>
    <x v="4"/>
    <n v="0"/>
    <n v="6.37"/>
  </r>
  <r>
    <s v="03"/>
    <s v="KY"/>
    <s v="KY"/>
    <s v="202212"/>
    <x v="1"/>
    <x v="0"/>
    <x v="0"/>
    <x v="3"/>
    <x v="5"/>
    <n v="0"/>
    <n v="145.38"/>
  </r>
  <r>
    <s v="03"/>
    <s v="KY"/>
    <s v="KY"/>
    <s v="202212"/>
    <x v="1"/>
    <x v="0"/>
    <x v="0"/>
    <x v="3"/>
    <x v="8"/>
    <n v="0"/>
    <n v="9.83"/>
  </r>
  <r>
    <s v="03"/>
    <s v="KY"/>
    <s v="KY"/>
    <s v="202212"/>
    <x v="1"/>
    <x v="0"/>
    <x v="0"/>
    <x v="3"/>
    <x v="6"/>
    <n v="0"/>
    <n v="21.78"/>
  </r>
  <r>
    <s v="03"/>
    <s v="KY"/>
    <s v="KY"/>
    <s v="202212"/>
    <x v="1"/>
    <x v="0"/>
    <x v="0"/>
    <x v="3"/>
    <x v="11"/>
    <n v="0"/>
    <n v="2.1"/>
  </r>
  <r>
    <s v="03"/>
    <s v="KY"/>
    <s v="KY"/>
    <s v="202212"/>
    <x v="1"/>
    <x v="0"/>
    <x v="0"/>
    <x v="3"/>
    <x v="7"/>
    <n v="0"/>
    <n v="3.12"/>
  </r>
  <r>
    <s v="03"/>
    <s v="KY"/>
    <s v="KY"/>
    <s v="202212"/>
    <x v="1"/>
    <x v="0"/>
    <x v="0"/>
    <x v="3"/>
    <x v="15"/>
    <n v="0"/>
    <n v="5944.13"/>
  </r>
  <r>
    <s v="03"/>
    <s v="KY"/>
    <s v="KY"/>
    <s v="202212"/>
    <x v="1"/>
    <x v="0"/>
    <x v="0"/>
    <x v="3"/>
    <x v="17"/>
    <n v="0"/>
    <n v="18242.52"/>
  </r>
  <r>
    <s v="03"/>
    <s v="KY"/>
    <s v="KY"/>
    <s v="202212"/>
    <x v="1"/>
    <x v="0"/>
    <x v="0"/>
    <x v="3"/>
    <x v="25"/>
    <n v="0"/>
    <n v="517.47"/>
  </r>
  <r>
    <s v="03"/>
    <s v="KY"/>
    <s v="KY"/>
    <s v="202212"/>
    <x v="1"/>
    <x v="0"/>
    <x v="0"/>
    <x v="3"/>
    <x v="35"/>
    <n v="0"/>
    <n v="27.2"/>
  </r>
  <r>
    <s v="03"/>
    <s v="KY"/>
    <s v="KY"/>
    <s v="202212"/>
    <x v="1"/>
    <x v="0"/>
    <x v="0"/>
    <x v="3"/>
    <x v="24"/>
    <n v="0"/>
    <n v="55.89"/>
  </r>
  <r>
    <s v="03"/>
    <s v="KY"/>
    <s v="KY"/>
    <s v="202212"/>
    <x v="1"/>
    <x v="0"/>
    <x v="0"/>
    <x v="3"/>
    <x v="19"/>
    <n v="0"/>
    <n v="31.79"/>
  </r>
  <r>
    <s v="03"/>
    <s v="KY"/>
    <s v="KY"/>
    <s v="202212"/>
    <x v="1"/>
    <x v="0"/>
    <x v="0"/>
    <x v="3"/>
    <x v="20"/>
    <n v="0"/>
    <n v="981.87"/>
  </r>
  <r>
    <s v="03"/>
    <s v="KY"/>
    <s v="KY"/>
    <s v="202212"/>
    <x v="1"/>
    <x v="0"/>
    <x v="0"/>
    <x v="3"/>
    <x v="21"/>
    <n v="0"/>
    <n v="7453.76"/>
  </r>
  <r>
    <s v="03"/>
    <s v="KY"/>
    <s v="KY"/>
    <s v="202212"/>
    <x v="1"/>
    <x v="0"/>
    <x v="0"/>
    <x v="3"/>
    <x v="22"/>
    <n v="0"/>
    <n v="1382.9"/>
  </r>
  <r>
    <s v="03"/>
    <s v="KY"/>
    <s v="KY"/>
    <s v="202212"/>
    <x v="1"/>
    <x v="0"/>
    <x v="0"/>
    <x v="3"/>
    <x v="38"/>
    <n v="0"/>
    <n v="310.56"/>
  </r>
  <r>
    <s v="03"/>
    <s v="KY"/>
    <s v="KY"/>
    <s v="202212"/>
    <x v="1"/>
    <x v="0"/>
    <x v="0"/>
    <x v="4"/>
    <x v="9"/>
    <n v="0"/>
    <n v="1.67"/>
  </r>
  <r>
    <s v="03"/>
    <s v="KY"/>
    <s v="KY"/>
    <s v="202212"/>
    <x v="1"/>
    <x v="0"/>
    <x v="0"/>
    <x v="4"/>
    <x v="2"/>
    <n v="0"/>
    <n v="11.72"/>
  </r>
  <r>
    <s v="03"/>
    <s v="KY"/>
    <s v="KY"/>
    <s v="202212"/>
    <x v="1"/>
    <x v="0"/>
    <x v="0"/>
    <x v="4"/>
    <x v="3"/>
    <n v="0"/>
    <n v="85.69"/>
  </r>
  <r>
    <s v="03"/>
    <s v="KY"/>
    <s v="KY"/>
    <s v="202212"/>
    <x v="1"/>
    <x v="0"/>
    <x v="0"/>
    <x v="4"/>
    <x v="4"/>
    <n v="0"/>
    <n v="16.03"/>
  </r>
  <r>
    <s v="03"/>
    <s v="KY"/>
    <s v="KY"/>
    <s v="202212"/>
    <x v="1"/>
    <x v="0"/>
    <x v="0"/>
    <x v="4"/>
    <x v="5"/>
    <n v="0"/>
    <n v="83.47"/>
  </r>
  <r>
    <s v="03"/>
    <s v="KY"/>
    <s v="KY"/>
    <s v="202212"/>
    <x v="1"/>
    <x v="0"/>
    <x v="0"/>
    <x v="4"/>
    <x v="6"/>
    <n v="0"/>
    <n v="7.64"/>
  </r>
  <r>
    <s v="03"/>
    <s v="KY"/>
    <s v="KY"/>
    <s v="202212"/>
    <x v="1"/>
    <x v="0"/>
    <x v="0"/>
    <x v="4"/>
    <x v="15"/>
    <n v="0"/>
    <n v="287.77999999999997"/>
  </r>
  <r>
    <s v="03"/>
    <s v="KY"/>
    <s v="KY"/>
    <s v="202212"/>
    <x v="1"/>
    <x v="0"/>
    <x v="0"/>
    <x v="4"/>
    <x v="17"/>
    <n v="0"/>
    <n v="1136.24"/>
  </r>
  <r>
    <s v="03"/>
    <s v="KY"/>
    <s v="KY"/>
    <s v="202212"/>
    <x v="1"/>
    <x v="0"/>
    <x v="0"/>
    <x v="4"/>
    <x v="21"/>
    <n v="0"/>
    <n v="324.06"/>
  </r>
  <r>
    <s v="03"/>
    <s v="KY"/>
    <s v="KY"/>
    <s v="202212"/>
    <x v="1"/>
    <x v="0"/>
    <x v="0"/>
    <x v="4"/>
    <x v="26"/>
    <n v="0"/>
    <n v="401.64"/>
  </r>
  <r>
    <s v="03"/>
    <s v="KY"/>
    <s v="KY"/>
    <s v="202212"/>
    <x v="1"/>
    <x v="0"/>
    <x v="0"/>
    <x v="4"/>
    <x v="43"/>
    <n v="0"/>
    <n v="121.58"/>
  </r>
  <r>
    <s v="03"/>
    <s v="KY"/>
    <s v="KY"/>
    <s v="202212"/>
    <x v="1"/>
    <x v="0"/>
    <x v="0"/>
    <x v="4"/>
    <x v="27"/>
    <n v="0"/>
    <n v="2672.76"/>
  </r>
  <r>
    <s v="03"/>
    <s v="KY"/>
    <s v="KY"/>
    <s v="202212"/>
    <x v="1"/>
    <x v="0"/>
    <x v="0"/>
    <x v="5"/>
    <x v="9"/>
    <n v="0"/>
    <n v="9.91"/>
  </r>
  <r>
    <s v="03"/>
    <s v="KY"/>
    <s v="KY"/>
    <s v="202212"/>
    <x v="1"/>
    <x v="0"/>
    <x v="0"/>
    <x v="5"/>
    <x v="2"/>
    <n v="0"/>
    <n v="17.53"/>
  </r>
  <r>
    <s v="03"/>
    <s v="KY"/>
    <s v="KY"/>
    <s v="202212"/>
    <x v="1"/>
    <x v="0"/>
    <x v="0"/>
    <x v="5"/>
    <x v="3"/>
    <n v="0"/>
    <n v="1.1399999999999999"/>
  </r>
  <r>
    <s v="03"/>
    <s v="KY"/>
    <s v="KY"/>
    <s v="202212"/>
    <x v="1"/>
    <x v="0"/>
    <x v="0"/>
    <x v="5"/>
    <x v="4"/>
    <n v="0"/>
    <n v="6.84"/>
  </r>
  <r>
    <s v="03"/>
    <s v="KY"/>
    <s v="KY"/>
    <s v="202212"/>
    <x v="1"/>
    <x v="0"/>
    <x v="0"/>
    <x v="5"/>
    <x v="5"/>
    <n v="0"/>
    <n v="76.98"/>
  </r>
  <r>
    <s v="03"/>
    <s v="KY"/>
    <s v="KY"/>
    <s v="202212"/>
    <x v="1"/>
    <x v="0"/>
    <x v="0"/>
    <x v="5"/>
    <x v="6"/>
    <n v="0"/>
    <n v="1.81"/>
  </r>
  <r>
    <s v="03"/>
    <s v="KY"/>
    <s v="KY"/>
    <s v="202212"/>
    <x v="1"/>
    <x v="0"/>
    <x v="0"/>
    <x v="5"/>
    <x v="7"/>
    <n v="0"/>
    <n v="0.54"/>
  </r>
  <r>
    <s v="03"/>
    <s v="KY"/>
    <s v="KY"/>
    <s v="202212"/>
    <x v="1"/>
    <x v="0"/>
    <x v="0"/>
    <x v="5"/>
    <x v="15"/>
    <n v="0"/>
    <n v="663.81"/>
  </r>
  <r>
    <s v="03"/>
    <s v="KY"/>
    <s v="KY"/>
    <s v="202212"/>
    <x v="1"/>
    <x v="0"/>
    <x v="0"/>
    <x v="5"/>
    <x v="17"/>
    <n v="0"/>
    <n v="2852.96"/>
  </r>
  <r>
    <s v="03"/>
    <s v="KY"/>
    <s v="KY"/>
    <s v="202212"/>
    <x v="1"/>
    <x v="0"/>
    <x v="0"/>
    <x v="5"/>
    <x v="18"/>
    <n v="0"/>
    <n v="16.010000000000002"/>
  </r>
  <r>
    <s v="03"/>
    <s v="KY"/>
    <s v="KY"/>
    <s v="202212"/>
    <x v="1"/>
    <x v="0"/>
    <x v="0"/>
    <x v="5"/>
    <x v="25"/>
    <n v="0"/>
    <n v="121.69"/>
  </r>
  <r>
    <s v="03"/>
    <s v="KY"/>
    <s v="KY"/>
    <s v="202212"/>
    <x v="1"/>
    <x v="0"/>
    <x v="0"/>
    <x v="5"/>
    <x v="21"/>
    <n v="0"/>
    <n v="1173.18"/>
  </r>
  <r>
    <s v="03"/>
    <s v="KY"/>
    <s v="KY"/>
    <s v="202212"/>
    <x v="1"/>
    <x v="0"/>
    <x v="0"/>
    <x v="5"/>
    <x v="26"/>
    <n v="0"/>
    <n v="3072.07"/>
  </r>
  <r>
    <s v="03"/>
    <s v="KY"/>
    <s v="KY"/>
    <s v="202212"/>
    <x v="1"/>
    <x v="0"/>
    <x v="0"/>
    <x v="5"/>
    <x v="27"/>
    <n v="0"/>
    <n v="1698.71"/>
  </r>
  <r>
    <s v="03"/>
    <s v="KY"/>
    <s v="KY"/>
    <s v="202212"/>
    <x v="1"/>
    <x v="0"/>
    <x v="0"/>
    <x v="5"/>
    <x v="23"/>
    <n v="0"/>
    <n v="7335.99"/>
  </r>
  <r>
    <s v="03"/>
    <s v="KY"/>
    <s v="KY"/>
    <s v="202212"/>
    <x v="1"/>
    <x v="0"/>
    <x v="0"/>
    <x v="6"/>
    <x v="6"/>
    <n v="0"/>
    <n v="5.85"/>
  </r>
  <r>
    <s v="03"/>
    <s v="KY"/>
    <s v="KY"/>
    <s v="202212"/>
    <x v="1"/>
    <x v="0"/>
    <x v="0"/>
    <x v="6"/>
    <x v="15"/>
    <n v="0"/>
    <n v="96"/>
  </r>
  <r>
    <s v="03"/>
    <s v="KY"/>
    <s v="KY"/>
    <s v="202212"/>
    <x v="1"/>
    <x v="0"/>
    <x v="0"/>
    <x v="6"/>
    <x v="17"/>
    <n v="0"/>
    <n v="480.78"/>
  </r>
  <r>
    <s v="03"/>
    <s v="KY"/>
    <s v="KY"/>
    <s v="202212"/>
    <x v="1"/>
    <x v="0"/>
    <x v="0"/>
    <x v="6"/>
    <x v="21"/>
    <n v="0"/>
    <n v="452.97"/>
  </r>
  <r>
    <s v="03"/>
    <s v="KY"/>
    <s v="KY"/>
    <s v="202212"/>
    <x v="1"/>
    <x v="0"/>
    <x v="0"/>
    <x v="7"/>
    <x v="2"/>
    <n v="0"/>
    <n v="0.74"/>
  </r>
  <r>
    <s v="03"/>
    <s v="KY"/>
    <s v="KY"/>
    <s v="202212"/>
    <x v="1"/>
    <x v="0"/>
    <x v="0"/>
    <x v="7"/>
    <x v="3"/>
    <n v="0"/>
    <n v="25.24"/>
  </r>
  <r>
    <s v="03"/>
    <s v="KY"/>
    <s v="KY"/>
    <s v="202212"/>
    <x v="1"/>
    <x v="0"/>
    <x v="0"/>
    <x v="7"/>
    <x v="4"/>
    <n v="0"/>
    <n v="1.26"/>
  </r>
  <r>
    <s v="03"/>
    <s v="KY"/>
    <s v="KY"/>
    <s v="202212"/>
    <x v="1"/>
    <x v="0"/>
    <x v="0"/>
    <x v="7"/>
    <x v="6"/>
    <n v="0"/>
    <n v="5.45"/>
  </r>
  <r>
    <s v="03"/>
    <s v="KY"/>
    <s v="KY"/>
    <s v="202212"/>
    <x v="1"/>
    <x v="0"/>
    <x v="0"/>
    <x v="7"/>
    <x v="15"/>
    <n v="0"/>
    <n v="63.17"/>
  </r>
  <r>
    <s v="03"/>
    <s v="KY"/>
    <s v="KY"/>
    <s v="202212"/>
    <x v="1"/>
    <x v="0"/>
    <x v="0"/>
    <x v="7"/>
    <x v="17"/>
    <n v="0"/>
    <n v="175.84"/>
  </r>
  <r>
    <s v="03"/>
    <s v="KY"/>
    <s v="KY"/>
    <s v="202212"/>
    <x v="1"/>
    <x v="0"/>
    <x v="0"/>
    <x v="7"/>
    <x v="25"/>
    <n v="0"/>
    <n v="178.74"/>
  </r>
  <r>
    <s v="03"/>
    <s v="KY"/>
    <s v="KY"/>
    <s v="202212"/>
    <x v="1"/>
    <x v="0"/>
    <x v="0"/>
    <x v="7"/>
    <x v="28"/>
    <n v="0"/>
    <n v="126.01"/>
  </r>
  <r>
    <s v="03"/>
    <s v="KY"/>
    <s v="KY"/>
    <s v="202212"/>
    <x v="1"/>
    <x v="0"/>
    <x v="0"/>
    <x v="7"/>
    <x v="26"/>
    <n v="0"/>
    <n v="10083.82"/>
  </r>
  <r>
    <s v="03"/>
    <s v="KY"/>
    <s v="KY"/>
    <s v="202212"/>
    <x v="1"/>
    <x v="0"/>
    <x v="0"/>
    <x v="7"/>
    <x v="22"/>
    <n v="0"/>
    <n v="1448.35"/>
  </r>
  <r>
    <s v="03"/>
    <s v="KY"/>
    <s v="KY"/>
    <s v="202212"/>
    <x v="1"/>
    <x v="0"/>
    <x v="0"/>
    <x v="7"/>
    <x v="39"/>
    <n v="0"/>
    <n v="525.48"/>
  </r>
  <r>
    <s v="03"/>
    <s v="KY"/>
    <s v="KY"/>
    <s v="202212"/>
    <x v="1"/>
    <x v="0"/>
    <x v="0"/>
    <x v="7"/>
    <x v="40"/>
    <n v="0"/>
    <n v="13108.96"/>
  </r>
  <r>
    <s v="03"/>
    <s v="KY"/>
    <s v="KY"/>
    <s v="202212"/>
    <x v="1"/>
    <x v="0"/>
    <x v="0"/>
    <x v="7"/>
    <x v="27"/>
    <n v="0"/>
    <n v="3876.24"/>
  </r>
  <r>
    <s v="03"/>
    <s v="KY"/>
    <s v="KY"/>
    <s v="202212"/>
    <x v="2"/>
    <x v="0"/>
    <x v="0"/>
    <x v="2"/>
    <x v="2"/>
    <n v="0"/>
    <n v="-0.76"/>
  </r>
  <r>
    <s v="03"/>
    <s v="KY"/>
    <s v="KY"/>
    <s v="202212"/>
    <x v="2"/>
    <x v="0"/>
    <x v="0"/>
    <x v="2"/>
    <x v="5"/>
    <n v="0"/>
    <n v="-1.88"/>
  </r>
  <r>
    <s v="03"/>
    <s v="KY"/>
    <s v="KY"/>
    <s v="202212"/>
    <x v="2"/>
    <x v="0"/>
    <x v="0"/>
    <x v="2"/>
    <x v="15"/>
    <n v="0"/>
    <n v="-144.16"/>
  </r>
  <r>
    <s v="03"/>
    <s v="KY"/>
    <s v="KY"/>
    <s v="202212"/>
    <x v="2"/>
    <x v="0"/>
    <x v="0"/>
    <x v="2"/>
    <x v="17"/>
    <n v="0"/>
    <n v="-324.19"/>
  </r>
  <r>
    <s v="03"/>
    <s v="KY"/>
    <s v="KY"/>
    <s v="202212"/>
    <x v="2"/>
    <x v="0"/>
    <x v="0"/>
    <x v="2"/>
    <x v="20"/>
    <n v="0"/>
    <n v="-24.38"/>
  </r>
  <r>
    <s v="03"/>
    <s v="KY"/>
    <s v="KY"/>
    <s v="202212"/>
    <x v="2"/>
    <x v="0"/>
    <x v="0"/>
    <x v="3"/>
    <x v="15"/>
    <n v="0"/>
    <n v="-44.42"/>
  </r>
  <r>
    <s v="03"/>
    <s v="KY"/>
    <s v="KY"/>
    <s v="202212"/>
    <x v="2"/>
    <x v="0"/>
    <x v="0"/>
    <x v="5"/>
    <x v="15"/>
    <n v="0"/>
    <n v="-20.87"/>
  </r>
  <r>
    <s v="03"/>
    <s v="KY"/>
    <s v="KY"/>
    <s v="202301"/>
    <x v="0"/>
    <x v="0"/>
    <x v="0"/>
    <x v="0"/>
    <x v="6"/>
    <n v="0"/>
    <n v="-11.44"/>
  </r>
  <r>
    <s v="03"/>
    <s v="KY"/>
    <s v="KY"/>
    <s v="202301"/>
    <x v="0"/>
    <x v="0"/>
    <x v="0"/>
    <x v="1"/>
    <x v="1"/>
    <n v="0"/>
    <n v="-11.7"/>
  </r>
  <r>
    <s v="03"/>
    <s v="KY"/>
    <s v="KY"/>
    <s v="202301"/>
    <x v="0"/>
    <x v="0"/>
    <x v="0"/>
    <x v="2"/>
    <x v="9"/>
    <n v="0"/>
    <n v="-1.06"/>
  </r>
  <r>
    <s v="03"/>
    <s v="KY"/>
    <s v="KY"/>
    <s v="202301"/>
    <x v="0"/>
    <x v="0"/>
    <x v="0"/>
    <x v="2"/>
    <x v="2"/>
    <n v="0"/>
    <n v="-8.19"/>
  </r>
  <r>
    <s v="03"/>
    <s v="KY"/>
    <s v="KY"/>
    <s v="202301"/>
    <x v="0"/>
    <x v="0"/>
    <x v="0"/>
    <x v="2"/>
    <x v="3"/>
    <n v="0"/>
    <n v="-22.71"/>
  </r>
  <r>
    <s v="03"/>
    <s v="KY"/>
    <s v="KY"/>
    <s v="202301"/>
    <x v="0"/>
    <x v="0"/>
    <x v="0"/>
    <x v="2"/>
    <x v="32"/>
    <n v="0"/>
    <n v="-9.91"/>
  </r>
  <r>
    <s v="03"/>
    <s v="KY"/>
    <s v="KY"/>
    <s v="202301"/>
    <x v="0"/>
    <x v="0"/>
    <x v="0"/>
    <x v="2"/>
    <x v="4"/>
    <n v="0"/>
    <n v="-18.13"/>
  </r>
  <r>
    <s v="03"/>
    <s v="KY"/>
    <s v="KY"/>
    <s v="202301"/>
    <x v="0"/>
    <x v="0"/>
    <x v="0"/>
    <x v="2"/>
    <x v="5"/>
    <n v="0"/>
    <n v="-176.85"/>
  </r>
  <r>
    <s v="03"/>
    <s v="KY"/>
    <s v="KY"/>
    <s v="202301"/>
    <x v="0"/>
    <x v="0"/>
    <x v="0"/>
    <x v="2"/>
    <x v="8"/>
    <n v="0"/>
    <n v="-26.52"/>
  </r>
  <r>
    <s v="03"/>
    <s v="KY"/>
    <s v="KY"/>
    <s v="202301"/>
    <x v="0"/>
    <x v="0"/>
    <x v="0"/>
    <x v="2"/>
    <x v="6"/>
    <n v="0"/>
    <n v="-26.02"/>
  </r>
  <r>
    <s v="03"/>
    <s v="KY"/>
    <s v="KY"/>
    <s v="202301"/>
    <x v="0"/>
    <x v="0"/>
    <x v="0"/>
    <x v="2"/>
    <x v="11"/>
    <n v="0"/>
    <n v="-4.18"/>
  </r>
  <r>
    <s v="03"/>
    <s v="KY"/>
    <s v="KY"/>
    <s v="202301"/>
    <x v="0"/>
    <x v="0"/>
    <x v="0"/>
    <x v="2"/>
    <x v="7"/>
    <n v="0"/>
    <n v="-6.51"/>
  </r>
  <r>
    <s v="03"/>
    <s v="KY"/>
    <s v="KY"/>
    <s v="202301"/>
    <x v="0"/>
    <x v="0"/>
    <x v="0"/>
    <x v="2"/>
    <x v="45"/>
    <n v="0"/>
    <n v="-9.8699999999999992"/>
  </r>
  <r>
    <s v="03"/>
    <s v="KY"/>
    <s v="KY"/>
    <s v="202301"/>
    <x v="0"/>
    <x v="0"/>
    <x v="0"/>
    <x v="2"/>
    <x v="15"/>
    <n v="0"/>
    <n v="-3347.56"/>
  </r>
  <r>
    <s v="03"/>
    <s v="KY"/>
    <s v="KY"/>
    <s v="202301"/>
    <x v="0"/>
    <x v="0"/>
    <x v="0"/>
    <x v="2"/>
    <x v="16"/>
    <n v="0"/>
    <n v="-21.7"/>
  </r>
  <r>
    <s v="03"/>
    <s v="KY"/>
    <s v="KY"/>
    <s v="202301"/>
    <x v="0"/>
    <x v="0"/>
    <x v="0"/>
    <x v="2"/>
    <x v="42"/>
    <n v="0"/>
    <n v="-2.3199999999999998"/>
  </r>
  <r>
    <s v="03"/>
    <s v="KY"/>
    <s v="KY"/>
    <s v="202301"/>
    <x v="0"/>
    <x v="0"/>
    <x v="0"/>
    <x v="2"/>
    <x v="17"/>
    <n v="0"/>
    <n v="-5033.95"/>
  </r>
  <r>
    <s v="03"/>
    <s v="KY"/>
    <s v="KY"/>
    <s v="202301"/>
    <x v="0"/>
    <x v="0"/>
    <x v="0"/>
    <x v="2"/>
    <x v="35"/>
    <n v="0"/>
    <n v="-15.91"/>
  </r>
  <r>
    <s v="03"/>
    <s v="KY"/>
    <s v="KY"/>
    <s v="202301"/>
    <x v="0"/>
    <x v="0"/>
    <x v="0"/>
    <x v="2"/>
    <x v="20"/>
    <n v="0"/>
    <n v="-28.37"/>
  </r>
  <r>
    <s v="03"/>
    <s v="KY"/>
    <s v="KY"/>
    <s v="202301"/>
    <x v="0"/>
    <x v="0"/>
    <x v="0"/>
    <x v="2"/>
    <x v="21"/>
    <n v="0"/>
    <n v="-2524.0500000000002"/>
  </r>
  <r>
    <s v="03"/>
    <s v="KY"/>
    <s v="KY"/>
    <s v="202301"/>
    <x v="0"/>
    <x v="0"/>
    <x v="0"/>
    <x v="2"/>
    <x v="23"/>
    <n v="0"/>
    <n v="-15855.85"/>
  </r>
  <r>
    <s v="03"/>
    <s v="KY"/>
    <s v="KY"/>
    <s v="202301"/>
    <x v="0"/>
    <x v="0"/>
    <x v="0"/>
    <x v="3"/>
    <x v="2"/>
    <n v="0"/>
    <n v="-3.22"/>
  </r>
  <r>
    <s v="03"/>
    <s v="KY"/>
    <s v="KY"/>
    <s v="202301"/>
    <x v="0"/>
    <x v="0"/>
    <x v="0"/>
    <x v="3"/>
    <x v="3"/>
    <n v="0"/>
    <n v="-1.17"/>
  </r>
  <r>
    <s v="03"/>
    <s v="KY"/>
    <s v="KY"/>
    <s v="202301"/>
    <x v="0"/>
    <x v="0"/>
    <x v="0"/>
    <x v="3"/>
    <x v="5"/>
    <n v="0"/>
    <n v="-67.5"/>
  </r>
  <r>
    <s v="03"/>
    <s v="KY"/>
    <s v="KY"/>
    <s v="202301"/>
    <x v="0"/>
    <x v="0"/>
    <x v="0"/>
    <x v="3"/>
    <x v="6"/>
    <n v="0"/>
    <n v="-3.83"/>
  </r>
  <r>
    <s v="03"/>
    <s v="KY"/>
    <s v="KY"/>
    <s v="202301"/>
    <x v="0"/>
    <x v="0"/>
    <x v="0"/>
    <x v="3"/>
    <x v="11"/>
    <n v="0"/>
    <n v="-2.1"/>
  </r>
  <r>
    <s v="03"/>
    <s v="KY"/>
    <s v="KY"/>
    <s v="202301"/>
    <x v="0"/>
    <x v="0"/>
    <x v="0"/>
    <x v="3"/>
    <x v="15"/>
    <n v="0"/>
    <n v="-592.57000000000005"/>
  </r>
  <r>
    <s v="03"/>
    <s v="KY"/>
    <s v="KY"/>
    <s v="202301"/>
    <x v="0"/>
    <x v="0"/>
    <x v="0"/>
    <x v="3"/>
    <x v="17"/>
    <n v="0"/>
    <n v="-4306.3"/>
  </r>
  <r>
    <s v="03"/>
    <s v="KY"/>
    <s v="KY"/>
    <s v="202301"/>
    <x v="0"/>
    <x v="0"/>
    <x v="0"/>
    <x v="3"/>
    <x v="20"/>
    <n v="0"/>
    <n v="-95.72"/>
  </r>
  <r>
    <s v="03"/>
    <s v="KY"/>
    <s v="KY"/>
    <s v="202301"/>
    <x v="0"/>
    <x v="0"/>
    <x v="0"/>
    <x v="3"/>
    <x v="21"/>
    <n v="0"/>
    <n v="-697.1"/>
  </r>
  <r>
    <s v="03"/>
    <s v="KY"/>
    <s v="KY"/>
    <s v="202301"/>
    <x v="0"/>
    <x v="0"/>
    <x v="0"/>
    <x v="4"/>
    <x v="15"/>
    <n v="0"/>
    <n v="-144.72"/>
  </r>
  <r>
    <s v="03"/>
    <s v="KY"/>
    <s v="KY"/>
    <s v="202301"/>
    <x v="0"/>
    <x v="0"/>
    <x v="0"/>
    <x v="5"/>
    <x v="9"/>
    <n v="0"/>
    <n v="-8.8800000000000008"/>
  </r>
  <r>
    <s v="03"/>
    <s v="KY"/>
    <s v="KY"/>
    <s v="202301"/>
    <x v="0"/>
    <x v="0"/>
    <x v="0"/>
    <x v="5"/>
    <x v="3"/>
    <n v="0"/>
    <n v="-1.1599999999999999"/>
  </r>
  <r>
    <s v="03"/>
    <s v="KY"/>
    <s v="KY"/>
    <s v="202301"/>
    <x v="0"/>
    <x v="0"/>
    <x v="0"/>
    <x v="5"/>
    <x v="5"/>
    <n v="0"/>
    <n v="-8.27"/>
  </r>
  <r>
    <s v="03"/>
    <s v="KY"/>
    <s v="KY"/>
    <s v="202301"/>
    <x v="0"/>
    <x v="0"/>
    <x v="0"/>
    <x v="5"/>
    <x v="6"/>
    <n v="0"/>
    <n v="-0.89"/>
  </r>
  <r>
    <s v="03"/>
    <s v="KY"/>
    <s v="KY"/>
    <s v="202301"/>
    <x v="0"/>
    <x v="0"/>
    <x v="0"/>
    <x v="5"/>
    <x v="15"/>
    <n v="0"/>
    <n v="-266.02"/>
  </r>
  <r>
    <s v="03"/>
    <s v="KY"/>
    <s v="KY"/>
    <s v="202301"/>
    <x v="0"/>
    <x v="0"/>
    <x v="0"/>
    <x v="5"/>
    <x v="17"/>
    <n v="0"/>
    <n v="-1146.47"/>
  </r>
  <r>
    <s v="03"/>
    <s v="KY"/>
    <s v="KY"/>
    <s v="202301"/>
    <x v="0"/>
    <x v="0"/>
    <x v="0"/>
    <x v="5"/>
    <x v="21"/>
    <n v="0"/>
    <n v="-2040.19"/>
  </r>
  <r>
    <s v="03"/>
    <s v="KY"/>
    <s v="KY"/>
    <s v="202301"/>
    <x v="0"/>
    <x v="0"/>
    <x v="0"/>
    <x v="5"/>
    <x v="26"/>
    <n v="0"/>
    <n v="-3076.02"/>
  </r>
  <r>
    <s v="03"/>
    <s v="KY"/>
    <s v="KY"/>
    <s v="202301"/>
    <x v="0"/>
    <x v="0"/>
    <x v="0"/>
    <x v="5"/>
    <x v="27"/>
    <n v="0"/>
    <n v="-2500.92"/>
  </r>
  <r>
    <s v="03"/>
    <s v="KY"/>
    <s v="KY"/>
    <s v="202301"/>
    <x v="0"/>
    <x v="0"/>
    <x v="0"/>
    <x v="6"/>
    <x v="17"/>
    <n v="0"/>
    <n v="-126.54"/>
  </r>
  <r>
    <s v="03"/>
    <s v="KY"/>
    <s v="KY"/>
    <s v="202301"/>
    <x v="0"/>
    <x v="0"/>
    <x v="0"/>
    <x v="6"/>
    <x v="26"/>
    <n v="0"/>
    <n v="-2254.19"/>
  </r>
  <r>
    <s v="03"/>
    <s v="KY"/>
    <s v="KY"/>
    <s v="202301"/>
    <x v="0"/>
    <x v="0"/>
    <x v="0"/>
    <x v="7"/>
    <x v="2"/>
    <n v="0"/>
    <n v="-0.76"/>
  </r>
  <r>
    <s v="03"/>
    <s v="KY"/>
    <s v="KY"/>
    <s v="202301"/>
    <x v="0"/>
    <x v="0"/>
    <x v="0"/>
    <x v="7"/>
    <x v="4"/>
    <n v="0"/>
    <n v="-1.29"/>
  </r>
  <r>
    <s v="03"/>
    <s v="KY"/>
    <s v="KY"/>
    <s v="202301"/>
    <x v="0"/>
    <x v="0"/>
    <x v="0"/>
    <x v="7"/>
    <x v="15"/>
    <n v="0"/>
    <n v="-94.42"/>
  </r>
  <r>
    <s v="03"/>
    <s v="KY"/>
    <s v="KY"/>
    <s v="202301"/>
    <x v="0"/>
    <x v="0"/>
    <x v="0"/>
    <x v="7"/>
    <x v="17"/>
    <n v="0"/>
    <n v="-69.819999999999993"/>
  </r>
  <r>
    <s v="03"/>
    <s v="KY"/>
    <s v="KY"/>
    <s v="202301"/>
    <x v="0"/>
    <x v="0"/>
    <x v="0"/>
    <x v="7"/>
    <x v="25"/>
    <n v="0"/>
    <n v="-40.89"/>
  </r>
  <r>
    <s v="03"/>
    <s v="KY"/>
    <s v="KY"/>
    <s v="202301"/>
    <x v="0"/>
    <x v="0"/>
    <x v="0"/>
    <x v="7"/>
    <x v="28"/>
    <n v="0"/>
    <n v="-10.02"/>
  </r>
  <r>
    <s v="03"/>
    <s v="KY"/>
    <s v="KY"/>
    <s v="202301"/>
    <x v="0"/>
    <x v="0"/>
    <x v="0"/>
    <x v="7"/>
    <x v="26"/>
    <n v="0"/>
    <n v="-998.36"/>
  </r>
  <r>
    <s v="03"/>
    <s v="KY"/>
    <s v="KY"/>
    <s v="202301"/>
    <x v="0"/>
    <x v="0"/>
    <x v="0"/>
    <x v="7"/>
    <x v="27"/>
    <n v="0"/>
    <n v="-1602"/>
  </r>
  <r>
    <s v="03"/>
    <s v="KY"/>
    <s v="KY"/>
    <s v="202301"/>
    <x v="1"/>
    <x v="0"/>
    <x v="0"/>
    <x v="8"/>
    <x v="29"/>
    <n v="0"/>
    <n v="1219.75"/>
  </r>
  <r>
    <s v="03"/>
    <s v="KY"/>
    <s v="KY"/>
    <s v="202301"/>
    <x v="1"/>
    <x v="0"/>
    <x v="0"/>
    <x v="1"/>
    <x v="1"/>
    <n v="0"/>
    <n v="8.09"/>
  </r>
  <r>
    <s v="03"/>
    <s v="KY"/>
    <s v="KY"/>
    <s v="202301"/>
    <x v="1"/>
    <x v="0"/>
    <x v="0"/>
    <x v="2"/>
    <x v="9"/>
    <n v="0"/>
    <n v="4.2"/>
  </r>
  <r>
    <s v="03"/>
    <s v="KY"/>
    <s v="KY"/>
    <s v="202301"/>
    <x v="1"/>
    <x v="0"/>
    <x v="0"/>
    <x v="2"/>
    <x v="2"/>
    <n v="0"/>
    <n v="81.819999999999993"/>
  </r>
  <r>
    <s v="03"/>
    <s v="KY"/>
    <s v="KY"/>
    <s v="202301"/>
    <x v="1"/>
    <x v="0"/>
    <x v="0"/>
    <x v="2"/>
    <x v="10"/>
    <n v="0"/>
    <n v="6.23"/>
  </r>
  <r>
    <s v="03"/>
    <s v="KY"/>
    <s v="KY"/>
    <s v="202301"/>
    <x v="1"/>
    <x v="0"/>
    <x v="0"/>
    <x v="2"/>
    <x v="3"/>
    <n v="0"/>
    <n v="33.67"/>
  </r>
  <r>
    <s v="03"/>
    <s v="KY"/>
    <s v="KY"/>
    <s v="202301"/>
    <x v="1"/>
    <x v="0"/>
    <x v="0"/>
    <x v="2"/>
    <x v="32"/>
    <n v="0"/>
    <n v="2.21"/>
  </r>
  <r>
    <s v="03"/>
    <s v="KY"/>
    <s v="KY"/>
    <s v="202301"/>
    <x v="1"/>
    <x v="0"/>
    <x v="0"/>
    <x v="2"/>
    <x v="4"/>
    <n v="0"/>
    <n v="50.97"/>
  </r>
  <r>
    <s v="03"/>
    <s v="KY"/>
    <s v="KY"/>
    <s v="202301"/>
    <x v="1"/>
    <x v="0"/>
    <x v="0"/>
    <x v="2"/>
    <x v="5"/>
    <n v="0"/>
    <n v="270.56"/>
  </r>
  <r>
    <s v="03"/>
    <s v="KY"/>
    <s v="KY"/>
    <s v="202301"/>
    <x v="1"/>
    <x v="0"/>
    <x v="0"/>
    <x v="2"/>
    <x v="33"/>
    <n v="0"/>
    <n v="1.55"/>
  </r>
  <r>
    <s v="03"/>
    <s v="KY"/>
    <s v="KY"/>
    <s v="202301"/>
    <x v="1"/>
    <x v="0"/>
    <x v="0"/>
    <x v="2"/>
    <x v="8"/>
    <n v="0"/>
    <n v="67.09"/>
  </r>
  <r>
    <s v="03"/>
    <s v="KY"/>
    <s v="KY"/>
    <s v="202301"/>
    <x v="1"/>
    <x v="0"/>
    <x v="0"/>
    <x v="2"/>
    <x v="6"/>
    <n v="0"/>
    <n v="98.87"/>
  </r>
  <r>
    <s v="03"/>
    <s v="KY"/>
    <s v="KY"/>
    <s v="202301"/>
    <x v="1"/>
    <x v="0"/>
    <x v="0"/>
    <x v="2"/>
    <x v="11"/>
    <n v="0"/>
    <n v="87.7"/>
  </r>
  <r>
    <s v="03"/>
    <s v="KY"/>
    <s v="KY"/>
    <s v="202301"/>
    <x v="1"/>
    <x v="0"/>
    <x v="0"/>
    <x v="2"/>
    <x v="7"/>
    <n v="0"/>
    <n v="30.82"/>
  </r>
  <r>
    <s v="03"/>
    <s v="KY"/>
    <s v="KY"/>
    <s v="202301"/>
    <x v="1"/>
    <x v="0"/>
    <x v="0"/>
    <x v="2"/>
    <x v="45"/>
    <n v="0"/>
    <n v="9.8699999999999992"/>
  </r>
  <r>
    <s v="03"/>
    <s v="KY"/>
    <s v="KY"/>
    <s v="202301"/>
    <x v="1"/>
    <x v="0"/>
    <x v="0"/>
    <x v="2"/>
    <x v="14"/>
    <n v="0"/>
    <n v="28.93"/>
  </r>
  <r>
    <s v="03"/>
    <s v="KY"/>
    <s v="KY"/>
    <s v="202301"/>
    <x v="1"/>
    <x v="0"/>
    <x v="0"/>
    <x v="2"/>
    <x v="15"/>
    <n v="0"/>
    <n v="24706.26"/>
  </r>
  <r>
    <s v="03"/>
    <s v="KY"/>
    <s v="KY"/>
    <s v="202301"/>
    <x v="1"/>
    <x v="0"/>
    <x v="0"/>
    <x v="2"/>
    <x v="16"/>
    <n v="0"/>
    <n v="80.11"/>
  </r>
  <r>
    <s v="03"/>
    <s v="KY"/>
    <s v="KY"/>
    <s v="202301"/>
    <x v="1"/>
    <x v="0"/>
    <x v="0"/>
    <x v="2"/>
    <x v="17"/>
    <n v="0"/>
    <n v="23141.119999999999"/>
  </r>
  <r>
    <s v="03"/>
    <s v="KY"/>
    <s v="KY"/>
    <s v="202301"/>
    <x v="1"/>
    <x v="0"/>
    <x v="0"/>
    <x v="2"/>
    <x v="35"/>
    <n v="0"/>
    <n v="25.69"/>
  </r>
  <r>
    <s v="03"/>
    <s v="KY"/>
    <s v="KY"/>
    <s v="202301"/>
    <x v="1"/>
    <x v="0"/>
    <x v="0"/>
    <x v="2"/>
    <x v="24"/>
    <n v="0"/>
    <n v="2.25"/>
  </r>
  <r>
    <s v="03"/>
    <s v="KY"/>
    <s v="KY"/>
    <s v="202301"/>
    <x v="1"/>
    <x v="0"/>
    <x v="0"/>
    <x v="2"/>
    <x v="19"/>
    <n v="0"/>
    <n v="52.66"/>
  </r>
  <r>
    <s v="03"/>
    <s v="KY"/>
    <s v="KY"/>
    <s v="202301"/>
    <x v="1"/>
    <x v="0"/>
    <x v="0"/>
    <x v="2"/>
    <x v="20"/>
    <n v="0"/>
    <n v="180.67"/>
  </r>
  <r>
    <s v="03"/>
    <s v="KY"/>
    <s v="KY"/>
    <s v="202301"/>
    <x v="1"/>
    <x v="0"/>
    <x v="0"/>
    <x v="2"/>
    <x v="21"/>
    <n v="0"/>
    <n v="9082.67"/>
  </r>
  <r>
    <s v="03"/>
    <s v="KY"/>
    <s v="KY"/>
    <s v="202301"/>
    <x v="1"/>
    <x v="0"/>
    <x v="0"/>
    <x v="2"/>
    <x v="26"/>
    <n v="0"/>
    <n v="2124.77"/>
  </r>
  <r>
    <s v="03"/>
    <s v="KY"/>
    <s v="KY"/>
    <s v="202301"/>
    <x v="1"/>
    <x v="0"/>
    <x v="0"/>
    <x v="2"/>
    <x v="23"/>
    <n v="0"/>
    <n v="54970.58"/>
  </r>
  <r>
    <s v="03"/>
    <s v="KY"/>
    <s v="KY"/>
    <s v="202301"/>
    <x v="1"/>
    <x v="0"/>
    <x v="0"/>
    <x v="3"/>
    <x v="2"/>
    <n v="0"/>
    <n v="19.39"/>
  </r>
  <r>
    <s v="03"/>
    <s v="KY"/>
    <s v="KY"/>
    <s v="202301"/>
    <x v="1"/>
    <x v="0"/>
    <x v="0"/>
    <x v="3"/>
    <x v="3"/>
    <n v="0"/>
    <n v="7.91"/>
  </r>
  <r>
    <s v="03"/>
    <s v="KY"/>
    <s v="KY"/>
    <s v="202301"/>
    <x v="1"/>
    <x v="0"/>
    <x v="0"/>
    <x v="3"/>
    <x v="4"/>
    <n v="0"/>
    <n v="7.62"/>
  </r>
  <r>
    <s v="03"/>
    <s v="KY"/>
    <s v="KY"/>
    <s v="202301"/>
    <x v="1"/>
    <x v="0"/>
    <x v="0"/>
    <x v="3"/>
    <x v="5"/>
    <n v="0"/>
    <n v="85.53"/>
  </r>
  <r>
    <s v="03"/>
    <s v="KY"/>
    <s v="KY"/>
    <s v="202301"/>
    <x v="1"/>
    <x v="0"/>
    <x v="0"/>
    <x v="3"/>
    <x v="8"/>
    <n v="0"/>
    <n v="0.02"/>
  </r>
  <r>
    <s v="03"/>
    <s v="KY"/>
    <s v="KY"/>
    <s v="202301"/>
    <x v="1"/>
    <x v="0"/>
    <x v="0"/>
    <x v="3"/>
    <x v="6"/>
    <n v="0"/>
    <n v="17.53"/>
  </r>
  <r>
    <s v="03"/>
    <s v="KY"/>
    <s v="KY"/>
    <s v="202301"/>
    <x v="1"/>
    <x v="0"/>
    <x v="0"/>
    <x v="3"/>
    <x v="11"/>
    <n v="0"/>
    <n v="4.17"/>
  </r>
  <r>
    <s v="03"/>
    <s v="KY"/>
    <s v="KY"/>
    <s v="202301"/>
    <x v="1"/>
    <x v="0"/>
    <x v="0"/>
    <x v="3"/>
    <x v="7"/>
    <n v="0"/>
    <n v="2.58"/>
  </r>
  <r>
    <s v="03"/>
    <s v="KY"/>
    <s v="KY"/>
    <s v="202301"/>
    <x v="1"/>
    <x v="0"/>
    <x v="0"/>
    <x v="3"/>
    <x v="15"/>
    <n v="0"/>
    <n v="5428"/>
  </r>
  <r>
    <s v="03"/>
    <s v="KY"/>
    <s v="KY"/>
    <s v="202301"/>
    <x v="1"/>
    <x v="0"/>
    <x v="0"/>
    <x v="3"/>
    <x v="17"/>
    <n v="0"/>
    <n v="19454.25"/>
  </r>
  <r>
    <s v="03"/>
    <s v="KY"/>
    <s v="KY"/>
    <s v="202301"/>
    <x v="1"/>
    <x v="0"/>
    <x v="0"/>
    <x v="3"/>
    <x v="18"/>
    <n v="0"/>
    <n v="125.05"/>
  </r>
  <r>
    <s v="03"/>
    <s v="KY"/>
    <s v="KY"/>
    <s v="202301"/>
    <x v="1"/>
    <x v="0"/>
    <x v="0"/>
    <x v="3"/>
    <x v="35"/>
    <n v="0"/>
    <n v="207.08"/>
  </r>
  <r>
    <s v="03"/>
    <s v="KY"/>
    <s v="KY"/>
    <s v="202301"/>
    <x v="1"/>
    <x v="0"/>
    <x v="0"/>
    <x v="3"/>
    <x v="24"/>
    <n v="0"/>
    <n v="118.02"/>
  </r>
  <r>
    <s v="03"/>
    <s v="KY"/>
    <s v="KY"/>
    <s v="202301"/>
    <x v="1"/>
    <x v="0"/>
    <x v="0"/>
    <x v="3"/>
    <x v="19"/>
    <n v="0"/>
    <n v="52.02"/>
  </r>
  <r>
    <s v="03"/>
    <s v="KY"/>
    <s v="KY"/>
    <s v="202301"/>
    <x v="1"/>
    <x v="0"/>
    <x v="0"/>
    <x v="3"/>
    <x v="20"/>
    <n v="0"/>
    <n v="304.32"/>
  </r>
  <r>
    <s v="03"/>
    <s v="KY"/>
    <s v="KY"/>
    <s v="202301"/>
    <x v="1"/>
    <x v="0"/>
    <x v="0"/>
    <x v="3"/>
    <x v="21"/>
    <n v="0"/>
    <n v="4407.29"/>
  </r>
  <r>
    <s v="03"/>
    <s v="KY"/>
    <s v="KY"/>
    <s v="202301"/>
    <x v="1"/>
    <x v="0"/>
    <x v="0"/>
    <x v="3"/>
    <x v="26"/>
    <n v="0"/>
    <n v="3518.69"/>
  </r>
  <r>
    <s v="03"/>
    <s v="KY"/>
    <s v="KY"/>
    <s v="202301"/>
    <x v="1"/>
    <x v="0"/>
    <x v="0"/>
    <x v="3"/>
    <x v="38"/>
    <n v="0"/>
    <n v="453.88"/>
  </r>
  <r>
    <s v="03"/>
    <s v="KY"/>
    <s v="KY"/>
    <s v="202301"/>
    <x v="1"/>
    <x v="0"/>
    <x v="0"/>
    <x v="4"/>
    <x v="9"/>
    <n v="0"/>
    <n v="1.7"/>
  </r>
  <r>
    <s v="03"/>
    <s v="KY"/>
    <s v="KY"/>
    <s v="202301"/>
    <x v="1"/>
    <x v="0"/>
    <x v="0"/>
    <x v="4"/>
    <x v="3"/>
    <n v="0"/>
    <n v="87.75"/>
  </r>
  <r>
    <s v="03"/>
    <s v="KY"/>
    <s v="KY"/>
    <s v="202301"/>
    <x v="1"/>
    <x v="0"/>
    <x v="0"/>
    <x v="4"/>
    <x v="4"/>
    <n v="0"/>
    <n v="4.0199999999999996"/>
  </r>
  <r>
    <s v="03"/>
    <s v="KY"/>
    <s v="KY"/>
    <s v="202301"/>
    <x v="1"/>
    <x v="0"/>
    <x v="0"/>
    <x v="4"/>
    <x v="5"/>
    <n v="0"/>
    <n v="85.9"/>
  </r>
  <r>
    <s v="03"/>
    <s v="KY"/>
    <s v="KY"/>
    <s v="202301"/>
    <x v="1"/>
    <x v="0"/>
    <x v="0"/>
    <x v="4"/>
    <x v="6"/>
    <n v="0"/>
    <n v="7.78"/>
  </r>
  <r>
    <s v="03"/>
    <s v="KY"/>
    <s v="KY"/>
    <s v="202301"/>
    <x v="1"/>
    <x v="0"/>
    <x v="0"/>
    <x v="4"/>
    <x v="15"/>
    <n v="0"/>
    <n v="491.28"/>
  </r>
  <r>
    <s v="03"/>
    <s v="KY"/>
    <s v="KY"/>
    <s v="202301"/>
    <x v="1"/>
    <x v="0"/>
    <x v="0"/>
    <x v="4"/>
    <x v="17"/>
    <n v="0"/>
    <n v="675.74"/>
  </r>
  <r>
    <s v="03"/>
    <s v="KY"/>
    <s v="KY"/>
    <s v="202301"/>
    <x v="1"/>
    <x v="0"/>
    <x v="0"/>
    <x v="5"/>
    <x v="9"/>
    <n v="0"/>
    <n v="1.02"/>
  </r>
  <r>
    <s v="03"/>
    <s v="KY"/>
    <s v="KY"/>
    <s v="202301"/>
    <x v="1"/>
    <x v="0"/>
    <x v="0"/>
    <x v="5"/>
    <x v="2"/>
    <n v="0"/>
    <n v="3.64"/>
  </r>
  <r>
    <s v="03"/>
    <s v="KY"/>
    <s v="KY"/>
    <s v="202301"/>
    <x v="1"/>
    <x v="0"/>
    <x v="0"/>
    <x v="5"/>
    <x v="3"/>
    <n v="0"/>
    <n v="1.1599999999999999"/>
  </r>
  <r>
    <s v="03"/>
    <s v="KY"/>
    <s v="KY"/>
    <s v="202301"/>
    <x v="1"/>
    <x v="0"/>
    <x v="0"/>
    <x v="5"/>
    <x v="4"/>
    <n v="0"/>
    <n v="3.34"/>
  </r>
  <r>
    <s v="03"/>
    <s v="KY"/>
    <s v="KY"/>
    <s v="202301"/>
    <x v="1"/>
    <x v="0"/>
    <x v="0"/>
    <x v="5"/>
    <x v="5"/>
    <n v="0"/>
    <n v="8.27"/>
  </r>
  <r>
    <s v="03"/>
    <s v="KY"/>
    <s v="KY"/>
    <s v="202301"/>
    <x v="1"/>
    <x v="0"/>
    <x v="0"/>
    <x v="5"/>
    <x v="7"/>
    <n v="0"/>
    <n v="0.53"/>
  </r>
  <r>
    <s v="03"/>
    <s v="KY"/>
    <s v="KY"/>
    <s v="202301"/>
    <x v="1"/>
    <x v="0"/>
    <x v="0"/>
    <x v="5"/>
    <x v="14"/>
    <n v="0"/>
    <n v="9.99"/>
  </r>
  <r>
    <s v="03"/>
    <s v="KY"/>
    <s v="KY"/>
    <s v="202301"/>
    <x v="1"/>
    <x v="0"/>
    <x v="0"/>
    <x v="5"/>
    <x v="15"/>
    <n v="0"/>
    <n v="1067.6300000000001"/>
  </r>
  <r>
    <s v="03"/>
    <s v="KY"/>
    <s v="KY"/>
    <s v="202301"/>
    <x v="1"/>
    <x v="0"/>
    <x v="0"/>
    <x v="5"/>
    <x v="17"/>
    <n v="0"/>
    <n v="2362.37"/>
  </r>
  <r>
    <s v="03"/>
    <s v="KY"/>
    <s v="KY"/>
    <s v="202301"/>
    <x v="1"/>
    <x v="0"/>
    <x v="0"/>
    <x v="5"/>
    <x v="18"/>
    <n v="0"/>
    <n v="81.790000000000006"/>
  </r>
  <r>
    <s v="03"/>
    <s v="KY"/>
    <s v="KY"/>
    <s v="202301"/>
    <x v="1"/>
    <x v="0"/>
    <x v="0"/>
    <x v="5"/>
    <x v="25"/>
    <n v="0"/>
    <n v="354.2"/>
  </r>
  <r>
    <s v="03"/>
    <s v="KY"/>
    <s v="KY"/>
    <s v="202301"/>
    <x v="1"/>
    <x v="0"/>
    <x v="0"/>
    <x v="5"/>
    <x v="21"/>
    <n v="0"/>
    <n v="2357.44"/>
  </r>
  <r>
    <s v="03"/>
    <s v="KY"/>
    <s v="KY"/>
    <s v="202301"/>
    <x v="1"/>
    <x v="0"/>
    <x v="0"/>
    <x v="5"/>
    <x v="26"/>
    <n v="0"/>
    <n v="4583.95"/>
  </r>
  <r>
    <s v="03"/>
    <s v="KY"/>
    <s v="KY"/>
    <s v="202301"/>
    <x v="1"/>
    <x v="0"/>
    <x v="0"/>
    <x v="5"/>
    <x v="27"/>
    <n v="0"/>
    <n v="6144.43"/>
  </r>
  <r>
    <s v="03"/>
    <s v="KY"/>
    <s v="KY"/>
    <s v="202301"/>
    <x v="1"/>
    <x v="0"/>
    <x v="0"/>
    <x v="5"/>
    <x v="50"/>
    <n v="0"/>
    <n v="83225.37"/>
  </r>
  <r>
    <s v="03"/>
    <s v="KY"/>
    <s v="KY"/>
    <s v="202301"/>
    <x v="1"/>
    <x v="0"/>
    <x v="0"/>
    <x v="6"/>
    <x v="6"/>
    <n v="0"/>
    <n v="5.72"/>
  </r>
  <r>
    <s v="03"/>
    <s v="KY"/>
    <s v="KY"/>
    <s v="202301"/>
    <x v="1"/>
    <x v="0"/>
    <x v="0"/>
    <x v="6"/>
    <x v="15"/>
    <n v="0"/>
    <n v="19.559999999999999"/>
  </r>
  <r>
    <s v="03"/>
    <s v="KY"/>
    <s v="KY"/>
    <s v="202301"/>
    <x v="1"/>
    <x v="0"/>
    <x v="0"/>
    <x v="6"/>
    <x v="17"/>
    <n v="0"/>
    <n v="231.1"/>
  </r>
  <r>
    <s v="03"/>
    <s v="KY"/>
    <s v="KY"/>
    <s v="202301"/>
    <x v="1"/>
    <x v="0"/>
    <x v="0"/>
    <x v="6"/>
    <x v="21"/>
    <n v="0"/>
    <n v="582.29999999999995"/>
  </r>
  <r>
    <s v="03"/>
    <s v="KY"/>
    <s v="KY"/>
    <s v="202301"/>
    <x v="1"/>
    <x v="0"/>
    <x v="0"/>
    <x v="6"/>
    <x v="26"/>
    <n v="0"/>
    <n v="2254.19"/>
  </r>
  <r>
    <s v="03"/>
    <s v="KY"/>
    <s v="KY"/>
    <s v="202301"/>
    <x v="1"/>
    <x v="0"/>
    <x v="0"/>
    <x v="7"/>
    <x v="2"/>
    <n v="0"/>
    <n v="0.76"/>
  </r>
  <r>
    <s v="03"/>
    <s v="KY"/>
    <s v="KY"/>
    <s v="202301"/>
    <x v="1"/>
    <x v="0"/>
    <x v="0"/>
    <x v="7"/>
    <x v="3"/>
    <n v="0"/>
    <n v="25.74"/>
  </r>
  <r>
    <s v="03"/>
    <s v="KY"/>
    <s v="KY"/>
    <s v="202301"/>
    <x v="1"/>
    <x v="0"/>
    <x v="0"/>
    <x v="7"/>
    <x v="4"/>
    <n v="0"/>
    <n v="1.29"/>
  </r>
  <r>
    <s v="03"/>
    <s v="KY"/>
    <s v="KY"/>
    <s v="202301"/>
    <x v="1"/>
    <x v="0"/>
    <x v="0"/>
    <x v="7"/>
    <x v="6"/>
    <n v="0"/>
    <n v="5.42"/>
  </r>
  <r>
    <s v="03"/>
    <s v="KY"/>
    <s v="KY"/>
    <s v="202301"/>
    <x v="1"/>
    <x v="0"/>
    <x v="0"/>
    <x v="7"/>
    <x v="15"/>
    <n v="0"/>
    <n v="140.09"/>
  </r>
  <r>
    <s v="03"/>
    <s v="KY"/>
    <s v="KY"/>
    <s v="202301"/>
    <x v="1"/>
    <x v="0"/>
    <x v="0"/>
    <x v="7"/>
    <x v="17"/>
    <n v="0"/>
    <n v="232.31"/>
  </r>
  <r>
    <s v="03"/>
    <s v="KY"/>
    <s v="KY"/>
    <s v="202301"/>
    <x v="1"/>
    <x v="0"/>
    <x v="0"/>
    <x v="7"/>
    <x v="25"/>
    <n v="0"/>
    <n v="488.9"/>
  </r>
  <r>
    <s v="03"/>
    <s v="KY"/>
    <s v="KY"/>
    <s v="202301"/>
    <x v="1"/>
    <x v="0"/>
    <x v="0"/>
    <x v="7"/>
    <x v="28"/>
    <n v="0"/>
    <n v="138.88999999999999"/>
  </r>
  <r>
    <s v="03"/>
    <s v="KY"/>
    <s v="KY"/>
    <s v="202301"/>
    <x v="1"/>
    <x v="0"/>
    <x v="0"/>
    <x v="7"/>
    <x v="26"/>
    <n v="0"/>
    <n v="9513.2999999999993"/>
  </r>
  <r>
    <s v="03"/>
    <s v="KY"/>
    <s v="KY"/>
    <s v="202301"/>
    <x v="1"/>
    <x v="0"/>
    <x v="0"/>
    <x v="7"/>
    <x v="22"/>
    <n v="0"/>
    <n v="1621.13"/>
  </r>
  <r>
    <s v="03"/>
    <s v="KY"/>
    <s v="KY"/>
    <s v="202301"/>
    <x v="1"/>
    <x v="0"/>
    <x v="0"/>
    <x v="7"/>
    <x v="39"/>
    <n v="0"/>
    <n v="276.88"/>
  </r>
  <r>
    <s v="03"/>
    <s v="KY"/>
    <s v="KY"/>
    <s v="202301"/>
    <x v="1"/>
    <x v="0"/>
    <x v="0"/>
    <x v="7"/>
    <x v="40"/>
    <n v="0"/>
    <n v="12479.84"/>
  </r>
  <r>
    <s v="03"/>
    <s v="KY"/>
    <s v="KY"/>
    <s v="202301"/>
    <x v="1"/>
    <x v="0"/>
    <x v="0"/>
    <x v="7"/>
    <x v="27"/>
    <n v="0"/>
    <n v="13099.36"/>
  </r>
  <r>
    <s v="03"/>
    <s v="KY"/>
    <s v="KY"/>
    <s v="202301"/>
    <x v="2"/>
    <x v="0"/>
    <x v="0"/>
    <x v="2"/>
    <x v="48"/>
    <n v="0"/>
    <n v="-4.1399999999999997"/>
  </r>
  <r>
    <s v="03"/>
    <s v="KY"/>
    <s v="KY"/>
    <s v="202301"/>
    <x v="2"/>
    <x v="0"/>
    <x v="0"/>
    <x v="2"/>
    <x v="15"/>
    <n v="0"/>
    <n v="-187.87"/>
  </r>
  <r>
    <s v="03"/>
    <s v="KY"/>
    <s v="KY"/>
    <s v="202301"/>
    <x v="2"/>
    <x v="0"/>
    <x v="0"/>
    <x v="2"/>
    <x v="17"/>
    <n v="0"/>
    <n v="-218.68"/>
  </r>
  <r>
    <s v="03"/>
    <s v="KY"/>
    <s v="KY"/>
    <s v="202301"/>
    <x v="2"/>
    <x v="0"/>
    <x v="0"/>
    <x v="4"/>
    <x v="15"/>
    <n v="0"/>
    <n v="-3.79"/>
  </r>
  <r>
    <s v="03"/>
    <s v="KY"/>
    <s v="KY"/>
    <s v="202301"/>
    <x v="2"/>
    <x v="0"/>
    <x v="0"/>
    <x v="4"/>
    <x v="17"/>
    <n v="0"/>
    <n v="-313.16000000000003"/>
  </r>
  <r>
    <s v="03"/>
    <s v="KY"/>
    <s v="KY"/>
    <s v="202301"/>
    <x v="2"/>
    <x v="0"/>
    <x v="0"/>
    <x v="4"/>
    <x v="21"/>
    <n v="0"/>
    <n v="-324.06"/>
  </r>
  <r>
    <s v="03"/>
    <s v="KY"/>
    <s v="KY"/>
    <s v="202301"/>
    <x v="2"/>
    <x v="0"/>
    <x v="0"/>
    <x v="7"/>
    <x v="25"/>
    <n v="0"/>
    <n v="-1.26"/>
  </r>
  <r>
    <s v="03"/>
    <s v="KY"/>
    <s v="KY"/>
    <s v="202302"/>
    <x v="0"/>
    <x v="0"/>
    <x v="0"/>
    <x v="2"/>
    <x v="9"/>
    <n v="0"/>
    <n v="-3.9"/>
  </r>
  <r>
    <s v="03"/>
    <s v="KY"/>
    <s v="KY"/>
    <s v="202302"/>
    <x v="0"/>
    <x v="0"/>
    <x v="0"/>
    <x v="2"/>
    <x v="2"/>
    <n v="0"/>
    <n v="-20.2"/>
  </r>
  <r>
    <s v="03"/>
    <s v="KY"/>
    <s v="KY"/>
    <s v="202302"/>
    <x v="0"/>
    <x v="0"/>
    <x v="0"/>
    <x v="2"/>
    <x v="10"/>
    <n v="0"/>
    <n v="-1.88"/>
  </r>
  <r>
    <s v="03"/>
    <s v="KY"/>
    <s v="KY"/>
    <s v="202302"/>
    <x v="0"/>
    <x v="0"/>
    <x v="0"/>
    <x v="2"/>
    <x v="3"/>
    <n v="0"/>
    <n v="-2.2200000000000002"/>
  </r>
  <r>
    <s v="03"/>
    <s v="KY"/>
    <s v="KY"/>
    <s v="202302"/>
    <x v="0"/>
    <x v="0"/>
    <x v="0"/>
    <x v="2"/>
    <x v="32"/>
    <n v="0"/>
    <n v="-3.93"/>
  </r>
  <r>
    <s v="03"/>
    <s v="KY"/>
    <s v="KY"/>
    <s v="202302"/>
    <x v="0"/>
    <x v="0"/>
    <x v="0"/>
    <x v="2"/>
    <x v="4"/>
    <n v="0"/>
    <n v="-11.85"/>
  </r>
  <r>
    <s v="03"/>
    <s v="KY"/>
    <s v="KY"/>
    <s v="202302"/>
    <x v="0"/>
    <x v="0"/>
    <x v="0"/>
    <x v="2"/>
    <x v="5"/>
    <n v="0"/>
    <n v="-42"/>
  </r>
  <r>
    <s v="03"/>
    <s v="KY"/>
    <s v="KY"/>
    <s v="202302"/>
    <x v="0"/>
    <x v="0"/>
    <x v="0"/>
    <x v="2"/>
    <x v="8"/>
    <n v="0"/>
    <n v="-3.52"/>
  </r>
  <r>
    <s v="03"/>
    <s v="KY"/>
    <s v="KY"/>
    <s v="202302"/>
    <x v="0"/>
    <x v="0"/>
    <x v="0"/>
    <x v="2"/>
    <x v="6"/>
    <n v="0"/>
    <n v="-29.71"/>
  </r>
  <r>
    <s v="03"/>
    <s v="KY"/>
    <s v="KY"/>
    <s v="202302"/>
    <x v="0"/>
    <x v="0"/>
    <x v="0"/>
    <x v="2"/>
    <x v="11"/>
    <n v="0"/>
    <n v="-18.04"/>
  </r>
  <r>
    <s v="03"/>
    <s v="KY"/>
    <s v="KY"/>
    <s v="202302"/>
    <x v="0"/>
    <x v="0"/>
    <x v="0"/>
    <x v="2"/>
    <x v="12"/>
    <n v="0"/>
    <n v="-18.28"/>
  </r>
  <r>
    <s v="03"/>
    <s v="KY"/>
    <s v="KY"/>
    <s v="202302"/>
    <x v="0"/>
    <x v="0"/>
    <x v="0"/>
    <x v="2"/>
    <x v="13"/>
    <n v="0"/>
    <n v="-22.15"/>
  </r>
  <r>
    <s v="03"/>
    <s v="KY"/>
    <s v="KY"/>
    <s v="202302"/>
    <x v="0"/>
    <x v="0"/>
    <x v="0"/>
    <x v="2"/>
    <x v="7"/>
    <n v="0"/>
    <n v="-4.13"/>
  </r>
  <r>
    <s v="03"/>
    <s v="KY"/>
    <s v="KY"/>
    <s v="202302"/>
    <x v="0"/>
    <x v="0"/>
    <x v="0"/>
    <x v="2"/>
    <x v="15"/>
    <n v="0"/>
    <n v="-2956.46"/>
  </r>
  <r>
    <s v="03"/>
    <s v="KY"/>
    <s v="KY"/>
    <s v="202302"/>
    <x v="0"/>
    <x v="0"/>
    <x v="0"/>
    <x v="2"/>
    <x v="17"/>
    <n v="0"/>
    <n v="-5245.65"/>
  </r>
  <r>
    <s v="03"/>
    <s v="KY"/>
    <s v="KY"/>
    <s v="202302"/>
    <x v="0"/>
    <x v="0"/>
    <x v="0"/>
    <x v="2"/>
    <x v="19"/>
    <n v="0"/>
    <n v="-29.75"/>
  </r>
  <r>
    <s v="03"/>
    <s v="KY"/>
    <s v="KY"/>
    <s v="202302"/>
    <x v="0"/>
    <x v="0"/>
    <x v="0"/>
    <x v="2"/>
    <x v="20"/>
    <n v="0"/>
    <n v="-127.56"/>
  </r>
  <r>
    <s v="03"/>
    <s v="KY"/>
    <s v="KY"/>
    <s v="202302"/>
    <x v="0"/>
    <x v="0"/>
    <x v="0"/>
    <x v="2"/>
    <x v="21"/>
    <n v="0"/>
    <n v="-5753.76"/>
  </r>
  <r>
    <s v="03"/>
    <s v="KY"/>
    <s v="KY"/>
    <s v="202302"/>
    <x v="0"/>
    <x v="0"/>
    <x v="0"/>
    <x v="2"/>
    <x v="36"/>
    <n v="0"/>
    <n v="-2798.21"/>
  </r>
  <r>
    <s v="03"/>
    <s v="KY"/>
    <s v="KY"/>
    <s v="202302"/>
    <x v="0"/>
    <x v="0"/>
    <x v="0"/>
    <x v="2"/>
    <x v="23"/>
    <n v="0"/>
    <n v="-9440.42"/>
  </r>
  <r>
    <s v="03"/>
    <s v="KY"/>
    <s v="KY"/>
    <s v="202302"/>
    <x v="0"/>
    <x v="0"/>
    <x v="0"/>
    <x v="3"/>
    <x v="3"/>
    <n v="0"/>
    <n v="-2.25"/>
  </r>
  <r>
    <s v="03"/>
    <s v="KY"/>
    <s v="KY"/>
    <s v="202302"/>
    <x v="0"/>
    <x v="0"/>
    <x v="0"/>
    <x v="3"/>
    <x v="32"/>
    <n v="0"/>
    <n v="-21.93"/>
  </r>
  <r>
    <s v="03"/>
    <s v="KY"/>
    <s v="KY"/>
    <s v="202302"/>
    <x v="0"/>
    <x v="0"/>
    <x v="0"/>
    <x v="3"/>
    <x v="4"/>
    <n v="0"/>
    <n v="-12.48"/>
  </r>
  <r>
    <s v="03"/>
    <s v="KY"/>
    <s v="KY"/>
    <s v="202302"/>
    <x v="0"/>
    <x v="0"/>
    <x v="0"/>
    <x v="3"/>
    <x v="5"/>
    <n v="0"/>
    <n v="-1.96"/>
  </r>
  <r>
    <s v="03"/>
    <s v="KY"/>
    <s v="KY"/>
    <s v="202302"/>
    <x v="0"/>
    <x v="0"/>
    <x v="0"/>
    <x v="3"/>
    <x v="6"/>
    <n v="0"/>
    <n v="-2.92"/>
  </r>
  <r>
    <s v="03"/>
    <s v="KY"/>
    <s v="KY"/>
    <s v="202302"/>
    <x v="0"/>
    <x v="0"/>
    <x v="0"/>
    <x v="3"/>
    <x v="11"/>
    <n v="0"/>
    <n v="-8.2799999999999994"/>
  </r>
  <r>
    <s v="03"/>
    <s v="KY"/>
    <s v="KY"/>
    <s v="202302"/>
    <x v="0"/>
    <x v="0"/>
    <x v="0"/>
    <x v="3"/>
    <x v="7"/>
    <n v="0"/>
    <n v="-0.51"/>
  </r>
  <r>
    <s v="03"/>
    <s v="KY"/>
    <s v="KY"/>
    <s v="202302"/>
    <x v="0"/>
    <x v="0"/>
    <x v="0"/>
    <x v="3"/>
    <x v="15"/>
    <n v="0"/>
    <n v="-670.26"/>
  </r>
  <r>
    <s v="03"/>
    <s v="KY"/>
    <s v="KY"/>
    <s v="202302"/>
    <x v="0"/>
    <x v="0"/>
    <x v="0"/>
    <x v="3"/>
    <x v="17"/>
    <n v="0"/>
    <n v="-2826.75"/>
  </r>
  <r>
    <s v="03"/>
    <s v="KY"/>
    <s v="KY"/>
    <s v="202302"/>
    <x v="0"/>
    <x v="0"/>
    <x v="0"/>
    <x v="3"/>
    <x v="35"/>
    <n v="0"/>
    <n v="-11.34"/>
  </r>
  <r>
    <s v="03"/>
    <s v="KY"/>
    <s v="KY"/>
    <s v="202302"/>
    <x v="0"/>
    <x v="0"/>
    <x v="0"/>
    <x v="3"/>
    <x v="21"/>
    <n v="0"/>
    <n v="-1042.57"/>
  </r>
  <r>
    <s v="03"/>
    <s v="KY"/>
    <s v="KY"/>
    <s v="202302"/>
    <x v="0"/>
    <x v="0"/>
    <x v="0"/>
    <x v="3"/>
    <x v="27"/>
    <n v="0"/>
    <n v="-3104.97"/>
  </r>
  <r>
    <s v="03"/>
    <s v="KY"/>
    <s v="KY"/>
    <s v="202302"/>
    <x v="0"/>
    <x v="0"/>
    <x v="0"/>
    <x v="4"/>
    <x v="15"/>
    <n v="0"/>
    <n v="-47.31"/>
  </r>
  <r>
    <s v="03"/>
    <s v="KY"/>
    <s v="KY"/>
    <s v="202302"/>
    <x v="0"/>
    <x v="0"/>
    <x v="0"/>
    <x v="5"/>
    <x v="9"/>
    <n v="0"/>
    <n v="-1.02"/>
  </r>
  <r>
    <s v="03"/>
    <s v="KY"/>
    <s v="KY"/>
    <s v="202302"/>
    <x v="0"/>
    <x v="0"/>
    <x v="0"/>
    <x v="5"/>
    <x v="2"/>
    <n v="0"/>
    <n v="-3.63"/>
  </r>
  <r>
    <s v="03"/>
    <s v="KY"/>
    <s v="KY"/>
    <s v="202302"/>
    <x v="0"/>
    <x v="0"/>
    <x v="0"/>
    <x v="5"/>
    <x v="15"/>
    <n v="0"/>
    <n v="-170.9"/>
  </r>
  <r>
    <s v="03"/>
    <s v="KY"/>
    <s v="KY"/>
    <s v="202302"/>
    <x v="0"/>
    <x v="0"/>
    <x v="0"/>
    <x v="5"/>
    <x v="17"/>
    <n v="0"/>
    <n v="-706.49"/>
  </r>
  <r>
    <s v="03"/>
    <s v="KY"/>
    <s v="KY"/>
    <s v="202302"/>
    <x v="0"/>
    <x v="0"/>
    <x v="0"/>
    <x v="5"/>
    <x v="25"/>
    <n v="0"/>
    <n v="-9.5399999999999991"/>
  </r>
  <r>
    <s v="03"/>
    <s v="KY"/>
    <s v="KY"/>
    <s v="202302"/>
    <x v="0"/>
    <x v="0"/>
    <x v="0"/>
    <x v="5"/>
    <x v="50"/>
    <n v="0"/>
    <n v="-83225.37"/>
  </r>
  <r>
    <s v="03"/>
    <s v="KY"/>
    <s v="KY"/>
    <s v="202302"/>
    <x v="0"/>
    <x v="0"/>
    <x v="0"/>
    <x v="6"/>
    <x v="17"/>
    <n v="0"/>
    <n v="-170.03"/>
  </r>
  <r>
    <s v="03"/>
    <s v="KY"/>
    <s v="KY"/>
    <s v="202302"/>
    <x v="0"/>
    <x v="0"/>
    <x v="0"/>
    <x v="7"/>
    <x v="15"/>
    <n v="0"/>
    <n v="-2.82"/>
  </r>
  <r>
    <s v="03"/>
    <s v="KY"/>
    <s v="KY"/>
    <s v="202302"/>
    <x v="0"/>
    <x v="0"/>
    <x v="0"/>
    <x v="7"/>
    <x v="17"/>
    <n v="0"/>
    <n v="-15.84"/>
  </r>
  <r>
    <s v="03"/>
    <s v="KY"/>
    <s v="KY"/>
    <s v="202302"/>
    <x v="0"/>
    <x v="0"/>
    <x v="0"/>
    <x v="7"/>
    <x v="25"/>
    <n v="0"/>
    <n v="-97.71"/>
  </r>
  <r>
    <s v="03"/>
    <s v="KY"/>
    <s v="KY"/>
    <s v="202302"/>
    <x v="1"/>
    <x v="0"/>
    <x v="0"/>
    <x v="8"/>
    <x v="29"/>
    <n v="0"/>
    <n v="769.02"/>
  </r>
  <r>
    <s v="03"/>
    <s v="KY"/>
    <s v="KY"/>
    <s v="202302"/>
    <x v="1"/>
    <x v="0"/>
    <x v="0"/>
    <x v="0"/>
    <x v="1"/>
    <n v="0"/>
    <n v="13.87"/>
  </r>
  <r>
    <s v="03"/>
    <s v="KY"/>
    <s v="KY"/>
    <s v="202302"/>
    <x v="1"/>
    <x v="0"/>
    <x v="0"/>
    <x v="1"/>
    <x v="1"/>
    <n v="0"/>
    <n v="51.54"/>
  </r>
  <r>
    <s v="03"/>
    <s v="KY"/>
    <s v="KY"/>
    <s v="202302"/>
    <x v="1"/>
    <x v="0"/>
    <x v="0"/>
    <x v="1"/>
    <x v="15"/>
    <n v="0"/>
    <n v="27.33"/>
  </r>
  <r>
    <s v="03"/>
    <s v="KY"/>
    <s v="KY"/>
    <s v="202302"/>
    <x v="1"/>
    <x v="0"/>
    <x v="0"/>
    <x v="2"/>
    <x v="9"/>
    <n v="0"/>
    <n v="6.94"/>
  </r>
  <r>
    <s v="03"/>
    <s v="KY"/>
    <s v="KY"/>
    <s v="202302"/>
    <x v="1"/>
    <x v="0"/>
    <x v="0"/>
    <x v="2"/>
    <x v="2"/>
    <n v="0"/>
    <n v="73.040000000000006"/>
  </r>
  <r>
    <s v="03"/>
    <s v="KY"/>
    <s v="KY"/>
    <s v="202302"/>
    <x v="1"/>
    <x v="0"/>
    <x v="0"/>
    <x v="2"/>
    <x v="10"/>
    <n v="0"/>
    <n v="7.4"/>
  </r>
  <r>
    <s v="03"/>
    <s v="KY"/>
    <s v="KY"/>
    <s v="202302"/>
    <x v="1"/>
    <x v="0"/>
    <x v="0"/>
    <x v="2"/>
    <x v="3"/>
    <n v="0"/>
    <n v="36.33"/>
  </r>
  <r>
    <s v="03"/>
    <s v="KY"/>
    <s v="KY"/>
    <s v="202302"/>
    <x v="1"/>
    <x v="0"/>
    <x v="0"/>
    <x v="2"/>
    <x v="32"/>
    <n v="0"/>
    <n v="5.84"/>
  </r>
  <r>
    <s v="03"/>
    <s v="KY"/>
    <s v="KY"/>
    <s v="202302"/>
    <x v="1"/>
    <x v="0"/>
    <x v="0"/>
    <x v="2"/>
    <x v="51"/>
    <n v="0"/>
    <n v="2.2000000000000002"/>
  </r>
  <r>
    <s v="03"/>
    <s v="KY"/>
    <s v="KY"/>
    <s v="202302"/>
    <x v="1"/>
    <x v="0"/>
    <x v="0"/>
    <x v="2"/>
    <x v="4"/>
    <n v="0"/>
    <n v="50.7"/>
  </r>
  <r>
    <s v="03"/>
    <s v="KY"/>
    <s v="KY"/>
    <s v="202302"/>
    <x v="1"/>
    <x v="0"/>
    <x v="0"/>
    <x v="2"/>
    <x v="5"/>
    <n v="0"/>
    <n v="241.92"/>
  </r>
  <r>
    <s v="03"/>
    <s v="KY"/>
    <s v="KY"/>
    <s v="202302"/>
    <x v="1"/>
    <x v="0"/>
    <x v="0"/>
    <x v="2"/>
    <x v="33"/>
    <n v="0"/>
    <n v="1.51"/>
  </r>
  <r>
    <s v="03"/>
    <s v="KY"/>
    <s v="KY"/>
    <s v="202302"/>
    <x v="1"/>
    <x v="0"/>
    <x v="0"/>
    <x v="2"/>
    <x v="8"/>
    <n v="0"/>
    <n v="31.15"/>
  </r>
  <r>
    <s v="03"/>
    <s v="KY"/>
    <s v="KY"/>
    <s v="202302"/>
    <x v="1"/>
    <x v="0"/>
    <x v="0"/>
    <x v="2"/>
    <x v="6"/>
    <n v="0"/>
    <n v="98.03"/>
  </r>
  <r>
    <s v="03"/>
    <s v="KY"/>
    <s v="KY"/>
    <s v="202302"/>
    <x v="1"/>
    <x v="0"/>
    <x v="0"/>
    <x v="2"/>
    <x v="11"/>
    <n v="0"/>
    <n v="111.55"/>
  </r>
  <r>
    <s v="03"/>
    <s v="KY"/>
    <s v="KY"/>
    <s v="202302"/>
    <x v="1"/>
    <x v="0"/>
    <x v="0"/>
    <x v="2"/>
    <x v="12"/>
    <n v="0"/>
    <n v="18.28"/>
  </r>
  <r>
    <s v="03"/>
    <s v="KY"/>
    <s v="KY"/>
    <s v="202302"/>
    <x v="1"/>
    <x v="0"/>
    <x v="0"/>
    <x v="2"/>
    <x v="13"/>
    <n v="0"/>
    <n v="22.15"/>
  </r>
  <r>
    <s v="03"/>
    <s v="KY"/>
    <s v="KY"/>
    <s v="202302"/>
    <x v="1"/>
    <x v="0"/>
    <x v="0"/>
    <x v="2"/>
    <x v="7"/>
    <n v="0"/>
    <n v="33.85"/>
  </r>
  <r>
    <s v="03"/>
    <s v="KY"/>
    <s v="KY"/>
    <s v="202302"/>
    <x v="1"/>
    <x v="0"/>
    <x v="0"/>
    <x v="2"/>
    <x v="14"/>
    <n v="0"/>
    <n v="11.41"/>
  </r>
  <r>
    <s v="03"/>
    <s v="KY"/>
    <s v="KY"/>
    <s v="202302"/>
    <x v="1"/>
    <x v="0"/>
    <x v="0"/>
    <x v="2"/>
    <x v="15"/>
    <n v="0"/>
    <n v="23169.200000000001"/>
  </r>
  <r>
    <s v="03"/>
    <s v="KY"/>
    <s v="KY"/>
    <s v="202302"/>
    <x v="1"/>
    <x v="0"/>
    <x v="0"/>
    <x v="2"/>
    <x v="34"/>
    <n v="0"/>
    <n v="4.0599999999999996"/>
  </r>
  <r>
    <s v="03"/>
    <s v="KY"/>
    <s v="KY"/>
    <s v="202302"/>
    <x v="1"/>
    <x v="0"/>
    <x v="0"/>
    <x v="2"/>
    <x v="16"/>
    <n v="0"/>
    <n v="4.08"/>
  </r>
  <r>
    <s v="03"/>
    <s v="KY"/>
    <s v="KY"/>
    <s v="202302"/>
    <x v="1"/>
    <x v="0"/>
    <x v="0"/>
    <x v="2"/>
    <x v="42"/>
    <n v="0"/>
    <n v="3.22"/>
  </r>
  <r>
    <s v="03"/>
    <s v="KY"/>
    <s v="KY"/>
    <s v="202302"/>
    <x v="1"/>
    <x v="0"/>
    <x v="0"/>
    <x v="2"/>
    <x v="17"/>
    <n v="0"/>
    <n v="19593.77"/>
  </r>
  <r>
    <s v="03"/>
    <s v="KY"/>
    <s v="KY"/>
    <s v="202302"/>
    <x v="1"/>
    <x v="0"/>
    <x v="0"/>
    <x v="2"/>
    <x v="18"/>
    <n v="0"/>
    <n v="97.91"/>
  </r>
  <r>
    <s v="03"/>
    <s v="KY"/>
    <s v="KY"/>
    <s v="202302"/>
    <x v="1"/>
    <x v="0"/>
    <x v="0"/>
    <x v="2"/>
    <x v="35"/>
    <n v="0"/>
    <n v="13.44"/>
  </r>
  <r>
    <s v="03"/>
    <s v="KY"/>
    <s v="KY"/>
    <s v="202302"/>
    <x v="1"/>
    <x v="0"/>
    <x v="0"/>
    <x v="2"/>
    <x v="24"/>
    <n v="0"/>
    <n v="7.43"/>
  </r>
  <r>
    <s v="03"/>
    <s v="KY"/>
    <s v="KY"/>
    <s v="202302"/>
    <x v="1"/>
    <x v="0"/>
    <x v="0"/>
    <x v="2"/>
    <x v="19"/>
    <n v="0"/>
    <n v="36.93"/>
  </r>
  <r>
    <s v="03"/>
    <s v="KY"/>
    <s v="KY"/>
    <s v="202302"/>
    <x v="1"/>
    <x v="0"/>
    <x v="0"/>
    <x v="2"/>
    <x v="20"/>
    <n v="0"/>
    <n v="197.46"/>
  </r>
  <r>
    <s v="03"/>
    <s v="KY"/>
    <s v="KY"/>
    <s v="202302"/>
    <x v="1"/>
    <x v="0"/>
    <x v="0"/>
    <x v="2"/>
    <x v="21"/>
    <n v="0"/>
    <n v="10028.85"/>
  </r>
  <r>
    <s v="03"/>
    <s v="KY"/>
    <s v="KY"/>
    <s v="202302"/>
    <x v="1"/>
    <x v="0"/>
    <x v="0"/>
    <x v="2"/>
    <x v="26"/>
    <n v="0"/>
    <n v="544.94000000000005"/>
  </r>
  <r>
    <s v="03"/>
    <s v="KY"/>
    <s v="KY"/>
    <s v="202302"/>
    <x v="1"/>
    <x v="0"/>
    <x v="0"/>
    <x v="2"/>
    <x v="36"/>
    <n v="0"/>
    <n v="2798.21"/>
  </r>
  <r>
    <s v="03"/>
    <s v="KY"/>
    <s v="KY"/>
    <s v="202302"/>
    <x v="1"/>
    <x v="0"/>
    <x v="0"/>
    <x v="2"/>
    <x v="23"/>
    <n v="0"/>
    <n v="48573.23"/>
  </r>
  <r>
    <s v="03"/>
    <s v="KY"/>
    <s v="KY"/>
    <s v="202302"/>
    <x v="1"/>
    <x v="0"/>
    <x v="0"/>
    <x v="3"/>
    <x v="2"/>
    <n v="0"/>
    <n v="11.68"/>
  </r>
  <r>
    <s v="03"/>
    <s v="KY"/>
    <s v="KY"/>
    <s v="202302"/>
    <x v="1"/>
    <x v="0"/>
    <x v="0"/>
    <x v="3"/>
    <x v="3"/>
    <n v="0"/>
    <n v="8.8000000000000007"/>
  </r>
  <r>
    <s v="03"/>
    <s v="KY"/>
    <s v="KY"/>
    <s v="202302"/>
    <x v="1"/>
    <x v="0"/>
    <x v="0"/>
    <x v="3"/>
    <x v="32"/>
    <n v="0"/>
    <n v="21.93"/>
  </r>
  <r>
    <s v="03"/>
    <s v="KY"/>
    <s v="KY"/>
    <s v="202302"/>
    <x v="1"/>
    <x v="0"/>
    <x v="0"/>
    <x v="3"/>
    <x v="4"/>
    <n v="0"/>
    <n v="6.03"/>
  </r>
  <r>
    <s v="03"/>
    <s v="KY"/>
    <s v="KY"/>
    <s v="202302"/>
    <x v="1"/>
    <x v="0"/>
    <x v="0"/>
    <x v="3"/>
    <x v="5"/>
    <n v="0"/>
    <n v="29.52"/>
  </r>
  <r>
    <s v="03"/>
    <s v="KY"/>
    <s v="KY"/>
    <s v="202302"/>
    <x v="1"/>
    <x v="0"/>
    <x v="0"/>
    <x v="3"/>
    <x v="6"/>
    <n v="0"/>
    <n v="5.54"/>
  </r>
  <r>
    <s v="03"/>
    <s v="KY"/>
    <s v="KY"/>
    <s v="202302"/>
    <x v="1"/>
    <x v="0"/>
    <x v="0"/>
    <x v="3"/>
    <x v="11"/>
    <n v="0"/>
    <n v="10.3"/>
  </r>
  <r>
    <s v="03"/>
    <s v="KY"/>
    <s v="KY"/>
    <s v="202302"/>
    <x v="1"/>
    <x v="0"/>
    <x v="0"/>
    <x v="3"/>
    <x v="7"/>
    <n v="0"/>
    <n v="3.04"/>
  </r>
  <r>
    <s v="03"/>
    <s v="KY"/>
    <s v="KY"/>
    <s v="202302"/>
    <x v="1"/>
    <x v="0"/>
    <x v="0"/>
    <x v="3"/>
    <x v="15"/>
    <n v="0"/>
    <n v="5399.36"/>
  </r>
  <r>
    <s v="03"/>
    <s v="KY"/>
    <s v="KY"/>
    <s v="202302"/>
    <x v="1"/>
    <x v="0"/>
    <x v="0"/>
    <x v="3"/>
    <x v="17"/>
    <n v="0"/>
    <n v="16756.62"/>
  </r>
  <r>
    <s v="03"/>
    <s v="KY"/>
    <s v="KY"/>
    <s v="202302"/>
    <x v="1"/>
    <x v="0"/>
    <x v="0"/>
    <x v="3"/>
    <x v="18"/>
    <n v="0"/>
    <n v="556.87"/>
  </r>
  <r>
    <s v="03"/>
    <s v="KY"/>
    <s v="KY"/>
    <s v="202302"/>
    <x v="1"/>
    <x v="0"/>
    <x v="0"/>
    <x v="3"/>
    <x v="35"/>
    <n v="0"/>
    <n v="189.53"/>
  </r>
  <r>
    <s v="03"/>
    <s v="KY"/>
    <s v="KY"/>
    <s v="202302"/>
    <x v="1"/>
    <x v="0"/>
    <x v="0"/>
    <x v="3"/>
    <x v="24"/>
    <n v="0"/>
    <n v="133.66"/>
  </r>
  <r>
    <s v="03"/>
    <s v="KY"/>
    <s v="KY"/>
    <s v="202302"/>
    <x v="1"/>
    <x v="0"/>
    <x v="0"/>
    <x v="3"/>
    <x v="19"/>
    <n v="0"/>
    <n v="59.71"/>
  </r>
  <r>
    <s v="03"/>
    <s v="KY"/>
    <s v="KY"/>
    <s v="202302"/>
    <x v="1"/>
    <x v="0"/>
    <x v="0"/>
    <x v="3"/>
    <x v="20"/>
    <n v="0"/>
    <n v="173.73"/>
  </r>
  <r>
    <s v="03"/>
    <s v="KY"/>
    <s v="KY"/>
    <s v="202302"/>
    <x v="1"/>
    <x v="0"/>
    <x v="0"/>
    <x v="3"/>
    <x v="21"/>
    <n v="0"/>
    <n v="6394.42"/>
  </r>
  <r>
    <s v="03"/>
    <s v="KY"/>
    <s v="KY"/>
    <s v="202302"/>
    <x v="1"/>
    <x v="0"/>
    <x v="0"/>
    <x v="3"/>
    <x v="26"/>
    <n v="0"/>
    <n v="1656.25"/>
  </r>
  <r>
    <s v="03"/>
    <s v="KY"/>
    <s v="KY"/>
    <s v="202302"/>
    <x v="1"/>
    <x v="0"/>
    <x v="0"/>
    <x v="3"/>
    <x v="38"/>
    <n v="0"/>
    <n v="528.45000000000005"/>
  </r>
  <r>
    <s v="03"/>
    <s v="KY"/>
    <s v="KY"/>
    <s v="202302"/>
    <x v="1"/>
    <x v="0"/>
    <x v="0"/>
    <x v="3"/>
    <x v="27"/>
    <n v="0"/>
    <n v="3104.97"/>
  </r>
  <r>
    <s v="03"/>
    <s v="KY"/>
    <s v="KY"/>
    <s v="202302"/>
    <x v="1"/>
    <x v="0"/>
    <x v="0"/>
    <x v="4"/>
    <x v="9"/>
    <n v="0"/>
    <n v="1.66"/>
  </r>
  <r>
    <s v="03"/>
    <s v="KY"/>
    <s v="KY"/>
    <s v="202302"/>
    <x v="1"/>
    <x v="0"/>
    <x v="0"/>
    <x v="4"/>
    <x v="2"/>
    <n v="0"/>
    <n v="1.98"/>
  </r>
  <r>
    <s v="03"/>
    <s v="KY"/>
    <s v="KY"/>
    <s v="202302"/>
    <x v="1"/>
    <x v="0"/>
    <x v="0"/>
    <x v="4"/>
    <x v="3"/>
    <n v="0"/>
    <n v="85.01"/>
  </r>
  <r>
    <s v="03"/>
    <s v="KY"/>
    <s v="KY"/>
    <s v="202302"/>
    <x v="1"/>
    <x v="0"/>
    <x v="0"/>
    <x v="4"/>
    <x v="4"/>
    <n v="0"/>
    <n v="3.9"/>
  </r>
  <r>
    <s v="03"/>
    <s v="KY"/>
    <s v="KY"/>
    <s v="202302"/>
    <x v="1"/>
    <x v="0"/>
    <x v="0"/>
    <x v="4"/>
    <x v="5"/>
    <n v="0"/>
    <n v="82.62"/>
  </r>
  <r>
    <s v="03"/>
    <s v="KY"/>
    <s v="KY"/>
    <s v="202302"/>
    <x v="1"/>
    <x v="0"/>
    <x v="0"/>
    <x v="4"/>
    <x v="6"/>
    <n v="0"/>
    <n v="7.54"/>
  </r>
  <r>
    <s v="03"/>
    <s v="KY"/>
    <s v="KY"/>
    <s v="202302"/>
    <x v="1"/>
    <x v="0"/>
    <x v="0"/>
    <x v="4"/>
    <x v="15"/>
    <n v="0"/>
    <n v="296.22000000000003"/>
  </r>
  <r>
    <s v="03"/>
    <s v="KY"/>
    <s v="KY"/>
    <s v="202302"/>
    <x v="1"/>
    <x v="0"/>
    <x v="0"/>
    <x v="4"/>
    <x v="17"/>
    <n v="0"/>
    <n v="1103.99"/>
  </r>
  <r>
    <s v="03"/>
    <s v="KY"/>
    <s v="KY"/>
    <s v="202302"/>
    <x v="1"/>
    <x v="0"/>
    <x v="0"/>
    <x v="5"/>
    <x v="9"/>
    <n v="0"/>
    <n v="1.02"/>
  </r>
  <r>
    <s v="03"/>
    <s v="KY"/>
    <s v="KY"/>
    <s v="202302"/>
    <x v="1"/>
    <x v="0"/>
    <x v="0"/>
    <x v="5"/>
    <x v="2"/>
    <n v="0"/>
    <n v="5.72"/>
  </r>
  <r>
    <s v="03"/>
    <s v="KY"/>
    <s v="KY"/>
    <s v="202302"/>
    <x v="1"/>
    <x v="0"/>
    <x v="0"/>
    <x v="5"/>
    <x v="3"/>
    <n v="0"/>
    <n v="1.07"/>
  </r>
  <r>
    <s v="03"/>
    <s v="KY"/>
    <s v="KY"/>
    <s v="202302"/>
    <x v="1"/>
    <x v="0"/>
    <x v="0"/>
    <x v="5"/>
    <x v="7"/>
    <n v="0"/>
    <n v="0.52"/>
  </r>
  <r>
    <s v="03"/>
    <s v="KY"/>
    <s v="KY"/>
    <s v="202302"/>
    <x v="1"/>
    <x v="0"/>
    <x v="0"/>
    <x v="5"/>
    <x v="15"/>
    <n v="0"/>
    <n v="389.55"/>
  </r>
  <r>
    <s v="03"/>
    <s v="KY"/>
    <s v="KY"/>
    <s v="202302"/>
    <x v="1"/>
    <x v="0"/>
    <x v="0"/>
    <x v="5"/>
    <x v="17"/>
    <n v="0"/>
    <n v="1143.08"/>
  </r>
  <r>
    <s v="03"/>
    <s v="KY"/>
    <s v="KY"/>
    <s v="202302"/>
    <x v="1"/>
    <x v="0"/>
    <x v="0"/>
    <x v="5"/>
    <x v="18"/>
    <n v="0"/>
    <n v="9.58"/>
  </r>
  <r>
    <s v="03"/>
    <s v="KY"/>
    <s v="KY"/>
    <s v="202302"/>
    <x v="1"/>
    <x v="0"/>
    <x v="0"/>
    <x v="5"/>
    <x v="25"/>
    <n v="0"/>
    <n v="133.66"/>
  </r>
  <r>
    <s v="03"/>
    <s v="KY"/>
    <s v="KY"/>
    <s v="202302"/>
    <x v="1"/>
    <x v="0"/>
    <x v="0"/>
    <x v="5"/>
    <x v="21"/>
    <n v="0"/>
    <n v="396.93"/>
  </r>
  <r>
    <s v="03"/>
    <s v="KY"/>
    <s v="KY"/>
    <s v="202302"/>
    <x v="1"/>
    <x v="0"/>
    <x v="0"/>
    <x v="5"/>
    <x v="26"/>
    <n v="0"/>
    <n v="1238.23"/>
  </r>
  <r>
    <s v="03"/>
    <s v="KY"/>
    <s v="KY"/>
    <s v="202302"/>
    <x v="1"/>
    <x v="0"/>
    <x v="0"/>
    <x v="5"/>
    <x v="27"/>
    <n v="0"/>
    <n v="4915.7700000000004"/>
  </r>
  <r>
    <s v="03"/>
    <s v="KY"/>
    <s v="KY"/>
    <s v="202302"/>
    <x v="1"/>
    <x v="0"/>
    <x v="0"/>
    <x v="6"/>
    <x v="6"/>
    <n v="0"/>
    <n v="5.56"/>
  </r>
  <r>
    <s v="03"/>
    <s v="KY"/>
    <s v="KY"/>
    <s v="202302"/>
    <x v="1"/>
    <x v="0"/>
    <x v="0"/>
    <x v="6"/>
    <x v="15"/>
    <n v="0"/>
    <n v="9.68"/>
  </r>
  <r>
    <s v="03"/>
    <s v="KY"/>
    <s v="KY"/>
    <s v="202302"/>
    <x v="1"/>
    <x v="0"/>
    <x v="0"/>
    <x v="6"/>
    <x v="17"/>
    <n v="0"/>
    <n v="57"/>
  </r>
  <r>
    <s v="03"/>
    <s v="KY"/>
    <s v="KY"/>
    <s v="202302"/>
    <x v="1"/>
    <x v="0"/>
    <x v="0"/>
    <x v="6"/>
    <x v="21"/>
    <n v="0"/>
    <n v="1037.05"/>
  </r>
  <r>
    <s v="03"/>
    <s v="KY"/>
    <s v="KY"/>
    <s v="202302"/>
    <x v="1"/>
    <x v="0"/>
    <x v="0"/>
    <x v="7"/>
    <x v="3"/>
    <n v="0"/>
    <n v="24.92"/>
  </r>
  <r>
    <s v="03"/>
    <s v="KY"/>
    <s v="KY"/>
    <s v="202302"/>
    <x v="1"/>
    <x v="0"/>
    <x v="0"/>
    <x v="7"/>
    <x v="6"/>
    <n v="0"/>
    <n v="3.51"/>
  </r>
  <r>
    <s v="03"/>
    <s v="KY"/>
    <s v="KY"/>
    <s v="202302"/>
    <x v="1"/>
    <x v="0"/>
    <x v="0"/>
    <x v="7"/>
    <x v="15"/>
    <n v="0"/>
    <n v="28.52"/>
  </r>
  <r>
    <s v="03"/>
    <s v="KY"/>
    <s v="KY"/>
    <s v="202302"/>
    <x v="1"/>
    <x v="0"/>
    <x v="0"/>
    <x v="7"/>
    <x v="17"/>
    <n v="0"/>
    <n v="196.68"/>
  </r>
  <r>
    <s v="03"/>
    <s v="KY"/>
    <s v="KY"/>
    <s v="202302"/>
    <x v="1"/>
    <x v="0"/>
    <x v="0"/>
    <x v="7"/>
    <x v="25"/>
    <n v="0"/>
    <n v="614.09"/>
  </r>
  <r>
    <s v="03"/>
    <s v="KY"/>
    <s v="KY"/>
    <s v="202302"/>
    <x v="1"/>
    <x v="0"/>
    <x v="0"/>
    <x v="7"/>
    <x v="28"/>
    <n v="0"/>
    <n v="149.16"/>
  </r>
  <r>
    <s v="03"/>
    <s v="KY"/>
    <s v="KY"/>
    <s v="202302"/>
    <x v="1"/>
    <x v="0"/>
    <x v="0"/>
    <x v="7"/>
    <x v="21"/>
    <n v="0"/>
    <n v="146.41"/>
  </r>
  <r>
    <s v="03"/>
    <s v="KY"/>
    <s v="KY"/>
    <s v="202302"/>
    <x v="1"/>
    <x v="0"/>
    <x v="0"/>
    <x v="7"/>
    <x v="26"/>
    <n v="0"/>
    <n v="9204.43"/>
  </r>
  <r>
    <s v="03"/>
    <s v="KY"/>
    <s v="KY"/>
    <s v="202302"/>
    <x v="1"/>
    <x v="0"/>
    <x v="0"/>
    <x v="7"/>
    <x v="22"/>
    <n v="0"/>
    <n v="1526.27"/>
  </r>
  <r>
    <s v="03"/>
    <s v="KY"/>
    <s v="KY"/>
    <s v="202302"/>
    <x v="1"/>
    <x v="0"/>
    <x v="0"/>
    <x v="7"/>
    <x v="39"/>
    <n v="0"/>
    <n v="626.16"/>
  </r>
  <r>
    <s v="03"/>
    <s v="KY"/>
    <s v="KY"/>
    <s v="202302"/>
    <x v="1"/>
    <x v="0"/>
    <x v="0"/>
    <x v="7"/>
    <x v="40"/>
    <n v="0"/>
    <n v="8130.01"/>
  </r>
  <r>
    <s v="03"/>
    <s v="KY"/>
    <s v="KY"/>
    <s v="202302"/>
    <x v="1"/>
    <x v="0"/>
    <x v="0"/>
    <x v="7"/>
    <x v="27"/>
    <n v="0"/>
    <n v="22030.15"/>
  </r>
  <r>
    <s v="03"/>
    <s v="KY"/>
    <s v="KY"/>
    <s v="202302"/>
    <x v="2"/>
    <x v="0"/>
    <x v="0"/>
    <x v="2"/>
    <x v="15"/>
    <n v="0"/>
    <n v="-24.54"/>
  </r>
  <r>
    <s v="03"/>
    <s v="KY"/>
    <s v="KY"/>
    <s v="202302"/>
    <x v="2"/>
    <x v="0"/>
    <x v="0"/>
    <x v="2"/>
    <x v="17"/>
    <n v="0"/>
    <n v="-105.04"/>
  </r>
  <r>
    <s v="03"/>
    <s v="KY"/>
    <s v="KY"/>
    <s v="202302"/>
    <x v="2"/>
    <x v="0"/>
    <x v="0"/>
    <x v="2"/>
    <x v="20"/>
    <n v="0"/>
    <n v="-24.52"/>
  </r>
  <r>
    <s v="03"/>
    <s v="KY"/>
    <s v="KY"/>
    <s v="202302"/>
    <x v="2"/>
    <x v="0"/>
    <x v="0"/>
    <x v="3"/>
    <x v="17"/>
    <n v="0"/>
    <n v="-43.68"/>
  </r>
  <r>
    <s v="03"/>
    <s v="KY"/>
    <s v="KY"/>
    <s v="202302"/>
    <x v="2"/>
    <x v="0"/>
    <x v="0"/>
    <x v="5"/>
    <x v="26"/>
    <n v="0"/>
    <n v="-396.22"/>
  </r>
  <r>
    <s v="03"/>
    <s v="KY"/>
    <s v="KY"/>
    <s v="202303"/>
    <x v="0"/>
    <x v="0"/>
    <x v="0"/>
    <x v="2"/>
    <x v="9"/>
    <n v="0"/>
    <n v="-0.67"/>
  </r>
  <r>
    <s v="03"/>
    <s v="KY"/>
    <s v="KY"/>
    <s v="202303"/>
    <x v="0"/>
    <x v="0"/>
    <x v="0"/>
    <x v="2"/>
    <x v="2"/>
    <n v="0"/>
    <n v="-4.79"/>
  </r>
  <r>
    <s v="03"/>
    <s v="KY"/>
    <s v="KY"/>
    <s v="202303"/>
    <x v="0"/>
    <x v="0"/>
    <x v="0"/>
    <x v="2"/>
    <x v="3"/>
    <n v="0"/>
    <n v="-8.44"/>
  </r>
  <r>
    <s v="03"/>
    <s v="KY"/>
    <s v="KY"/>
    <s v="202303"/>
    <x v="0"/>
    <x v="0"/>
    <x v="0"/>
    <x v="2"/>
    <x v="4"/>
    <n v="0"/>
    <n v="-9.5"/>
  </r>
  <r>
    <s v="03"/>
    <s v="KY"/>
    <s v="KY"/>
    <s v="202303"/>
    <x v="0"/>
    <x v="0"/>
    <x v="0"/>
    <x v="2"/>
    <x v="5"/>
    <n v="0"/>
    <n v="-72.03"/>
  </r>
  <r>
    <s v="03"/>
    <s v="KY"/>
    <s v="KY"/>
    <s v="202303"/>
    <x v="0"/>
    <x v="0"/>
    <x v="0"/>
    <x v="2"/>
    <x v="8"/>
    <n v="0"/>
    <n v="-9.83"/>
  </r>
  <r>
    <s v="03"/>
    <s v="KY"/>
    <s v="KY"/>
    <s v="202303"/>
    <x v="0"/>
    <x v="0"/>
    <x v="0"/>
    <x v="2"/>
    <x v="6"/>
    <n v="0"/>
    <n v="-11.43"/>
  </r>
  <r>
    <s v="03"/>
    <s v="KY"/>
    <s v="KY"/>
    <s v="202303"/>
    <x v="0"/>
    <x v="0"/>
    <x v="0"/>
    <x v="2"/>
    <x v="11"/>
    <n v="0"/>
    <n v="-24.29"/>
  </r>
  <r>
    <s v="03"/>
    <s v="KY"/>
    <s v="KY"/>
    <s v="202303"/>
    <x v="0"/>
    <x v="0"/>
    <x v="0"/>
    <x v="2"/>
    <x v="7"/>
    <n v="0"/>
    <n v="-0.89"/>
  </r>
  <r>
    <s v="03"/>
    <s v="KY"/>
    <s v="KY"/>
    <s v="202303"/>
    <x v="0"/>
    <x v="0"/>
    <x v="0"/>
    <x v="2"/>
    <x v="15"/>
    <n v="0"/>
    <n v="-4913.51"/>
  </r>
  <r>
    <s v="03"/>
    <s v="KY"/>
    <s v="KY"/>
    <s v="202303"/>
    <x v="0"/>
    <x v="0"/>
    <x v="0"/>
    <x v="2"/>
    <x v="16"/>
    <n v="0"/>
    <n v="-35.76"/>
  </r>
  <r>
    <s v="03"/>
    <s v="KY"/>
    <s v="KY"/>
    <s v="202303"/>
    <x v="0"/>
    <x v="0"/>
    <x v="0"/>
    <x v="2"/>
    <x v="42"/>
    <n v="0"/>
    <n v="-5.16"/>
  </r>
  <r>
    <s v="03"/>
    <s v="KY"/>
    <s v="KY"/>
    <s v="202303"/>
    <x v="0"/>
    <x v="0"/>
    <x v="0"/>
    <x v="2"/>
    <x v="17"/>
    <n v="0"/>
    <n v="-5735.79"/>
  </r>
  <r>
    <s v="03"/>
    <s v="KY"/>
    <s v="KY"/>
    <s v="202303"/>
    <x v="0"/>
    <x v="0"/>
    <x v="0"/>
    <x v="2"/>
    <x v="18"/>
    <n v="0"/>
    <n v="-63.06"/>
  </r>
  <r>
    <s v="03"/>
    <s v="KY"/>
    <s v="KY"/>
    <s v="202303"/>
    <x v="0"/>
    <x v="0"/>
    <x v="0"/>
    <x v="2"/>
    <x v="19"/>
    <n v="0"/>
    <n v="-33.49"/>
  </r>
  <r>
    <s v="03"/>
    <s v="KY"/>
    <s v="KY"/>
    <s v="202303"/>
    <x v="0"/>
    <x v="0"/>
    <x v="0"/>
    <x v="2"/>
    <x v="20"/>
    <n v="0"/>
    <n v="-73.47"/>
  </r>
  <r>
    <s v="03"/>
    <s v="KY"/>
    <s v="KY"/>
    <s v="202303"/>
    <x v="0"/>
    <x v="0"/>
    <x v="0"/>
    <x v="2"/>
    <x v="21"/>
    <n v="0"/>
    <n v="-1007.86"/>
  </r>
  <r>
    <s v="03"/>
    <s v="KY"/>
    <s v="KY"/>
    <s v="202303"/>
    <x v="0"/>
    <x v="0"/>
    <x v="0"/>
    <x v="2"/>
    <x v="23"/>
    <n v="0"/>
    <n v="-23557.83"/>
  </r>
  <r>
    <s v="03"/>
    <s v="KY"/>
    <s v="KY"/>
    <s v="202303"/>
    <x v="0"/>
    <x v="0"/>
    <x v="0"/>
    <x v="3"/>
    <x v="2"/>
    <n v="0"/>
    <n v="-3.5"/>
  </r>
  <r>
    <s v="03"/>
    <s v="KY"/>
    <s v="KY"/>
    <s v="202303"/>
    <x v="0"/>
    <x v="0"/>
    <x v="0"/>
    <x v="3"/>
    <x v="5"/>
    <n v="0"/>
    <n v="-77.66"/>
  </r>
  <r>
    <s v="03"/>
    <s v="KY"/>
    <s v="KY"/>
    <s v="202303"/>
    <x v="0"/>
    <x v="0"/>
    <x v="0"/>
    <x v="3"/>
    <x v="6"/>
    <n v="0"/>
    <n v="-3.66"/>
  </r>
  <r>
    <s v="03"/>
    <s v="KY"/>
    <s v="KY"/>
    <s v="202303"/>
    <x v="0"/>
    <x v="0"/>
    <x v="0"/>
    <x v="3"/>
    <x v="7"/>
    <n v="0"/>
    <n v="-0.5"/>
  </r>
  <r>
    <s v="03"/>
    <s v="KY"/>
    <s v="KY"/>
    <s v="202303"/>
    <x v="0"/>
    <x v="0"/>
    <x v="0"/>
    <x v="3"/>
    <x v="15"/>
    <n v="0"/>
    <n v="-972.49"/>
  </r>
  <r>
    <s v="03"/>
    <s v="KY"/>
    <s v="KY"/>
    <s v="202303"/>
    <x v="0"/>
    <x v="0"/>
    <x v="0"/>
    <x v="3"/>
    <x v="17"/>
    <n v="0"/>
    <n v="-4993.05"/>
  </r>
  <r>
    <s v="03"/>
    <s v="KY"/>
    <s v="KY"/>
    <s v="202303"/>
    <x v="0"/>
    <x v="0"/>
    <x v="0"/>
    <x v="3"/>
    <x v="35"/>
    <n v="0"/>
    <n v="-159.46"/>
  </r>
  <r>
    <s v="03"/>
    <s v="KY"/>
    <s v="KY"/>
    <s v="202303"/>
    <x v="0"/>
    <x v="0"/>
    <x v="0"/>
    <x v="3"/>
    <x v="24"/>
    <n v="0"/>
    <n v="-18.37"/>
  </r>
  <r>
    <s v="03"/>
    <s v="KY"/>
    <s v="KY"/>
    <s v="202303"/>
    <x v="0"/>
    <x v="0"/>
    <x v="0"/>
    <x v="3"/>
    <x v="19"/>
    <n v="0"/>
    <n v="-10.79"/>
  </r>
  <r>
    <s v="03"/>
    <s v="KY"/>
    <s v="KY"/>
    <s v="202303"/>
    <x v="0"/>
    <x v="0"/>
    <x v="0"/>
    <x v="3"/>
    <x v="20"/>
    <n v="0"/>
    <n v="-21.64"/>
  </r>
  <r>
    <s v="03"/>
    <s v="KY"/>
    <s v="KY"/>
    <s v="202303"/>
    <x v="0"/>
    <x v="0"/>
    <x v="0"/>
    <x v="3"/>
    <x v="21"/>
    <n v="0"/>
    <n v="-999.66"/>
  </r>
  <r>
    <s v="03"/>
    <s v="KY"/>
    <s v="KY"/>
    <s v="202303"/>
    <x v="0"/>
    <x v="0"/>
    <x v="0"/>
    <x v="4"/>
    <x v="15"/>
    <n v="0"/>
    <n v="-62.34"/>
  </r>
  <r>
    <s v="03"/>
    <s v="KY"/>
    <s v="KY"/>
    <s v="202303"/>
    <x v="0"/>
    <x v="0"/>
    <x v="0"/>
    <x v="4"/>
    <x v="17"/>
    <n v="0"/>
    <n v="-16.87"/>
  </r>
  <r>
    <s v="03"/>
    <s v="KY"/>
    <s v="KY"/>
    <s v="202303"/>
    <x v="0"/>
    <x v="0"/>
    <x v="0"/>
    <x v="5"/>
    <x v="9"/>
    <n v="0"/>
    <n v="-1"/>
  </r>
  <r>
    <s v="03"/>
    <s v="KY"/>
    <s v="KY"/>
    <s v="202303"/>
    <x v="0"/>
    <x v="0"/>
    <x v="0"/>
    <x v="5"/>
    <x v="10"/>
    <n v="0"/>
    <n v="-3.51"/>
  </r>
  <r>
    <s v="03"/>
    <s v="KY"/>
    <s v="KY"/>
    <s v="202303"/>
    <x v="0"/>
    <x v="0"/>
    <x v="0"/>
    <x v="5"/>
    <x v="3"/>
    <n v="0"/>
    <n v="-0.75"/>
  </r>
  <r>
    <s v="03"/>
    <s v="KY"/>
    <s v="KY"/>
    <s v="202303"/>
    <x v="0"/>
    <x v="0"/>
    <x v="0"/>
    <x v="5"/>
    <x v="6"/>
    <n v="0"/>
    <n v="-3.61"/>
  </r>
  <r>
    <s v="03"/>
    <s v="KY"/>
    <s v="KY"/>
    <s v="202303"/>
    <x v="0"/>
    <x v="0"/>
    <x v="0"/>
    <x v="5"/>
    <x v="15"/>
    <n v="0"/>
    <n v="-311.19"/>
  </r>
  <r>
    <s v="03"/>
    <s v="KY"/>
    <s v="KY"/>
    <s v="202303"/>
    <x v="0"/>
    <x v="0"/>
    <x v="0"/>
    <x v="5"/>
    <x v="17"/>
    <n v="0"/>
    <n v="-1133.54"/>
  </r>
  <r>
    <s v="03"/>
    <s v="KY"/>
    <s v="KY"/>
    <s v="202303"/>
    <x v="0"/>
    <x v="0"/>
    <x v="0"/>
    <x v="5"/>
    <x v="25"/>
    <n v="0"/>
    <n v="-178.68"/>
  </r>
  <r>
    <s v="03"/>
    <s v="KY"/>
    <s v="KY"/>
    <s v="202303"/>
    <x v="0"/>
    <x v="0"/>
    <x v="0"/>
    <x v="5"/>
    <x v="21"/>
    <n v="0"/>
    <n v="-1117.01"/>
  </r>
  <r>
    <s v="03"/>
    <s v="KY"/>
    <s v="KY"/>
    <s v="202303"/>
    <x v="0"/>
    <x v="0"/>
    <x v="0"/>
    <x v="5"/>
    <x v="27"/>
    <n v="0"/>
    <n v="-3643.51"/>
  </r>
  <r>
    <s v="03"/>
    <s v="KY"/>
    <s v="KY"/>
    <s v="202303"/>
    <x v="0"/>
    <x v="0"/>
    <x v="0"/>
    <x v="6"/>
    <x v="15"/>
    <n v="0"/>
    <n v="-2.96"/>
  </r>
  <r>
    <s v="03"/>
    <s v="KY"/>
    <s v="KY"/>
    <s v="202303"/>
    <x v="0"/>
    <x v="0"/>
    <x v="0"/>
    <x v="6"/>
    <x v="17"/>
    <n v="0"/>
    <n v="-35.94"/>
  </r>
  <r>
    <s v="03"/>
    <s v="KY"/>
    <s v="KY"/>
    <s v="202303"/>
    <x v="0"/>
    <x v="0"/>
    <x v="0"/>
    <x v="6"/>
    <x v="21"/>
    <n v="0"/>
    <n v="-771.13"/>
  </r>
  <r>
    <s v="03"/>
    <s v="KY"/>
    <s v="KY"/>
    <s v="202303"/>
    <x v="0"/>
    <x v="0"/>
    <x v="0"/>
    <x v="7"/>
    <x v="5"/>
    <n v="0"/>
    <n v="-11.9"/>
  </r>
  <r>
    <s v="03"/>
    <s v="KY"/>
    <s v="KY"/>
    <s v="202303"/>
    <x v="0"/>
    <x v="0"/>
    <x v="0"/>
    <x v="7"/>
    <x v="6"/>
    <n v="0"/>
    <n v="-0.84"/>
  </r>
  <r>
    <s v="03"/>
    <s v="KY"/>
    <s v="KY"/>
    <s v="202303"/>
    <x v="0"/>
    <x v="0"/>
    <x v="0"/>
    <x v="7"/>
    <x v="15"/>
    <n v="0"/>
    <n v="-9.01"/>
  </r>
  <r>
    <s v="03"/>
    <s v="KY"/>
    <s v="KY"/>
    <s v="202303"/>
    <x v="0"/>
    <x v="0"/>
    <x v="0"/>
    <x v="7"/>
    <x v="17"/>
    <n v="0"/>
    <n v="-60.56"/>
  </r>
  <r>
    <s v="03"/>
    <s v="KY"/>
    <s v="KY"/>
    <s v="202303"/>
    <x v="0"/>
    <x v="0"/>
    <x v="0"/>
    <x v="7"/>
    <x v="25"/>
    <n v="0"/>
    <n v="-118.5"/>
  </r>
  <r>
    <s v="03"/>
    <s v="KY"/>
    <s v="KY"/>
    <s v="202303"/>
    <x v="0"/>
    <x v="0"/>
    <x v="0"/>
    <x v="7"/>
    <x v="26"/>
    <n v="0"/>
    <n v="-2183.16"/>
  </r>
  <r>
    <s v="03"/>
    <s v="KY"/>
    <s v="KY"/>
    <s v="202303"/>
    <x v="0"/>
    <x v="0"/>
    <x v="0"/>
    <x v="7"/>
    <x v="22"/>
    <n v="0"/>
    <n v="-1621.13"/>
  </r>
  <r>
    <s v="03"/>
    <s v="KY"/>
    <s v="KY"/>
    <s v="202303"/>
    <x v="0"/>
    <x v="0"/>
    <x v="0"/>
    <x v="7"/>
    <x v="39"/>
    <n v="0"/>
    <n v="-436.2"/>
  </r>
  <r>
    <s v="03"/>
    <s v="KY"/>
    <s v="KY"/>
    <s v="202303"/>
    <x v="0"/>
    <x v="0"/>
    <x v="0"/>
    <x v="7"/>
    <x v="27"/>
    <n v="0"/>
    <n v="-2020.55"/>
  </r>
  <r>
    <s v="03"/>
    <s v="KY"/>
    <s v="KY"/>
    <s v="202303"/>
    <x v="1"/>
    <x v="0"/>
    <x v="0"/>
    <x v="8"/>
    <x v="29"/>
    <n v="0"/>
    <n v="15654.32"/>
  </r>
  <r>
    <s v="03"/>
    <s v="KY"/>
    <s v="KY"/>
    <s v="202303"/>
    <x v="1"/>
    <x v="0"/>
    <x v="0"/>
    <x v="0"/>
    <x v="0"/>
    <n v="0"/>
    <n v="8.5399999999999991"/>
  </r>
  <r>
    <s v="03"/>
    <s v="KY"/>
    <s v="KY"/>
    <s v="202303"/>
    <x v="1"/>
    <x v="0"/>
    <x v="0"/>
    <x v="0"/>
    <x v="1"/>
    <n v="0"/>
    <n v="38.35"/>
  </r>
  <r>
    <s v="03"/>
    <s v="KY"/>
    <s v="KY"/>
    <s v="202303"/>
    <x v="1"/>
    <x v="0"/>
    <x v="0"/>
    <x v="1"/>
    <x v="1"/>
    <n v="0"/>
    <n v="6.54"/>
  </r>
  <r>
    <s v="03"/>
    <s v="KY"/>
    <s v="KY"/>
    <s v="202303"/>
    <x v="1"/>
    <x v="0"/>
    <x v="0"/>
    <x v="1"/>
    <x v="15"/>
    <n v="0"/>
    <n v="10.15"/>
  </r>
  <r>
    <s v="03"/>
    <s v="KY"/>
    <s v="KY"/>
    <s v="202303"/>
    <x v="1"/>
    <x v="0"/>
    <x v="0"/>
    <x v="2"/>
    <x v="9"/>
    <n v="0"/>
    <n v="24.62"/>
  </r>
  <r>
    <s v="03"/>
    <s v="KY"/>
    <s v="KY"/>
    <s v="202303"/>
    <x v="1"/>
    <x v="0"/>
    <x v="0"/>
    <x v="2"/>
    <x v="2"/>
    <n v="0"/>
    <n v="59.83"/>
  </r>
  <r>
    <s v="03"/>
    <s v="KY"/>
    <s v="KY"/>
    <s v="202303"/>
    <x v="1"/>
    <x v="0"/>
    <x v="0"/>
    <x v="2"/>
    <x v="10"/>
    <n v="0"/>
    <n v="4.08"/>
  </r>
  <r>
    <s v="03"/>
    <s v="KY"/>
    <s v="KY"/>
    <s v="202303"/>
    <x v="1"/>
    <x v="0"/>
    <x v="0"/>
    <x v="2"/>
    <x v="3"/>
    <n v="0"/>
    <n v="56.74"/>
  </r>
  <r>
    <s v="03"/>
    <s v="KY"/>
    <s v="KY"/>
    <s v="202303"/>
    <x v="1"/>
    <x v="0"/>
    <x v="0"/>
    <x v="2"/>
    <x v="32"/>
    <n v="0"/>
    <n v="7.49"/>
  </r>
  <r>
    <s v="03"/>
    <s v="KY"/>
    <s v="KY"/>
    <s v="202303"/>
    <x v="1"/>
    <x v="0"/>
    <x v="0"/>
    <x v="2"/>
    <x v="4"/>
    <n v="0"/>
    <n v="34.9"/>
  </r>
  <r>
    <s v="03"/>
    <s v="KY"/>
    <s v="KY"/>
    <s v="202303"/>
    <x v="1"/>
    <x v="0"/>
    <x v="0"/>
    <x v="2"/>
    <x v="5"/>
    <n v="0"/>
    <n v="173.39"/>
  </r>
  <r>
    <s v="03"/>
    <s v="KY"/>
    <s v="KY"/>
    <s v="202303"/>
    <x v="1"/>
    <x v="0"/>
    <x v="0"/>
    <x v="2"/>
    <x v="33"/>
    <n v="0"/>
    <n v="1.47"/>
  </r>
  <r>
    <s v="03"/>
    <s v="KY"/>
    <s v="KY"/>
    <s v="202303"/>
    <x v="1"/>
    <x v="0"/>
    <x v="0"/>
    <x v="2"/>
    <x v="8"/>
    <n v="0"/>
    <n v="42.53"/>
  </r>
  <r>
    <s v="03"/>
    <s v="KY"/>
    <s v="KY"/>
    <s v="202303"/>
    <x v="1"/>
    <x v="0"/>
    <x v="0"/>
    <x v="2"/>
    <x v="6"/>
    <n v="0"/>
    <n v="104.93"/>
  </r>
  <r>
    <s v="03"/>
    <s v="KY"/>
    <s v="KY"/>
    <s v="202303"/>
    <x v="1"/>
    <x v="0"/>
    <x v="0"/>
    <x v="2"/>
    <x v="11"/>
    <n v="0"/>
    <n v="53.23"/>
  </r>
  <r>
    <s v="03"/>
    <s v="KY"/>
    <s v="KY"/>
    <s v="202303"/>
    <x v="1"/>
    <x v="0"/>
    <x v="0"/>
    <x v="2"/>
    <x v="13"/>
    <n v="0"/>
    <n v="13.83"/>
  </r>
  <r>
    <s v="03"/>
    <s v="KY"/>
    <s v="KY"/>
    <s v="202303"/>
    <x v="1"/>
    <x v="0"/>
    <x v="0"/>
    <x v="2"/>
    <x v="7"/>
    <n v="0"/>
    <n v="27.98"/>
  </r>
  <r>
    <s v="03"/>
    <s v="KY"/>
    <s v="KY"/>
    <s v="202303"/>
    <x v="1"/>
    <x v="0"/>
    <x v="0"/>
    <x v="2"/>
    <x v="48"/>
    <n v="0"/>
    <n v="1.76"/>
  </r>
  <r>
    <s v="03"/>
    <s v="KY"/>
    <s v="KY"/>
    <s v="202303"/>
    <x v="1"/>
    <x v="0"/>
    <x v="0"/>
    <x v="2"/>
    <x v="14"/>
    <n v="0"/>
    <n v="64.97"/>
  </r>
  <r>
    <s v="03"/>
    <s v="KY"/>
    <s v="KY"/>
    <s v="202303"/>
    <x v="1"/>
    <x v="0"/>
    <x v="0"/>
    <x v="2"/>
    <x v="15"/>
    <n v="0"/>
    <n v="20428.84"/>
  </r>
  <r>
    <s v="03"/>
    <s v="KY"/>
    <s v="KY"/>
    <s v="202303"/>
    <x v="1"/>
    <x v="0"/>
    <x v="0"/>
    <x v="2"/>
    <x v="16"/>
    <n v="0"/>
    <n v="71"/>
  </r>
  <r>
    <s v="03"/>
    <s v="KY"/>
    <s v="KY"/>
    <s v="202303"/>
    <x v="1"/>
    <x v="0"/>
    <x v="0"/>
    <x v="2"/>
    <x v="42"/>
    <n v="0"/>
    <n v="1.51"/>
  </r>
  <r>
    <s v="03"/>
    <s v="KY"/>
    <s v="KY"/>
    <s v="202303"/>
    <x v="1"/>
    <x v="0"/>
    <x v="0"/>
    <x v="2"/>
    <x v="17"/>
    <n v="0"/>
    <n v="18840.48"/>
  </r>
  <r>
    <s v="03"/>
    <s v="KY"/>
    <s v="KY"/>
    <s v="202303"/>
    <x v="1"/>
    <x v="0"/>
    <x v="0"/>
    <x v="2"/>
    <x v="18"/>
    <n v="0"/>
    <n v="63.06"/>
  </r>
  <r>
    <s v="03"/>
    <s v="KY"/>
    <s v="KY"/>
    <s v="202303"/>
    <x v="1"/>
    <x v="0"/>
    <x v="0"/>
    <x v="2"/>
    <x v="25"/>
    <n v="0"/>
    <n v="21.53"/>
  </r>
  <r>
    <s v="03"/>
    <s v="KY"/>
    <s v="KY"/>
    <s v="202303"/>
    <x v="1"/>
    <x v="0"/>
    <x v="0"/>
    <x v="2"/>
    <x v="35"/>
    <n v="0"/>
    <n v="3.24"/>
  </r>
  <r>
    <s v="03"/>
    <s v="KY"/>
    <s v="KY"/>
    <s v="202303"/>
    <x v="1"/>
    <x v="0"/>
    <x v="0"/>
    <x v="2"/>
    <x v="24"/>
    <n v="0"/>
    <n v="6.21"/>
  </r>
  <r>
    <s v="03"/>
    <s v="KY"/>
    <s v="KY"/>
    <s v="202303"/>
    <x v="1"/>
    <x v="0"/>
    <x v="0"/>
    <x v="2"/>
    <x v="19"/>
    <n v="0"/>
    <n v="51.02"/>
  </r>
  <r>
    <s v="03"/>
    <s v="KY"/>
    <s v="KY"/>
    <s v="202303"/>
    <x v="1"/>
    <x v="0"/>
    <x v="0"/>
    <x v="2"/>
    <x v="20"/>
    <n v="0"/>
    <n v="67.260000000000005"/>
  </r>
  <r>
    <s v="03"/>
    <s v="KY"/>
    <s v="KY"/>
    <s v="202303"/>
    <x v="1"/>
    <x v="0"/>
    <x v="0"/>
    <x v="2"/>
    <x v="21"/>
    <n v="0"/>
    <n v="8530.49"/>
  </r>
  <r>
    <s v="03"/>
    <s v="KY"/>
    <s v="KY"/>
    <s v="202303"/>
    <x v="1"/>
    <x v="0"/>
    <x v="0"/>
    <x v="2"/>
    <x v="36"/>
    <n v="0"/>
    <n v="4316.13"/>
  </r>
  <r>
    <s v="03"/>
    <s v="KY"/>
    <s v="KY"/>
    <s v="202303"/>
    <x v="1"/>
    <x v="0"/>
    <x v="0"/>
    <x v="2"/>
    <x v="23"/>
    <n v="0"/>
    <n v="65798.929999999993"/>
  </r>
  <r>
    <s v="03"/>
    <s v="KY"/>
    <s v="KY"/>
    <s v="202303"/>
    <x v="1"/>
    <x v="0"/>
    <x v="0"/>
    <x v="3"/>
    <x v="2"/>
    <n v="0"/>
    <n v="30.28"/>
  </r>
  <r>
    <s v="03"/>
    <s v="KY"/>
    <s v="KY"/>
    <s v="202303"/>
    <x v="1"/>
    <x v="0"/>
    <x v="0"/>
    <x v="3"/>
    <x v="3"/>
    <n v="0"/>
    <n v="7.26"/>
  </r>
  <r>
    <s v="03"/>
    <s v="KY"/>
    <s v="KY"/>
    <s v="202303"/>
    <x v="1"/>
    <x v="0"/>
    <x v="0"/>
    <x v="3"/>
    <x v="4"/>
    <n v="0"/>
    <n v="0.82"/>
  </r>
  <r>
    <s v="03"/>
    <s v="KY"/>
    <s v="KY"/>
    <s v="202303"/>
    <x v="1"/>
    <x v="0"/>
    <x v="0"/>
    <x v="3"/>
    <x v="5"/>
    <n v="0"/>
    <n v="56.25"/>
  </r>
  <r>
    <s v="03"/>
    <s v="KY"/>
    <s v="KY"/>
    <s v="202303"/>
    <x v="1"/>
    <x v="0"/>
    <x v="0"/>
    <x v="3"/>
    <x v="6"/>
    <n v="0"/>
    <n v="12.81"/>
  </r>
  <r>
    <s v="03"/>
    <s v="KY"/>
    <s v="KY"/>
    <s v="202303"/>
    <x v="1"/>
    <x v="0"/>
    <x v="0"/>
    <x v="3"/>
    <x v="11"/>
    <n v="0"/>
    <n v="14.06"/>
  </r>
  <r>
    <s v="03"/>
    <s v="KY"/>
    <s v="KY"/>
    <s v="202303"/>
    <x v="1"/>
    <x v="0"/>
    <x v="0"/>
    <x v="3"/>
    <x v="7"/>
    <n v="0"/>
    <n v="2.86"/>
  </r>
  <r>
    <s v="03"/>
    <s v="KY"/>
    <s v="KY"/>
    <s v="202303"/>
    <x v="1"/>
    <x v="0"/>
    <x v="0"/>
    <x v="3"/>
    <x v="15"/>
    <n v="0"/>
    <n v="4873.21"/>
  </r>
  <r>
    <s v="03"/>
    <s v="KY"/>
    <s v="KY"/>
    <s v="202303"/>
    <x v="1"/>
    <x v="0"/>
    <x v="0"/>
    <x v="3"/>
    <x v="17"/>
    <n v="0"/>
    <n v="14431.56"/>
  </r>
  <r>
    <s v="03"/>
    <s v="KY"/>
    <s v="KY"/>
    <s v="202303"/>
    <x v="1"/>
    <x v="0"/>
    <x v="0"/>
    <x v="3"/>
    <x v="35"/>
    <n v="0"/>
    <n v="96.75"/>
  </r>
  <r>
    <s v="03"/>
    <s v="KY"/>
    <s v="KY"/>
    <s v="202303"/>
    <x v="1"/>
    <x v="0"/>
    <x v="0"/>
    <x v="3"/>
    <x v="24"/>
    <n v="0"/>
    <n v="59.12"/>
  </r>
  <r>
    <s v="03"/>
    <s v="KY"/>
    <s v="KY"/>
    <s v="202303"/>
    <x v="1"/>
    <x v="0"/>
    <x v="0"/>
    <x v="3"/>
    <x v="19"/>
    <n v="0"/>
    <n v="23.65"/>
  </r>
  <r>
    <s v="03"/>
    <s v="KY"/>
    <s v="KY"/>
    <s v="202303"/>
    <x v="1"/>
    <x v="0"/>
    <x v="0"/>
    <x v="3"/>
    <x v="20"/>
    <n v="0"/>
    <n v="102.36"/>
  </r>
  <r>
    <s v="03"/>
    <s v="KY"/>
    <s v="KY"/>
    <s v="202303"/>
    <x v="1"/>
    <x v="0"/>
    <x v="0"/>
    <x v="3"/>
    <x v="21"/>
    <n v="0"/>
    <n v="8019.94"/>
  </r>
  <r>
    <s v="03"/>
    <s v="KY"/>
    <s v="KY"/>
    <s v="202303"/>
    <x v="1"/>
    <x v="0"/>
    <x v="0"/>
    <x v="3"/>
    <x v="26"/>
    <n v="0"/>
    <n v="1164.72"/>
  </r>
  <r>
    <s v="03"/>
    <s v="KY"/>
    <s v="KY"/>
    <s v="202303"/>
    <x v="1"/>
    <x v="0"/>
    <x v="0"/>
    <x v="3"/>
    <x v="22"/>
    <n v="0"/>
    <n v="487.06"/>
  </r>
  <r>
    <s v="03"/>
    <s v="KY"/>
    <s v="KY"/>
    <s v="202303"/>
    <x v="1"/>
    <x v="0"/>
    <x v="0"/>
    <x v="3"/>
    <x v="38"/>
    <n v="0"/>
    <n v="551.62"/>
  </r>
  <r>
    <s v="03"/>
    <s v="KY"/>
    <s v="KY"/>
    <s v="202303"/>
    <x v="1"/>
    <x v="0"/>
    <x v="0"/>
    <x v="3"/>
    <x v="27"/>
    <n v="0"/>
    <n v="1470.69"/>
  </r>
  <r>
    <s v="03"/>
    <s v="KY"/>
    <s v="KY"/>
    <s v="202303"/>
    <x v="1"/>
    <x v="0"/>
    <x v="0"/>
    <x v="4"/>
    <x v="9"/>
    <n v="0"/>
    <n v="1.62"/>
  </r>
  <r>
    <s v="03"/>
    <s v="KY"/>
    <s v="KY"/>
    <s v="202303"/>
    <x v="1"/>
    <x v="0"/>
    <x v="0"/>
    <x v="4"/>
    <x v="3"/>
    <n v="0"/>
    <n v="80.37"/>
  </r>
  <r>
    <s v="03"/>
    <s v="KY"/>
    <s v="KY"/>
    <s v="202303"/>
    <x v="1"/>
    <x v="0"/>
    <x v="0"/>
    <x v="4"/>
    <x v="4"/>
    <n v="0"/>
    <n v="3.82"/>
  </r>
  <r>
    <s v="03"/>
    <s v="KY"/>
    <s v="KY"/>
    <s v="202303"/>
    <x v="1"/>
    <x v="0"/>
    <x v="0"/>
    <x v="4"/>
    <x v="5"/>
    <n v="0"/>
    <n v="71.09"/>
  </r>
  <r>
    <s v="03"/>
    <s v="KY"/>
    <s v="KY"/>
    <s v="202303"/>
    <x v="1"/>
    <x v="0"/>
    <x v="0"/>
    <x v="4"/>
    <x v="6"/>
    <n v="0"/>
    <n v="7.39"/>
  </r>
  <r>
    <s v="03"/>
    <s v="KY"/>
    <s v="KY"/>
    <s v="202303"/>
    <x v="1"/>
    <x v="0"/>
    <x v="0"/>
    <x v="4"/>
    <x v="15"/>
    <n v="0"/>
    <n v="171.24"/>
  </r>
  <r>
    <s v="03"/>
    <s v="KY"/>
    <s v="KY"/>
    <s v="202303"/>
    <x v="1"/>
    <x v="0"/>
    <x v="0"/>
    <x v="4"/>
    <x v="17"/>
    <n v="0"/>
    <n v="727.28"/>
  </r>
  <r>
    <s v="03"/>
    <s v="KY"/>
    <s v="KY"/>
    <s v="202303"/>
    <x v="1"/>
    <x v="0"/>
    <x v="0"/>
    <x v="4"/>
    <x v="43"/>
    <n v="0"/>
    <n v="1278.45"/>
  </r>
  <r>
    <s v="03"/>
    <s v="KY"/>
    <s v="KY"/>
    <s v="202303"/>
    <x v="1"/>
    <x v="0"/>
    <x v="0"/>
    <x v="5"/>
    <x v="9"/>
    <n v="0"/>
    <n v="1"/>
  </r>
  <r>
    <s v="03"/>
    <s v="KY"/>
    <s v="KY"/>
    <s v="202303"/>
    <x v="1"/>
    <x v="0"/>
    <x v="0"/>
    <x v="5"/>
    <x v="2"/>
    <n v="0"/>
    <n v="5.3"/>
  </r>
  <r>
    <s v="03"/>
    <s v="KY"/>
    <s v="KY"/>
    <s v="202303"/>
    <x v="1"/>
    <x v="0"/>
    <x v="0"/>
    <x v="5"/>
    <x v="10"/>
    <n v="0"/>
    <n v="3.51"/>
  </r>
  <r>
    <s v="03"/>
    <s v="KY"/>
    <s v="KY"/>
    <s v="202303"/>
    <x v="1"/>
    <x v="0"/>
    <x v="0"/>
    <x v="5"/>
    <x v="3"/>
    <n v="0"/>
    <n v="1.48"/>
  </r>
  <r>
    <s v="03"/>
    <s v="KY"/>
    <s v="KY"/>
    <s v="202303"/>
    <x v="1"/>
    <x v="0"/>
    <x v="0"/>
    <x v="5"/>
    <x v="4"/>
    <n v="0"/>
    <n v="2.65"/>
  </r>
  <r>
    <s v="03"/>
    <s v="KY"/>
    <s v="KY"/>
    <s v="202303"/>
    <x v="1"/>
    <x v="0"/>
    <x v="0"/>
    <x v="5"/>
    <x v="5"/>
    <n v="0"/>
    <n v="15.39"/>
  </r>
  <r>
    <s v="03"/>
    <s v="KY"/>
    <s v="KY"/>
    <s v="202303"/>
    <x v="1"/>
    <x v="0"/>
    <x v="0"/>
    <x v="5"/>
    <x v="6"/>
    <n v="0"/>
    <n v="3.61"/>
  </r>
  <r>
    <s v="03"/>
    <s v="KY"/>
    <s v="KY"/>
    <s v="202303"/>
    <x v="1"/>
    <x v="0"/>
    <x v="0"/>
    <x v="5"/>
    <x v="7"/>
    <n v="0"/>
    <n v="0.41"/>
  </r>
  <r>
    <s v="03"/>
    <s v="KY"/>
    <s v="KY"/>
    <s v="202303"/>
    <x v="1"/>
    <x v="0"/>
    <x v="0"/>
    <x v="5"/>
    <x v="15"/>
    <n v="0"/>
    <n v="583.89"/>
  </r>
  <r>
    <s v="03"/>
    <s v="KY"/>
    <s v="KY"/>
    <s v="202303"/>
    <x v="1"/>
    <x v="0"/>
    <x v="0"/>
    <x v="5"/>
    <x v="17"/>
    <n v="0"/>
    <n v="2551.9899999999998"/>
  </r>
  <r>
    <s v="03"/>
    <s v="KY"/>
    <s v="KY"/>
    <s v="202303"/>
    <x v="1"/>
    <x v="0"/>
    <x v="0"/>
    <x v="5"/>
    <x v="18"/>
    <n v="0"/>
    <n v="10.11"/>
  </r>
  <r>
    <s v="03"/>
    <s v="KY"/>
    <s v="KY"/>
    <s v="202303"/>
    <x v="1"/>
    <x v="0"/>
    <x v="0"/>
    <x v="5"/>
    <x v="21"/>
    <n v="0"/>
    <n v="1326.09"/>
  </r>
  <r>
    <s v="03"/>
    <s v="KY"/>
    <s v="KY"/>
    <s v="202303"/>
    <x v="1"/>
    <x v="0"/>
    <x v="0"/>
    <x v="5"/>
    <x v="26"/>
    <n v="0"/>
    <n v="1719.7"/>
  </r>
  <r>
    <s v="03"/>
    <s v="KY"/>
    <s v="KY"/>
    <s v="202303"/>
    <x v="1"/>
    <x v="0"/>
    <x v="0"/>
    <x v="6"/>
    <x v="15"/>
    <n v="0"/>
    <n v="2.96"/>
  </r>
  <r>
    <s v="03"/>
    <s v="KY"/>
    <s v="KY"/>
    <s v="202303"/>
    <x v="1"/>
    <x v="0"/>
    <x v="0"/>
    <x v="6"/>
    <x v="17"/>
    <n v="0"/>
    <n v="85.13"/>
  </r>
  <r>
    <s v="03"/>
    <s v="KY"/>
    <s v="KY"/>
    <s v="202303"/>
    <x v="1"/>
    <x v="0"/>
    <x v="0"/>
    <x v="6"/>
    <x v="25"/>
    <n v="0"/>
    <n v="97.55"/>
  </r>
  <r>
    <s v="03"/>
    <s v="KY"/>
    <s v="KY"/>
    <s v="202303"/>
    <x v="1"/>
    <x v="0"/>
    <x v="0"/>
    <x v="6"/>
    <x v="21"/>
    <n v="0"/>
    <n v="188.84"/>
  </r>
  <r>
    <s v="03"/>
    <s v="KY"/>
    <s v="KY"/>
    <s v="202303"/>
    <x v="1"/>
    <x v="0"/>
    <x v="0"/>
    <x v="6"/>
    <x v="26"/>
    <n v="0"/>
    <n v="1008.24"/>
  </r>
  <r>
    <s v="03"/>
    <s v="KY"/>
    <s v="KY"/>
    <s v="202303"/>
    <x v="1"/>
    <x v="0"/>
    <x v="0"/>
    <x v="7"/>
    <x v="2"/>
    <n v="0"/>
    <n v="0.72"/>
  </r>
  <r>
    <s v="03"/>
    <s v="KY"/>
    <s v="KY"/>
    <s v="202303"/>
    <x v="1"/>
    <x v="0"/>
    <x v="0"/>
    <x v="7"/>
    <x v="3"/>
    <n v="0"/>
    <n v="23.81"/>
  </r>
  <r>
    <s v="03"/>
    <s v="KY"/>
    <s v="KY"/>
    <s v="202303"/>
    <x v="1"/>
    <x v="0"/>
    <x v="0"/>
    <x v="7"/>
    <x v="4"/>
    <n v="0"/>
    <n v="1.22"/>
  </r>
  <r>
    <s v="03"/>
    <s v="KY"/>
    <s v="KY"/>
    <s v="202303"/>
    <x v="1"/>
    <x v="0"/>
    <x v="0"/>
    <x v="7"/>
    <x v="5"/>
    <n v="0"/>
    <n v="11.9"/>
  </r>
  <r>
    <s v="03"/>
    <s v="KY"/>
    <s v="KY"/>
    <s v="202303"/>
    <x v="1"/>
    <x v="0"/>
    <x v="0"/>
    <x v="7"/>
    <x v="6"/>
    <n v="0"/>
    <n v="5.84"/>
  </r>
  <r>
    <s v="03"/>
    <s v="KY"/>
    <s v="KY"/>
    <s v="202303"/>
    <x v="1"/>
    <x v="0"/>
    <x v="0"/>
    <x v="7"/>
    <x v="15"/>
    <n v="0"/>
    <n v="121.52"/>
  </r>
  <r>
    <s v="03"/>
    <s v="KY"/>
    <s v="KY"/>
    <s v="202303"/>
    <x v="1"/>
    <x v="0"/>
    <x v="0"/>
    <x v="7"/>
    <x v="17"/>
    <n v="0"/>
    <n v="365.92"/>
  </r>
  <r>
    <s v="03"/>
    <s v="KY"/>
    <s v="KY"/>
    <s v="202303"/>
    <x v="1"/>
    <x v="0"/>
    <x v="0"/>
    <x v="7"/>
    <x v="25"/>
    <n v="0"/>
    <n v="531.83000000000004"/>
  </r>
  <r>
    <s v="03"/>
    <s v="KY"/>
    <s v="KY"/>
    <s v="202303"/>
    <x v="1"/>
    <x v="0"/>
    <x v="0"/>
    <x v="7"/>
    <x v="28"/>
    <n v="0"/>
    <n v="129.72999999999999"/>
  </r>
  <r>
    <s v="03"/>
    <s v="KY"/>
    <s v="KY"/>
    <s v="202303"/>
    <x v="1"/>
    <x v="0"/>
    <x v="0"/>
    <x v="7"/>
    <x v="21"/>
    <n v="0"/>
    <n v="339.22"/>
  </r>
  <r>
    <s v="03"/>
    <s v="KY"/>
    <s v="KY"/>
    <s v="202303"/>
    <x v="1"/>
    <x v="0"/>
    <x v="0"/>
    <x v="7"/>
    <x v="26"/>
    <n v="0"/>
    <n v="10315.629999999999"/>
  </r>
  <r>
    <s v="03"/>
    <s v="KY"/>
    <s v="KY"/>
    <s v="202303"/>
    <x v="1"/>
    <x v="0"/>
    <x v="0"/>
    <x v="7"/>
    <x v="22"/>
    <n v="0"/>
    <n v="1156.6300000000001"/>
  </r>
  <r>
    <s v="03"/>
    <s v="KY"/>
    <s v="KY"/>
    <s v="202303"/>
    <x v="1"/>
    <x v="0"/>
    <x v="0"/>
    <x v="7"/>
    <x v="40"/>
    <n v="0"/>
    <n v="12158.66"/>
  </r>
  <r>
    <s v="03"/>
    <s v="KY"/>
    <s v="KY"/>
    <s v="202303"/>
    <x v="1"/>
    <x v="0"/>
    <x v="0"/>
    <x v="7"/>
    <x v="27"/>
    <n v="0"/>
    <n v="2810"/>
  </r>
  <r>
    <s v="03"/>
    <s v="KY"/>
    <s v="KY"/>
    <s v="202303"/>
    <x v="2"/>
    <x v="0"/>
    <x v="0"/>
    <x v="2"/>
    <x v="15"/>
    <n v="0"/>
    <n v="-38.58"/>
  </r>
  <r>
    <s v="03"/>
    <s v="KY"/>
    <s v="KY"/>
    <s v="202303"/>
    <x v="2"/>
    <x v="0"/>
    <x v="0"/>
    <x v="3"/>
    <x v="17"/>
    <n v="0"/>
    <n v="-3.62"/>
  </r>
  <r>
    <m/>
    <m/>
    <m/>
    <m/>
    <x v="3"/>
    <x v="1"/>
    <x v="1"/>
    <x v="9"/>
    <x v="52"/>
    <m/>
    <m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_rels/pivotTable2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2.xml"/></Relationships>
</file>

<file path=xl/pivotTables/_rels/pivotTable3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3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E88EC862-DBF2-49CF-A1D6-D08613319D76}" name="PivotTable1" cacheId="0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outline="1" outlineData="1" multipleFieldFilters="0">
  <location ref="A3:B9" firstHeaderRow="1" firstDataRow="1" firstDataCol="1" rowPageCount="1" colPageCount="1"/>
  <pivotFields count="25">
    <pivotField showAll="0"/>
    <pivotField showAll="0">
      <items count="262">
        <item x="0"/>
        <item x="21"/>
        <item x="25"/>
        <item x="112"/>
        <item x="134"/>
        <item x="215"/>
        <item x="216"/>
        <item x="202"/>
        <item x="203"/>
        <item x="205"/>
        <item x="212"/>
        <item x="197"/>
        <item x="199"/>
        <item x="207"/>
        <item x="210"/>
        <item x="209"/>
        <item x="208"/>
        <item x="198"/>
        <item x="196"/>
        <item x="201"/>
        <item x="200"/>
        <item x="204"/>
        <item x="213"/>
        <item x="214"/>
        <item x="211"/>
        <item x="206"/>
        <item x="229"/>
        <item x="227"/>
        <item x="231"/>
        <item x="230"/>
        <item x="232"/>
        <item x="228"/>
        <item x="234"/>
        <item x="235"/>
        <item x="236"/>
        <item x="224"/>
        <item x="220"/>
        <item x="222"/>
        <item x="221"/>
        <item x="217"/>
        <item x="233"/>
        <item x="223"/>
        <item x="226"/>
        <item x="225"/>
        <item x="219"/>
        <item x="218"/>
        <item x="244"/>
        <item x="257"/>
        <item x="239"/>
        <item x="238"/>
        <item x="258"/>
        <item x="246"/>
        <item x="247"/>
        <item x="252"/>
        <item x="245"/>
        <item x="237"/>
        <item x="256"/>
        <item x="248"/>
        <item x="242"/>
        <item x="249"/>
        <item x="253"/>
        <item x="250"/>
        <item x="241"/>
        <item x="243"/>
        <item x="240"/>
        <item x="251"/>
        <item x="254"/>
        <item x="255"/>
        <item x="259"/>
        <item x="9"/>
        <item x="12"/>
        <item x="15"/>
        <item x="13"/>
        <item x="20"/>
        <item x="14"/>
        <item x="4"/>
        <item x="6"/>
        <item x="5"/>
        <item x="18"/>
        <item x="3"/>
        <item x="2"/>
        <item x="1"/>
        <item x="8"/>
        <item x="19"/>
        <item x="16"/>
        <item x="17"/>
        <item x="7"/>
        <item x="11"/>
        <item x="10"/>
        <item x="44"/>
        <item x="26"/>
        <item x="33"/>
        <item x="27"/>
        <item x="32"/>
        <item x="41"/>
        <item x="28"/>
        <item x="31"/>
        <item x="29"/>
        <item x="40"/>
        <item x="30"/>
        <item x="34"/>
        <item x="35"/>
        <item x="43"/>
        <item x="37"/>
        <item x="39"/>
        <item x="36"/>
        <item x="46"/>
        <item x="38"/>
        <item x="45"/>
        <item x="42"/>
        <item x="62"/>
        <item x="56"/>
        <item x="63"/>
        <item x="48"/>
        <item x="51"/>
        <item x="49"/>
        <item x="53"/>
        <item x="54"/>
        <item x="55"/>
        <item x="52"/>
        <item x="50"/>
        <item x="58"/>
        <item x="57"/>
        <item x="60"/>
        <item x="61"/>
        <item x="66"/>
        <item x="67"/>
        <item x="68"/>
        <item x="47"/>
        <item x="65"/>
        <item x="59"/>
        <item x="64"/>
        <item x="77"/>
        <item x="84"/>
        <item x="83"/>
        <item x="78"/>
        <item x="86"/>
        <item x="73"/>
        <item x="69"/>
        <item x="72"/>
        <item x="70"/>
        <item x="88"/>
        <item x="75"/>
        <item x="76"/>
        <item x="79"/>
        <item x="81"/>
        <item x="80"/>
        <item x="85"/>
        <item x="74"/>
        <item x="71"/>
        <item x="87"/>
        <item x="82"/>
        <item x="108"/>
        <item x="103"/>
        <item x="106"/>
        <item x="107"/>
        <item x="99"/>
        <item x="104"/>
        <item x="97"/>
        <item x="93"/>
        <item x="100"/>
        <item x="101"/>
        <item x="102"/>
        <item x="94"/>
        <item x="95"/>
        <item x="110"/>
        <item x="105"/>
        <item x="89"/>
        <item x="90"/>
        <item x="91"/>
        <item x="96"/>
        <item x="98"/>
        <item x="111"/>
        <item x="92"/>
        <item x="109"/>
        <item x="128"/>
        <item x="133"/>
        <item x="118"/>
        <item x="130"/>
        <item x="113"/>
        <item x="114"/>
        <item x="115"/>
        <item x="122"/>
        <item x="121"/>
        <item x="119"/>
        <item x="120"/>
        <item x="123"/>
        <item x="131"/>
        <item x="124"/>
        <item x="129"/>
        <item x="116"/>
        <item x="127"/>
        <item x="117"/>
        <item x="132"/>
        <item x="125"/>
        <item x="126"/>
        <item x="144"/>
        <item x="151"/>
        <item x="136"/>
        <item x="145"/>
        <item x="137"/>
        <item x="142"/>
        <item x="143"/>
        <item x="147"/>
        <item x="154"/>
        <item x="150"/>
        <item x="149"/>
        <item x="152"/>
        <item x="135"/>
        <item x="138"/>
        <item x="148"/>
        <item x="153"/>
        <item x="155"/>
        <item x="146"/>
        <item x="141"/>
        <item x="139"/>
        <item x="140"/>
        <item x="160"/>
        <item x="164"/>
        <item x="173"/>
        <item x="172"/>
        <item x="171"/>
        <item x="161"/>
        <item x="167"/>
        <item x="169"/>
        <item x="170"/>
        <item x="163"/>
        <item x="175"/>
        <item x="162"/>
        <item x="174"/>
        <item x="168"/>
        <item x="158"/>
        <item x="156"/>
        <item x="157"/>
        <item x="159"/>
        <item x="166"/>
        <item x="165"/>
        <item x="192"/>
        <item x="179"/>
        <item x="183"/>
        <item x="193"/>
        <item x="178"/>
        <item x="186"/>
        <item x="189"/>
        <item x="190"/>
        <item x="195"/>
        <item x="177"/>
        <item x="176"/>
        <item x="194"/>
        <item x="182"/>
        <item x="188"/>
        <item x="181"/>
        <item x="180"/>
        <item x="184"/>
        <item x="191"/>
        <item x="185"/>
        <item x="187"/>
        <item x="23"/>
        <item x="24"/>
        <item x="22"/>
        <item x="260"/>
        <item t="default"/>
      </items>
    </pivotField>
    <pivotField showAll="0"/>
    <pivotField showAll="0"/>
    <pivotField showAll="0"/>
    <pivotField axis="axisPage" showAll="0">
      <items count="3">
        <item x="0"/>
        <item x="1"/>
        <item t="default"/>
      </items>
    </pivotField>
    <pivotField showAll="0"/>
    <pivotField showAll="0"/>
    <pivotField showAll="0"/>
    <pivotField showAll="0"/>
    <pivotField showAll="0"/>
    <pivotField dataField="1" showAll="0"/>
    <pivotField axis="axisRow" showAll="0">
      <items count="7">
        <item x="0"/>
        <item x="3"/>
        <item x="4"/>
        <item x="1"/>
        <item x="2"/>
        <item x="5"/>
        <item t="default"/>
      </items>
    </pivotField>
    <pivotField showAll="0"/>
    <pivotField showAll="0"/>
    <pivotField showAll="0"/>
    <pivotField showAll="0">
      <items count="4">
        <item x="1"/>
        <item x="0"/>
        <item x="2"/>
        <item t="default"/>
      </items>
    </pivotField>
    <pivotField showAll="0"/>
    <pivotField showAll="0"/>
    <pivotField showAll="0"/>
    <pivotField showAll="0"/>
    <pivotField showAll="0"/>
    <pivotField showAll="0"/>
    <pivotField showAll="0"/>
    <pivotField showAll="0">
      <items count="45">
        <item x="4"/>
        <item x="3"/>
        <item x="0"/>
        <item x="2"/>
        <item x="8"/>
        <item x="12"/>
        <item x="18"/>
        <item x="13"/>
        <item x="7"/>
        <item x="6"/>
        <item x="42"/>
        <item x="5"/>
        <item x="11"/>
        <item x="10"/>
        <item x="9"/>
        <item x="17"/>
        <item x="16"/>
        <item x="15"/>
        <item x="14"/>
        <item x="26"/>
        <item x="39"/>
        <item x="21"/>
        <item x="20"/>
        <item x="40"/>
        <item x="28"/>
        <item x="29"/>
        <item x="34"/>
        <item x="27"/>
        <item x="19"/>
        <item x="38"/>
        <item x="30"/>
        <item x="24"/>
        <item x="31"/>
        <item x="35"/>
        <item x="32"/>
        <item x="23"/>
        <item x="25"/>
        <item x="22"/>
        <item x="33"/>
        <item x="36"/>
        <item x="37"/>
        <item x="41"/>
        <item x="1"/>
        <item x="43"/>
        <item t="default"/>
      </items>
    </pivotField>
  </pivotFields>
  <rowFields count="1">
    <field x="12"/>
  </rowFields>
  <rowItems count="6">
    <i>
      <x/>
    </i>
    <i>
      <x v="1"/>
    </i>
    <i>
      <x v="2"/>
    </i>
    <i>
      <x v="3"/>
    </i>
    <i>
      <x v="4"/>
    </i>
    <i t="grand">
      <x/>
    </i>
  </rowItems>
  <colItems count="1">
    <i/>
  </colItems>
  <pageFields count="1">
    <pageField fld="5" item="0" hier="-1"/>
  </pageFields>
  <dataFields count="1">
    <dataField name="Sum of Amount" fld="11" baseField="0" baseItem="0"/>
  </dataFields>
  <formats count="1">
    <format dxfId="0">
      <pivotArea collapsedLevelsAreSubtotals="1" fieldPosition="0">
        <references count="1">
          <reference field="12" count="5">
            <x v="0"/>
            <x v="1"/>
            <x v="2"/>
            <x v="3"/>
            <x v="4"/>
          </reference>
        </references>
      </pivotArea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2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C73A1E72-271E-4BBE-B788-6B96D519FC9A}" name="PivotTable2" cacheId="1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outline="1" outlineData="1" multipleFieldFilters="0">
  <location ref="A3:B5" firstHeaderRow="1" firstDataRow="1" firstDataCol="1" rowPageCount="1" colPageCount="1"/>
  <pivotFields count="25">
    <pivotField showAll="0"/>
    <pivotField showAll="0"/>
    <pivotField showAll="0"/>
    <pivotField showAll="0"/>
    <pivotField showAll="0"/>
    <pivotField axis="axisPage" showAll="0">
      <items count="3">
        <item x="0"/>
        <item x="1"/>
        <item t="default"/>
      </items>
    </pivotField>
    <pivotField showAll="0"/>
    <pivotField showAll="0"/>
    <pivotField showAll="0"/>
    <pivotField showAll="0"/>
    <pivotField showAll="0"/>
    <pivotField dataField="1" showAll="0"/>
    <pivotField axis="axisRow" showAll="0">
      <items count="3">
        <item x="0"/>
        <item x="1"/>
        <item t="default"/>
      </items>
    </pivotField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>
      <items count="31">
        <item x="5"/>
        <item x="4"/>
        <item x="2"/>
        <item x="1"/>
        <item x="3"/>
        <item x="26"/>
        <item x="8"/>
        <item x="7"/>
        <item x="27"/>
        <item x="14"/>
        <item x="15"/>
        <item x="21"/>
        <item x="13"/>
        <item x="6"/>
        <item x="25"/>
        <item x="17"/>
        <item x="11"/>
        <item x="18"/>
        <item x="22"/>
        <item x="19"/>
        <item x="10"/>
        <item x="12"/>
        <item x="9"/>
        <item x="20"/>
        <item x="23"/>
        <item x="24"/>
        <item x="28"/>
        <item x="16"/>
        <item x="0"/>
        <item x="29"/>
        <item t="default"/>
      </items>
    </pivotField>
  </pivotFields>
  <rowFields count="1">
    <field x="12"/>
  </rowFields>
  <rowItems count="2">
    <i>
      <x/>
    </i>
    <i t="grand">
      <x/>
    </i>
  </rowItems>
  <colItems count="1">
    <i/>
  </colItems>
  <pageFields count="1">
    <pageField fld="5" item="0" hier="-1"/>
  </pageFields>
  <dataFields count="1">
    <dataField name="Sum of Amount" fld="11" baseField="0" baseItem="0"/>
  </dataField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pivotTables/pivotTable3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81076849-2C8A-4741-88ED-E0DEC841D2DD}" name="PivotTable1" cacheId="2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outline="1" outlineData="1" multipleFieldFilters="0">
  <location ref="A3:F58" firstHeaderRow="1" firstDataRow="2" firstDataCol="1"/>
  <pivotFields count="11">
    <pivotField showAll="0"/>
    <pivotField showAll="0"/>
    <pivotField showAll="0"/>
    <pivotField showAll="0"/>
    <pivotField axis="axisCol" showAll="0">
      <items count="5">
        <item x="0"/>
        <item x="1"/>
        <item x="2"/>
        <item x="3"/>
        <item t="default"/>
      </items>
    </pivotField>
    <pivotField showAll="0">
      <items count="3">
        <item x="0"/>
        <item x="1"/>
        <item t="default"/>
      </items>
    </pivotField>
    <pivotField showAll="0">
      <items count="3">
        <item x="0"/>
        <item x="1"/>
        <item t="default"/>
      </items>
    </pivotField>
    <pivotField showAll="0">
      <items count="11">
        <item x="8"/>
        <item x="0"/>
        <item x="1"/>
        <item x="2"/>
        <item x="3"/>
        <item x="4"/>
        <item x="5"/>
        <item x="6"/>
        <item x="7"/>
        <item x="9"/>
        <item t="default"/>
      </items>
    </pivotField>
    <pivotField axis="axisRow" showAll="0">
      <items count="54">
        <item x="29"/>
        <item x="30"/>
        <item x="44"/>
        <item x="0"/>
        <item x="31"/>
        <item x="1"/>
        <item x="41"/>
        <item x="47"/>
        <item x="9"/>
        <item x="2"/>
        <item x="10"/>
        <item x="3"/>
        <item x="32"/>
        <item x="51"/>
        <item x="4"/>
        <item x="5"/>
        <item x="33"/>
        <item x="8"/>
        <item x="6"/>
        <item x="11"/>
        <item x="12"/>
        <item x="13"/>
        <item x="7"/>
        <item x="48"/>
        <item x="45"/>
        <item x="14"/>
        <item x="15"/>
        <item x="34"/>
        <item x="16"/>
        <item x="42"/>
        <item x="17"/>
        <item x="18"/>
        <item x="25"/>
        <item x="35"/>
        <item x="24"/>
        <item x="19"/>
        <item x="20"/>
        <item x="28"/>
        <item x="21"/>
        <item x="26"/>
        <item x="22"/>
        <item x="38"/>
        <item x="43"/>
        <item x="39"/>
        <item x="40"/>
        <item x="46"/>
        <item x="36"/>
        <item x="27"/>
        <item x="23"/>
        <item x="37"/>
        <item x="49"/>
        <item x="50"/>
        <item x="52"/>
        <item t="default"/>
      </items>
    </pivotField>
    <pivotField showAll="0"/>
    <pivotField dataField="1" showAll="0"/>
  </pivotFields>
  <rowFields count="1">
    <field x="8"/>
  </rowFields>
  <rowItems count="54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>
      <x v="10"/>
    </i>
    <i>
      <x v="11"/>
    </i>
    <i>
      <x v="12"/>
    </i>
    <i>
      <x v="13"/>
    </i>
    <i>
      <x v="14"/>
    </i>
    <i>
      <x v="15"/>
    </i>
    <i>
      <x v="16"/>
    </i>
    <i>
      <x v="17"/>
    </i>
    <i>
      <x v="18"/>
    </i>
    <i>
      <x v="19"/>
    </i>
    <i>
      <x v="20"/>
    </i>
    <i>
      <x v="21"/>
    </i>
    <i>
      <x v="22"/>
    </i>
    <i>
      <x v="23"/>
    </i>
    <i>
      <x v="24"/>
    </i>
    <i>
      <x v="25"/>
    </i>
    <i>
      <x v="26"/>
    </i>
    <i>
      <x v="27"/>
    </i>
    <i>
      <x v="28"/>
    </i>
    <i>
      <x v="29"/>
    </i>
    <i>
      <x v="30"/>
    </i>
    <i>
      <x v="31"/>
    </i>
    <i>
      <x v="32"/>
    </i>
    <i>
      <x v="33"/>
    </i>
    <i>
      <x v="34"/>
    </i>
    <i>
      <x v="35"/>
    </i>
    <i>
      <x v="36"/>
    </i>
    <i>
      <x v="37"/>
    </i>
    <i>
      <x v="38"/>
    </i>
    <i>
      <x v="39"/>
    </i>
    <i>
      <x v="40"/>
    </i>
    <i>
      <x v="41"/>
    </i>
    <i>
      <x v="42"/>
    </i>
    <i>
      <x v="43"/>
    </i>
    <i>
      <x v="44"/>
    </i>
    <i>
      <x v="45"/>
    </i>
    <i>
      <x v="46"/>
    </i>
    <i>
      <x v="47"/>
    </i>
    <i>
      <x v="48"/>
    </i>
    <i>
      <x v="49"/>
    </i>
    <i>
      <x v="50"/>
    </i>
    <i>
      <x v="51"/>
    </i>
    <i>
      <x v="52"/>
    </i>
    <i t="grand">
      <x/>
    </i>
  </rowItems>
  <colFields count="1">
    <field x="4"/>
  </colFields>
  <colItems count="5">
    <i>
      <x/>
    </i>
    <i>
      <x v="1"/>
    </i>
    <i>
      <x v="2"/>
    </i>
    <i>
      <x v="3"/>
    </i>
    <i t="grand">
      <x/>
    </i>
  </colItems>
  <dataFields count="1">
    <dataField name="Sum of Dollar Amt" fld="10" baseField="0" baseItem="0"/>
  </dataField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ivotTable" Target="../pivotTables/pivotTable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2.xml"/><Relationship Id="rId2" Type="http://schemas.openxmlformats.org/officeDocument/2006/relationships/printerSettings" Target="../printerSettings/printerSettings1.bin"/><Relationship Id="rId1" Type="http://schemas.openxmlformats.org/officeDocument/2006/relationships/pivotTable" Target="../pivotTables/pivotTable2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ivotTable" Target="../pivotTables/pivotTable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0F1732-2CF0-4303-B3D7-0ABD27239A78}">
  <dimension ref="A1:F9"/>
  <sheetViews>
    <sheetView zoomScale="150" zoomScaleNormal="150" workbookViewId="0">
      <selection activeCell="D26" sqref="D26"/>
    </sheetView>
  </sheetViews>
  <sheetFormatPr defaultRowHeight="14.5"/>
  <cols>
    <col min="1" max="1" width="27.08984375" bestFit="1" customWidth="1"/>
    <col min="2" max="2" width="14.1796875" bestFit="1" customWidth="1"/>
    <col min="3" max="3" width="10.453125" bestFit="1" customWidth="1"/>
    <col min="4" max="4" width="17.54296875" bestFit="1" customWidth="1"/>
  </cols>
  <sheetData>
    <row r="1" spans="1:6">
      <c r="A1" s="33" t="s">
        <v>5</v>
      </c>
      <c r="B1" t="s">
        <v>316</v>
      </c>
    </row>
    <row r="2" spans="1:6">
      <c r="D2" t="s">
        <v>405</v>
      </c>
    </row>
    <row r="3" spans="1:6">
      <c r="A3" s="33" t="s">
        <v>361</v>
      </c>
      <c r="B3" t="s">
        <v>363</v>
      </c>
      <c r="D3" s="50"/>
    </row>
    <row r="4" spans="1:6">
      <c r="A4" s="34" t="s">
        <v>328</v>
      </c>
      <c r="B4" s="36">
        <v>-600</v>
      </c>
      <c r="D4" s="50">
        <f>600</f>
        <v>600</v>
      </c>
    </row>
    <row r="5" spans="1:6">
      <c r="A5" s="34" t="s">
        <v>352</v>
      </c>
      <c r="B5" s="36">
        <v>0</v>
      </c>
      <c r="D5" s="50">
        <v>0</v>
      </c>
    </row>
    <row r="6" spans="1:6">
      <c r="A6" s="34" t="s">
        <v>358</v>
      </c>
      <c r="B6" s="36">
        <v>-888.2399999999999</v>
      </c>
      <c r="D6" s="50">
        <v>888</v>
      </c>
    </row>
    <row r="7" spans="1:6">
      <c r="A7" s="34" t="s">
        <v>317</v>
      </c>
      <c r="B7" s="36">
        <v>-257619.71000000014</v>
      </c>
      <c r="D7" s="50">
        <v>257620</v>
      </c>
      <c r="F7" s="36"/>
    </row>
    <row r="8" spans="1:6">
      <c r="A8" s="34" t="s">
        <v>321</v>
      </c>
      <c r="B8" s="36">
        <v>100529.43999999999</v>
      </c>
      <c r="D8" s="51">
        <v>-100529</v>
      </c>
    </row>
    <row r="9" spans="1:6">
      <c r="A9" s="34" t="s">
        <v>362</v>
      </c>
      <c r="B9" s="35">
        <v>-158578.51000000013</v>
      </c>
      <c r="D9" s="50">
        <f>SUM(D4:D8)</f>
        <v>158579</v>
      </c>
    </row>
  </sheetData>
  <pageMargins left="0.7" right="0.7" top="0.75" bottom="0.75" header="0.3" footer="0.3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CB55F4E-9516-49E9-A4DF-9285A9AF6B50}">
  <dimension ref="A1:S12"/>
  <sheetViews>
    <sheetView workbookViewId="0">
      <selection activeCell="N40" sqref="N40"/>
    </sheetView>
  </sheetViews>
  <sheetFormatPr defaultRowHeight="14.5"/>
  <cols>
    <col min="1" max="1" width="24.08984375" bestFit="1" customWidth="1"/>
    <col min="2" max="2" width="14.1796875" bestFit="1" customWidth="1"/>
    <col min="4" max="4" width="31.36328125" bestFit="1" customWidth="1"/>
    <col min="14" max="14" width="18.90625" bestFit="1" customWidth="1"/>
    <col min="15" max="15" width="19.36328125" bestFit="1" customWidth="1"/>
    <col min="16" max="16" width="14.81640625" bestFit="1" customWidth="1"/>
    <col min="17" max="17" width="12" bestFit="1" customWidth="1"/>
    <col min="18" max="18" width="9.6328125" bestFit="1" customWidth="1"/>
    <col min="19" max="19" width="15.81640625" bestFit="1" customWidth="1"/>
  </cols>
  <sheetData>
    <row r="1" spans="1:19">
      <c r="A1" t="s">
        <v>5</v>
      </c>
      <c r="B1" t="s">
        <v>400</v>
      </c>
    </row>
    <row r="3" spans="1:19">
      <c r="A3" t="s">
        <v>361</v>
      </c>
      <c r="B3" t="s">
        <v>363</v>
      </c>
      <c r="D3" t="s">
        <v>405</v>
      </c>
      <c r="N3" t="s">
        <v>435</v>
      </c>
      <c r="O3" t="s">
        <v>436</v>
      </c>
    </row>
    <row r="4" spans="1:19">
      <c r="A4" s="34" t="s">
        <v>401</v>
      </c>
      <c r="B4">
        <v>-1803105.370000001</v>
      </c>
      <c r="D4" s="65">
        <f>1803105.37</f>
        <v>1803105.37</v>
      </c>
      <c r="N4" s="63" t="s">
        <v>361</v>
      </c>
      <c r="O4" s="63" t="s">
        <v>378</v>
      </c>
      <c r="P4" s="63" t="s">
        <v>380</v>
      </c>
      <c r="Q4" s="63" t="s">
        <v>382</v>
      </c>
      <c r="R4" s="63" t="s">
        <v>437</v>
      </c>
      <c r="S4" s="63" t="s">
        <v>362</v>
      </c>
    </row>
    <row r="5" spans="1:19">
      <c r="A5" s="34" t="s">
        <v>362</v>
      </c>
      <c r="B5">
        <v>-1803105.370000001</v>
      </c>
      <c r="N5" t="s">
        <v>362</v>
      </c>
      <c r="O5" s="50">
        <v>-974385.37000000011</v>
      </c>
      <c r="P5" s="50">
        <v>2822062.9899999998</v>
      </c>
      <c r="Q5" s="50">
        <v>-44572.25</v>
      </c>
      <c r="R5" s="50"/>
      <c r="S5" s="65">
        <v>1803105.3700000006</v>
      </c>
    </row>
    <row r="6" spans="1:19">
      <c r="O6" s="50"/>
      <c r="P6" s="50"/>
      <c r="Q6" s="50"/>
      <c r="R6" s="50"/>
      <c r="S6" s="50"/>
    </row>
    <row r="7" spans="1:19">
      <c r="N7" t="s">
        <v>434</v>
      </c>
      <c r="O7" s="50">
        <v>-37695.449999999997</v>
      </c>
      <c r="P7" s="50">
        <v>9807.260000000002</v>
      </c>
      <c r="Q7" s="50">
        <v>-26.550000000000004</v>
      </c>
      <c r="R7" s="50">
        <v>0</v>
      </c>
      <c r="S7" s="50">
        <v>-27914.74</v>
      </c>
    </row>
    <row r="8" spans="1:19">
      <c r="N8" t="s">
        <v>451</v>
      </c>
      <c r="P8" s="50"/>
    </row>
    <row r="10" spans="1:19">
      <c r="Q10" s="36"/>
    </row>
    <row r="12" spans="1:19">
      <c r="Q12" s="36"/>
    </row>
  </sheetData>
  <pageMargins left="0.7" right="0.7" top="0.75" bottom="0.75" header="0.3" footer="0.3"/>
  <pageSetup orientation="portrait" r:id="rId2"/>
  <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4B8CD87-5F00-42AD-AF21-AF74021D865A}">
  <dimension ref="A1:I30"/>
  <sheetViews>
    <sheetView tabSelected="1"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K20" sqref="K20"/>
    </sheetView>
  </sheetViews>
  <sheetFormatPr defaultRowHeight="12.75" customHeight="1"/>
  <cols>
    <col min="1" max="1" width="13.7265625" style="38" bestFit="1" customWidth="1"/>
    <col min="2" max="2" width="40.36328125" style="38" bestFit="1" customWidth="1"/>
    <col min="3" max="3" width="41.6328125" style="38" bestFit="1" customWidth="1"/>
    <col min="4" max="4" width="39.08984375" style="38" bestFit="1" customWidth="1"/>
    <col min="5" max="5" width="44.08984375" style="38" bestFit="1" customWidth="1"/>
    <col min="6" max="6" width="41.6328125" style="38" bestFit="1" customWidth="1"/>
    <col min="7" max="7" width="40.36328125" style="38" bestFit="1" customWidth="1"/>
    <col min="8" max="8" width="41.6328125" style="38" bestFit="1" customWidth="1"/>
    <col min="9" max="9" width="13.7265625" style="38" bestFit="1" customWidth="1"/>
    <col min="10" max="16384" width="8.7265625" style="38"/>
  </cols>
  <sheetData>
    <row r="1" spans="1:9" ht="18.75" customHeight="1" thickBot="1">
      <c r="A1" s="39" t="s">
        <v>433</v>
      </c>
      <c r="B1" s="42" t="s">
        <v>387</v>
      </c>
      <c r="C1" s="42" t="s">
        <v>393</v>
      </c>
      <c r="D1" s="42" t="s">
        <v>391</v>
      </c>
      <c r="E1" s="42" t="s">
        <v>389</v>
      </c>
      <c r="F1" s="42" t="s">
        <v>395</v>
      </c>
      <c r="G1" s="42" t="s">
        <v>397</v>
      </c>
      <c r="H1" s="42" t="s">
        <v>399</v>
      </c>
      <c r="I1" s="54" t="s">
        <v>384</v>
      </c>
    </row>
    <row r="2" spans="1:9" s="64" customFormat="1" ht="18.75" customHeight="1" thickBot="1">
      <c r="A2" s="74" t="s">
        <v>406</v>
      </c>
      <c r="B2" s="75">
        <v>9300</v>
      </c>
      <c r="C2" s="76"/>
      <c r="D2" s="77">
        <v>-232.92</v>
      </c>
      <c r="E2" s="77">
        <v>87.9</v>
      </c>
      <c r="F2" s="76"/>
      <c r="G2" s="76"/>
      <c r="H2" s="76"/>
      <c r="I2" s="78">
        <v>9154.98</v>
      </c>
    </row>
    <row r="3" spans="1:9" s="64" customFormat="1" ht="18.75" customHeight="1" thickBot="1">
      <c r="A3" s="74" t="s">
        <v>407</v>
      </c>
      <c r="B3" s="76"/>
      <c r="C3" s="77">
        <v>74.099999999999994</v>
      </c>
      <c r="D3" s="76"/>
      <c r="E3" s="77">
        <v>87.9</v>
      </c>
      <c r="F3" s="75">
        <v>47</v>
      </c>
      <c r="G3" s="76"/>
      <c r="H3" s="76"/>
      <c r="I3" s="79">
        <v>209</v>
      </c>
    </row>
    <row r="4" spans="1:9" s="64" customFormat="1" ht="18.75" customHeight="1" thickBot="1">
      <c r="A4" s="74" t="s">
        <v>408</v>
      </c>
      <c r="B4" s="76"/>
      <c r="C4" s="76"/>
      <c r="D4" s="76"/>
      <c r="E4" s="75">
        <v>0</v>
      </c>
      <c r="F4" s="76"/>
      <c r="G4" s="76"/>
      <c r="H4" s="76"/>
      <c r="I4" s="79">
        <v>0</v>
      </c>
    </row>
    <row r="5" spans="1:9" s="64" customFormat="1" ht="18.75" customHeight="1" thickBot="1">
      <c r="A5" s="74" t="s">
        <v>409</v>
      </c>
      <c r="B5" s="76"/>
      <c r="C5" s="76"/>
      <c r="D5" s="76"/>
      <c r="E5" s="77">
        <v>14.65</v>
      </c>
      <c r="F5" s="76"/>
      <c r="G5" s="76"/>
      <c r="H5" s="76"/>
      <c r="I5" s="78">
        <v>14.65</v>
      </c>
    </row>
    <row r="6" spans="1:9" s="64" customFormat="1" ht="18.75" customHeight="1" thickBot="1">
      <c r="A6" s="74" t="s">
        <v>410</v>
      </c>
      <c r="B6" s="76"/>
      <c r="C6" s="77">
        <v>22207.1</v>
      </c>
      <c r="D6" s="77">
        <v>35055.94</v>
      </c>
      <c r="E6" s="77">
        <v>26267.45</v>
      </c>
      <c r="F6" s="77">
        <v>31485.3</v>
      </c>
      <c r="G6" s="75">
        <v>624</v>
      </c>
      <c r="H6" s="77">
        <v>4.7</v>
      </c>
      <c r="I6" s="78">
        <v>115644.49</v>
      </c>
    </row>
    <row r="7" spans="1:9" s="64" customFormat="1" ht="18.75" customHeight="1" thickBot="1">
      <c r="A7" s="74" t="s">
        <v>411</v>
      </c>
      <c r="B7" s="76"/>
      <c r="C7" s="77">
        <v>4.7</v>
      </c>
      <c r="D7" s="76"/>
      <c r="E7" s="77">
        <v>73.25</v>
      </c>
      <c r="F7" s="77">
        <v>14.1</v>
      </c>
      <c r="G7" s="76"/>
      <c r="H7" s="76"/>
      <c r="I7" s="78">
        <v>92.05</v>
      </c>
    </row>
    <row r="8" spans="1:9" s="64" customFormat="1" ht="18.75" customHeight="1" thickBot="1">
      <c r="A8" s="74" t="s">
        <v>412</v>
      </c>
      <c r="B8" s="76"/>
      <c r="C8" s="77">
        <v>20481.7</v>
      </c>
      <c r="D8" s="77">
        <v>33683.31</v>
      </c>
      <c r="E8" s="77">
        <v>24172.5</v>
      </c>
      <c r="F8" s="75">
        <v>29234</v>
      </c>
      <c r="G8" s="75">
        <v>624</v>
      </c>
      <c r="H8" s="76"/>
      <c r="I8" s="78">
        <v>108195.51</v>
      </c>
    </row>
    <row r="9" spans="1:9" s="64" customFormat="1" ht="18.75" customHeight="1" thickBot="1">
      <c r="A9" s="74" t="s">
        <v>413</v>
      </c>
      <c r="B9" s="76"/>
      <c r="C9" s="76"/>
      <c r="D9" s="77">
        <v>300.99</v>
      </c>
      <c r="E9" s="76"/>
      <c r="F9" s="77">
        <v>14.1</v>
      </c>
      <c r="G9" s="76"/>
      <c r="H9" s="76"/>
      <c r="I9" s="78">
        <v>315.08999999999997</v>
      </c>
    </row>
    <row r="10" spans="1:9" ht="18.75" customHeight="1" thickBot="1">
      <c r="A10" s="42" t="s">
        <v>414</v>
      </c>
      <c r="B10" s="49"/>
      <c r="C10" s="49"/>
      <c r="D10" s="49"/>
      <c r="E10" s="49"/>
      <c r="F10" s="40">
        <v>4.7</v>
      </c>
      <c r="G10" s="49"/>
      <c r="H10" s="49"/>
      <c r="I10" s="45">
        <v>4.7</v>
      </c>
    </row>
    <row r="11" spans="1:9" ht="18.75" customHeight="1" thickBot="1">
      <c r="A11" s="42" t="s">
        <v>415</v>
      </c>
      <c r="B11" s="49"/>
      <c r="C11" s="49"/>
      <c r="D11" s="49"/>
      <c r="E11" s="40">
        <v>14.65</v>
      </c>
      <c r="F11" s="49"/>
      <c r="G11" s="49"/>
      <c r="H11" s="49"/>
      <c r="I11" s="45">
        <v>14.65</v>
      </c>
    </row>
    <row r="12" spans="1:9" ht="18.75" customHeight="1" thickBot="1">
      <c r="A12" s="42" t="s">
        <v>416</v>
      </c>
      <c r="B12" s="49"/>
      <c r="C12" s="40">
        <v>62.9</v>
      </c>
      <c r="D12" s="40">
        <v>2074.7199999999998</v>
      </c>
      <c r="E12" s="40">
        <v>395.55</v>
      </c>
      <c r="F12" s="40">
        <v>14.1</v>
      </c>
      <c r="G12" s="49"/>
      <c r="H12" s="49"/>
      <c r="I12" s="45">
        <v>2547.27</v>
      </c>
    </row>
    <row r="13" spans="1:9" ht="18.75" customHeight="1" thickBot="1">
      <c r="A13" s="42" t="s">
        <v>417</v>
      </c>
      <c r="B13" s="49"/>
      <c r="C13" s="40">
        <v>9.4</v>
      </c>
      <c r="D13" s="49"/>
      <c r="E13" s="40">
        <v>29.3</v>
      </c>
      <c r="F13" s="49"/>
      <c r="G13" s="49"/>
      <c r="H13" s="49"/>
      <c r="I13" s="45">
        <v>38.700000000000003</v>
      </c>
    </row>
    <row r="14" spans="1:9" ht="18.75" customHeight="1" thickBot="1">
      <c r="A14" s="42" t="s">
        <v>418</v>
      </c>
      <c r="B14" s="49"/>
      <c r="C14" s="49"/>
      <c r="D14" s="49"/>
      <c r="E14" s="40">
        <v>14.65</v>
      </c>
      <c r="F14" s="49"/>
      <c r="G14" s="49"/>
      <c r="H14" s="49"/>
      <c r="I14" s="45">
        <v>14.65</v>
      </c>
    </row>
    <row r="15" spans="1:9" ht="18.75" customHeight="1" thickBot="1">
      <c r="A15" s="42" t="s">
        <v>419</v>
      </c>
      <c r="B15" s="49"/>
      <c r="C15" s="40">
        <v>4.7</v>
      </c>
      <c r="D15" s="49"/>
      <c r="E15" s="40">
        <v>14.65</v>
      </c>
      <c r="F15" s="49"/>
      <c r="G15" s="49"/>
      <c r="H15" s="49"/>
      <c r="I15" s="45">
        <v>19.350000000000001</v>
      </c>
    </row>
    <row r="16" spans="1:9" ht="18.75" customHeight="1" thickBot="1">
      <c r="A16" s="42" t="s">
        <v>420</v>
      </c>
      <c r="B16" s="49"/>
      <c r="C16" s="40">
        <v>94.7</v>
      </c>
      <c r="D16" s="40">
        <v>2169.77</v>
      </c>
      <c r="E16" s="43">
        <v>293</v>
      </c>
      <c r="F16" s="40">
        <v>9.4</v>
      </c>
      <c r="G16" s="49"/>
      <c r="H16" s="49"/>
      <c r="I16" s="45">
        <v>2566.87</v>
      </c>
    </row>
    <row r="17" spans="1:9" ht="18.75" customHeight="1" thickBot="1">
      <c r="A17" s="42" t="s">
        <v>421</v>
      </c>
      <c r="B17" s="49"/>
      <c r="C17" s="49"/>
      <c r="D17" s="49"/>
      <c r="E17" s="43">
        <v>0</v>
      </c>
      <c r="F17" s="49"/>
      <c r="G17" s="49"/>
      <c r="H17" s="49"/>
      <c r="I17" s="53">
        <v>0</v>
      </c>
    </row>
    <row r="18" spans="1:9" ht="18.75" customHeight="1" thickBot="1">
      <c r="A18" s="42" t="s">
        <v>422</v>
      </c>
      <c r="B18" s="49"/>
      <c r="C18" s="40">
        <v>9.4</v>
      </c>
      <c r="D18" s="40">
        <v>381.98</v>
      </c>
      <c r="E18" s="40">
        <v>73.25</v>
      </c>
      <c r="F18" s="49"/>
      <c r="G18" s="49"/>
      <c r="H18" s="49"/>
      <c r="I18" s="45">
        <v>464.63</v>
      </c>
    </row>
    <row r="19" spans="1:9" ht="18.75" customHeight="1" thickBot="1">
      <c r="A19" s="42" t="s">
        <v>423</v>
      </c>
      <c r="B19" s="43">
        <v>2175</v>
      </c>
      <c r="C19" s="49"/>
      <c r="D19" s="49"/>
      <c r="E19" s="49"/>
      <c r="F19" s="40">
        <v>18.8</v>
      </c>
      <c r="G19" s="49"/>
      <c r="H19" s="49"/>
      <c r="I19" s="45">
        <v>2193.8000000000002</v>
      </c>
    </row>
    <row r="20" spans="1:9" ht="18.75" customHeight="1" thickBot="1">
      <c r="A20" s="42" t="s">
        <v>424</v>
      </c>
      <c r="B20" s="43">
        <v>75</v>
      </c>
      <c r="C20" s="40">
        <v>2378.6</v>
      </c>
      <c r="D20" s="40">
        <v>918.47</v>
      </c>
      <c r="E20" s="40">
        <v>4072.7</v>
      </c>
      <c r="F20" s="40">
        <v>4643.6000000000004</v>
      </c>
      <c r="G20" s="43">
        <v>192</v>
      </c>
      <c r="H20" s="49"/>
      <c r="I20" s="45">
        <v>12280.37</v>
      </c>
    </row>
    <row r="21" spans="1:9" ht="18.75" customHeight="1" thickBot="1">
      <c r="A21" s="42" t="s">
        <v>425</v>
      </c>
      <c r="B21" s="49"/>
      <c r="C21" s="49"/>
      <c r="D21" s="49"/>
      <c r="E21" s="40">
        <v>14.65</v>
      </c>
      <c r="F21" s="49"/>
      <c r="G21" s="49"/>
      <c r="H21" s="49"/>
      <c r="I21" s="45">
        <v>14.65</v>
      </c>
    </row>
    <row r="22" spans="1:9" ht="18.75" customHeight="1" thickBot="1">
      <c r="A22" s="42" t="s">
        <v>426</v>
      </c>
      <c r="B22" s="49"/>
      <c r="C22" s="40">
        <v>606.6</v>
      </c>
      <c r="D22" s="49"/>
      <c r="E22" s="40">
        <v>1201.3</v>
      </c>
      <c r="F22" s="40">
        <v>1776.6</v>
      </c>
      <c r="G22" s="43">
        <v>48</v>
      </c>
      <c r="H22" s="49"/>
      <c r="I22" s="45">
        <v>3632.5</v>
      </c>
    </row>
    <row r="23" spans="1:9" ht="18.75" customHeight="1" thickBot="1">
      <c r="A23" s="42" t="s">
        <v>427</v>
      </c>
      <c r="B23" s="49"/>
      <c r="C23" s="49"/>
      <c r="D23" s="49"/>
      <c r="E23" s="49"/>
      <c r="F23" s="40">
        <v>4.7</v>
      </c>
      <c r="G23" s="49"/>
      <c r="H23" s="49"/>
      <c r="I23" s="45">
        <v>4.7</v>
      </c>
    </row>
    <row r="24" spans="1:9" ht="18.75" customHeight="1" thickBot="1">
      <c r="A24" s="42" t="s">
        <v>428</v>
      </c>
      <c r="B24" s="49"/>
      <c r="C24" s="49"/>
      <c r="D24" s="49"/>
      <c r="E24" s="40">
        <v>14.65</v>
      </c>
      <c r="F24" s="40">
        <v>9.4</v>
      </c>
      <c r="G24" s="49"/>
      <c r="H24" s="49"/>
      <c r="I24" s="45">
        <v>24.05</v>
      </c>
    </row>
    <row r="25" spans="1:9" ht="18.75" customHeight="1" thickBot="1">
      <c r="A25" s="42" t="s">
        <v>429</v>
      </c>
      <c r="B25" s="49"/>
      <c r="C25" s="49"/>
      <c r="D25" s="49"/>
      <c r="E25" s="40">
        <v>14.65</v>
      </c>
      <c r="F25" s="40">
        <v>9.4</v>
      </c>
      <c r="G25" s="49"/>
      <c r="H25" s="49"/>
      <c r="I25" s="45">
        <v>24.05</v>
      </c>
    </row>
    <row r="26" spans="1:9" ht="18.75" customHeight="1" thickBot="1">
      <c r="A26" s="42" t="s">
        <v>430</v>
      </c>
      <c r="B26" s="49"/>
      <c r="C26" s="49"/>
      <c r="D26" s="49"/>
      <c r="E26" s="40">
        <v>73.25</v>
      </c>
      <c r="F26" s="43">
        <v>47</v>
      </c>
      <c r="G26" s="49"/>
      <c r="H26" s="49"/>
      <c r="I26" s="45">
        <v>120.25</v>
      </c>
    </row>
    <row r="27" spans="1:9" ht="18.75" customHeight="1" thickBot="1">
      <c r="A27" s="42" t="s">
        <v>431</v>
      </c>
      <c r="B27" s="49"/>
      <c r="C27" s="49"/>
      <c r="D27" s="49"/>
      <c r="E27" s="49"/>
      <c r="F27" s="40">
        <v>9.4</v>
      </c>
      <c r="G27" s="49"/>
      <c r="H27" s="49"/>
      <c r="I27" s="45">
        <v>9.4</v>
      </c>
    </row>
    <row r="28" spans="1:9" ht="18.75" customHeight="1" thickBot="1">
      <c r="A28" s="42" t="s">
        <v>432</v>
      </c>
      <c r="B28" s="49"/>
      <c r="C28" s="43">
        <v>0</v>
      </c>
      <c r="D28" s="49"/>
      <c r="E28" s="40">
        <v>14.65</v>
      </c>
      <c r="F28" s="49"/>
      <c r="G28" s="49"/>
      <c r="H28" s="49"/>
      <c r="I28" s="45">
        <v>14.65</v>
      </c>
    </row>
    <row r="29" spans="1:9" ht="18.75" customHeight="1" thickBot="1">
      <c r="A29" s="44" t="s">
        <v>384</v>
      </c>
      <c r="B29" s="49"/>
      <c r="C29" s="49"/>
      <c r="D29" s="49"/>
      <c r="E29" s="49"/>
      <c r="F29" s="40">
        <v>4.7</v>
      </c>
      <c r="G29" s="49"/>
      <c r="H29" s="49"/>
      <c r="I29" s="45">
        <v>4.7</v>
      </c>
    </row>
    <row r="30" spans="1:9" ht="12.75" customHeight="1" thickBot="1">
      <c r="B30" s="53">
        <v>11550</v>
      </c>
      <c r="C30" s="45">
        <v>45933.9</v>
      </c>
      <c r="D30" s="45">
        <v>74352.259999999995</v>
      </c>
      <c r="E30" s="45">
        <v>56944.55</v>
      </c>
      <c r="F30" s="45">
        <v>67346.3</v>
      </c>
      <c r="G30" s="53">
        <v>1488</v>
      </c>
      <c r="H30" s="45">
        <v>4.7</v>
      </c>
      <c r="I30" s="45">
        <v>257619.71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62EB46-1CE6-46E4-A3EF-57F58F92ED61}">
  <dimension ref="A3:N62"/>
  <sheetViews>
    <sheetView workbookViewId="0">
      <selection activeCell="R28" sqref="R28"/>
    </sheetView>
  </sheetViews>
  <sheetFormatPr defaultRowHeight="12.5"/>
  <cols>
    <col min="1" max="1" width="17.90625" style="52" bestFit="1" customWidth="1"/>
    <col min="2" max="2" width="16.6328125" style="52" bestFit="1" customWidth="1"/>
    <col min="3" max="3" width="12.81640625" style="52" bestFit="1" customWidth="1"/>
    <col min="4" max="4" width="11.26953125" style="52" bestFit="1" customWidth="1"/>
    <col min="5" max="5" width="7.7265625" style="52" bestFit="1" customWidth="1"/>
    <col min="6" max="6" width="12.81640625" style="52" bestFit="1" customWidth="1"/>
    <col min="7" max="8" width="8.7265625" style="52"/>
    <col min="9" max="9" width="15.7265625" style="52" bestFit="1" customWidth="1"/>
    <col min="10" max="10" width="12.7265625" style="52" bestFit="1" customWidth="1"/>
    <col min="11" max="11" width="13" style="52" bestFit="1" customWidth="1"/>
    <col min="12" max="12" width="11.08984375" style="52" bestFit="1" customWidth="1"/>
    <col min="13" max="13" width="6.6328125" style="52" bestFit="1" customWidth="1"/>
    <col min="14" max="14" width="13" style="52" bestFit="1" customWidth="1"/>
    <col min="15" max="16384" width="8.7265625" style="52"/>
  </cols>
  <sheetData>
    <row r="3" spans="1:14">
      <c r="A3" s="52" t="s">
        <v>435</v>
      </c>
      <c r="B3" s="52" t="s">
        <v>436</v>
      </c>
      <c r="I3" s="52" t="s">
        <v>435</v>
      </c>
      <c r="J3" s="52" t="s">
        <v>436</v>
      </c>
    </row>
    <row r="4" spans="1:14">
      <c r="A4" s="52" t="s">
        <v>361</v>
      </c>
      <c r="B4" s="52" t="s">
        <v>378</v>
      </c>
      <c r="C4" s="52" t="s">
        <v>380</v>
      </c>
      <c r="D4" s="52" t="s">
        <v>382</v>
      </c>
      <c r="E4" s="52" t="s">
        <v>437</v>
      </c>
      <c r="F4" s="52" t="s">
        <v>362</v>
      </c>
      <c r="I4" s="52" t="s">
        <v>361</v>
      </c>
      <c r="J4" s="52" t="s">
        <v>378</v>
      </c>
      <c r="K4" s="52" t="s">
        <v>380</v>
      </c>
      <c r="L4" s="52" t="s">
        <v>382</v>
      </c>
      <c r="M4" s="52" t="s">
        <v>437</v>
      </c>
      <c r="N4" s="52" t="s">
        <v>362</v>
      </c>
    </row>
    <row r="5" spans="1:14">
      <c r="A5" s="57">
        <v>0</v>
      </c>
      <c r="C5" s="52">
        <v>50112.83</v>
      </c>
      <c r="F5" s="52">
        <v>50112.83</v>
      </c>
      <c r="I5" s="52">
        <v>0</v>
      </c>
      <c r="K5" s="64">
        <v>50112.83</v>
      </c>
      <c r="N5" s="52">
        <v>50112.83</v>
      </c>
    </row>
    <row r="6" spans="1:14">
      <c r="A6" s="57">
        <v>11</v>
      </c>
      <c r="B6" s="52">
        <v>-30.669999999999998</v>
      </c>
      <c r="C6" s="52">
        <v>7.1199999999999992</v>
      </c>
      <c r="F6" s="52">
        <v>-23.549999999999997</v>
      </c>
      <c r="I6" s="66">
        <v>11</v>
      </c>
      <c r="J6" s="67">
        <v>-30.669999999999998</v>
      </c>
      <c r="K6" s="67">
        <v>7.1199999999999992</v>
      </c>
      <c r="L6" s="67"/>
      <c r="M6" s="67"/>
      <c r="N6" s="67">
        <v>-23.549999999999997</v>
      </c>
    </row>
    <row r="7" spans="1:14">
      <c r="A7" s="57">
        <v>14</v>
      </c>
      <c r="B7" s="52">
        <v>-3.06</v>
      </c>
      <c r="C7" s="52">
        <v>0.73</v>
      </c>
      <c r="F7" s="52">
        <v>-2.33</v>
      </c>
      <c r="I7" s="66">
        <v>14</v>
      </c>
      <c r="J7" s="67">
        <v>-3.06</v>
      </c>
      <c r="K7" s="67">
        <v>0.73</v>
      </c>
      <c r="L7" s="67"/>
      <c r="M7" s="67"/>
      <c r="N7" s="67">
        <v>-2.33</v>
      </c>
    </row>
    <row r="8" spans="1:14">
      <c r="A8" s="57">
        <v>15</v>
      </c>
      <c r="B8" s="52">
        <v>-15123.47</v>
      </c>
      <c r="C8" s="52">
        <v>4429.4900000000007</v>
      </c>
      <c r="D8" s="52">
        <v>-18.390000000000004</v>
      </c>
      <c r="F8" s="52">
        <v>-10712.369999999999</v>
      </c>
      <c r="I8" s="66">
        <v>15</v>
      </c>
      <c r="J8" s="67">
        <v>-15123.47</v>
      </c>
      <c r="K8" s="67">
        <v>4429.4900000000007</v>
      </c>
      <c r="L8" s="67">
        <v>-18.390000000000004</v>
      </c>
      <c r="M8" s="67"/>
      <c r="N8" s="67">
        <v>-10712.369999999999</v>
      </c>
    </row>
    <row r="9" spans="1:14">
      <c r="A9" s="57">
        <v>17</v>
      </c>
      <c r="B9" s="52">
        <v>-30.560000000000002</v>
      </c>
      <c r="C9" s="52">
        <v>12.3</v>
      </c>
      <c r="F9" s="52">
        <v>-18.260000000000002</v>
      </c>
      <c r="I9" s="66">
        <v>17</v>
      </c>
      <c r="J9" s="67">
        <v>-30.560000000000002</v>
      </c>
      <c r="K9" s="67">
        <v>12.3</v>
      </c>
      <c r="L9" s="67"/>
      <c r="M9" s="67"/>
      <c r="N9" s="67">
        <v>-18.260000000000002</v>
      </c>
    </row>
    <row r="10" spans="1:14">
      <c r="A10" s="57">
        <v>22</v>
      </c>
      <c r="B10" s="52">
        <v>-22493.890000000003</v>
      </c>
      <c r="C10" s="52">
        <v>5352.7200000000012</v>
      </c>
      <c r="D10" s="52">
        <v>-8.16</v>
      </c>
      <c r="F10" s="52">
        <v>-17149.330000000002</v>
      </c>
      <c r="I10" s="66">
        <v>22</v>
      </c>
      <c r="J10" s="67">
        <v>-22493.890000000003</v>
      </c>
      <c r="K10" s="67">
        <v>5352.7200000000012</v>
      </c>
      <c r="L10" s="67">
        <v>-8.16</v>
      </c>
      <c r="M10" s="67"/>
      <c r="N10" s="67">
        <v>-17149.330000000002</v>
      </c>
    </row>
    <row r="11" spans="1:14">
      <c r="A11" s="57">
        <v>30</v>
      </c>
      <c r="B11" s="52">
        <v>-5.49</v>
      </c>
      <c r="C11" s="52">
        <v>1.24</v>
      </c>
      <c r="F11" s="52">
        <v>-4.25</v>
      </c>
      <c r="I11" s="66">
        <v>30</v>
      </c>
      <c r="J11" s="67">
        <v>-5.49</v>
      </c>
      <c r="K11" s="67">
        <v>1.24</v>
      </c>
      <c r="L11" s="67"/>
      <c r="M11" s="67"/>
      <c r="N11" s="67">
        <v>-4.25</v>
      </c>
    </row>
    <row r="12" spans="1:14">
      <c r="A12" s="57">
        <v>32</v>
      </c>
      <c r="B12" s="52">
        <v>-8.31</v>
      </c>
      <c r="C12" s="52">
        <v>3.66</v>
      </c>
      <c r="F12" s="52">
        <v>-4.6500000000000004</v>
      </c>
      <c r="I12" s="66">
        <v>32</v>
      </c>
      <c r="J12" s="67">
        <v>-8.31</v>
      </c>
      <c r="K12" s="67">
        <v>3.66</v>
      </c>
      <c r="L12" s="67"/>
      <c r="M12" s="67"/>
      <c r="N12" s="67">
        <v>-4.6500000000000004</v>
      </c>
    </row>
    <row r="13" spans="1:14">
      <c r="A13" s="57">
        <v>93</v>
      </c>
      <c r="B13" s="52">
        <v>-321.08999999999986</v>
      </c>
      <c r="C13" s="52">
        <v>379.48</v>
      </c>
      <c r="F13" s="52">
        <v>58.390000000000157</v>
      </c>
      <c r="I13" s="52">
        <v>93</v>
      </c>
      <c r="J13" s="62">
        <v>-321.08999999999986</v>
      </c>
      <c r="K13" s="62">
        <v>379.48</v>
      </c>
      <c r="L13" s="62"/>
      <c r="M13" s="62"/>
      <c r="N13" s="62">
        <v>58.390000000000157</v>
      </c>
    </row>
    <row r="14" spans="1:14">
      <c r="A14" s="57">
        <v>94</v>
      </c>
      <c r="B14" s="52">
        <v>-6160.67</v>
      </c>
      <c r="C14" s="52">
        <v>3814.4500000000003</v>
      </c>
      <c r="D14" s="52">
        <v>-17.290000000000003</v>
      </c>
      <c r="F14" s="52">
        <v>-2363.5099999999998</v>
      </c>
      <c r="I14" s="52">
        <v>94</v>
      </c>
      <c r="J14" s="62">
        <v>-6160.67</v>
      </c>
      <c r="K14" s="62">
        <v>3814.4500000000003</v>
      </c>
      <c r="L14" s="62">
        <v>-17.290000000000003</v>
      </c>
      <c r="M14" s="62"/>
      <c r="N14" s="62">
        <v>-2363.5099999999998</v>
      </c>
    </row>
    <row r="15" spans="1:14">
      <c r="A15" s="57">
        <v>95</v>
      </c>
      <c r="B15" s="52">
        <v>-51.349999999999994</v>
      </c>
      <c r="C15" s="52">
        <v>166.54999999999998</v>
      </c>
      <c r="F15" s="52">
        <v>115.19999999999999</v>
      </c>
      <c r="I15" s="52">
        <v>95</v>
      </c>
      <c r="J15" s="62">
        <v>-51.349999999999994</v>
      </c>
      <c r="K15" s="62">
        <v>166.54999999999998</v>
      </c>
      <c r="L15" s="62"/>
      <c r="M15" s="62"/>
      <c r="N15" s="62">
        <v>115.19999999999999</v>
      </c>
    </row>
    <row r="16" spans="1:14">
      <c r="A16" s="57">
        <v>97</v>
      </c>
      <c r="B16" s="52">
        <v>-782.79</v>
      </c>
      <c r="C16" s="52">
        <v>2314.1200000000008</v>
      </c>
      <c r="D16" s="52">
        <v>-3.67</v>
      </c>
      <c r="F16" s="52">
        <v>1527.6600000000008</v>
      </c>
      <c r="I16" s="52">
        <v>97</v>
      </c>
      <c r="J16" s="62">
        <v>-782.79</v>
      </c>
      <c r="K16" s="62">
        <v>2314.1200000000008</v>
      </c>
      <c r="L16" s="62">
        <v>-3.67</v>
      </c>
      <c r="M16" s="62"/>
      <c r="N16" s="62">
        <v>1527.6600000000008</v>
      </c>
    </row>
    <row r="17" spans="1:14">
      <c r="A17" s="57">
        <v>98</v>
      </c>
      <c r="B17" s="52">
        <v>-80.289999999999992</v>
      </c>
      <c r="C17" s="52">
        <v>242.71</v>
      </c>
      <c r="F17" s="52">
        <v>162.42000000000002</v>
      </c>
      <c r="I17" s="52">
        <v>98</v>
      </c>
      <c r="J17" s="62">
        <v>-80.289999999999992</v>
      </c>
      <c r="K17" s="62">
        <v>242.71</v>
      </c>
      <c r="L17" s="62"/>
      <c r="M17" s="62"/>
      <c r="N17" s="62">
        <v>162.42000000000002</v>
      </c>
    </row>
    <row r="18" spans="1:14">
      <c r="A18" s="57">
        <v>99</v>
      </c>
      <c r="C18" s="52">
        <v>2.2000000000000002</v>
      </c>
      <c r="F18" s="52">
        <v>2.2000000000000002</v>
      </c>
      <c r="I18" s="52">
        <v>99</v>
      </c>
      <c r="J18" s="62"/>
      <c r="K18" s="62">
        <v>2.2000000000000002</v>
      </c>
      <c r="L18" s="62"/>
      <c r="M18" s="62"/>
      <c r="N18" s="62">
        <v>2.2000000000000002</v>
      </c>
    </row>
    <row r="19" spans="1:14">
      <c r="A19" s="57">
        <v>107</v>
      </c>
      <c r="B19" s="52">
        <v>-585.47</v>
      </c>
      <c r="C19" s="52">
        <v>1265.2099999999996</v>
      </c>
      <c r="D19" s="52">
        <v>-7.3500000000000005</v>
      </c>
      <c r="F19" s="52">
        <v>672.38999999999953</v>
      </c>
      <c r="I19" s="52">
        <v>107</v>
      </c>
      <c r="J19" s="62">
        <v>-585.47</v>
      </c>
      <c r="K19" s="62">
        <v>1265.2099999999996</v>
      </c>
      <c r="L19" s="62">
        <v>-7.3500000000000005</v>
      </c>
      <c r="M19" s="62"/>
      <c r="N19" s="62">
        <v>672.38999999999953</v>
      </c>
    </row>
    <row r="20" spans="1:14">
      <c r="A20" s="57">
        <v>109</v>
      </c>
      <c r="B20" s="52">
        <v>-2392.0500000000002</v>
      </c>
      <c r="C20" s="52">
        <v>6563.8200000000015</v>
      </c>
      <c r="D20" s="52">
        <v>-31.099999999999998</v>
      </c>
      <c r="F20" s="52">
        <v>4140.670000000001</v>
      </c>
      <c r="I20" s="52">
        <v>109</v>
      </c>
      <c r="J20" s="62">
        <v>-2392.0500000000002</v>
      </c>
      <c r="K20" s="62">
        <v>6563.8200000000015</v>
      </c>
      <c r="L20" s="62">
        <v>-31.099999999999998</v>
      </c>
      <c r="M20" s="62"/>
      <c r="N20" s="62">
        <v>4140.670000000001</v>
      </c>
    </row>
    <row r="21" spans="1:14">
      <c r="A21" s="57">
        <v>110</v>
      </c>
      <c r="B21" s="52">
        <v>-28.929999999999996</v>
      </c>
      <c r="C21" s="52">
        <v>46.489999999999995</v>
      </c>
      <c r="F21" s="52">
        <v>17.559999999999999</v>
      </c>
      <c r="I21" s="52">
        <v>110</v>
      </c>
      <c r="J21" s="62">
        <v>-28.929999999999996</v>
      </c>
      <c r="K21" s="62">
        <v>46.489999999999995</v>
      </c>
      <c r="L21" s="62"/>
      <c r="M21" s="62"/>
      <c r="N21" s="62">
        <v>17.559999999999999</v>
      </c>
    </row>
    <row r="22" spans="1:14">
      <c r="A22" s="57">
        <v>111</v>
      </c>
      <c r="B22" s="52">
        <v>-295.04999999999995</v>
      </c>
      <c r="C22" s="52">
        <v>885.5100000000001</v>
      </c>
      <c r="F22" s="52">
        <v>590.46000000000015</v>
      </c>
      <c r="I22" s="52">
        <v>111</v>
      </c>
      <c r="J22" s="62">
        <v>-295.04999999999995</v>
      </c>
      <c r="K22" s="62">
        <v>885.5100000000001</v>
      </c>
      <c r="L22" s="62"/>
      <c r="M22" s="62"/>
      <c r="N22" s="62">
        <v>590.46000000000015</v>
      </c>
    </row>
    <row r="23" spans="1:14">
      <c r="A23" s="57">
        <v>113</v>
      </c>
      <c r="B23" s="52">
        <v>-4647.800000000002</v>
      </c>
      <c r="C23" s="52">
        <v>3674.33</v>
      </c>
      <c r="D23" s="52">
        <v>-6.71</v>
      </c>
      <c r="F23" s="52">
        <v>-980.18000000000211</v>
      </c>
      <c r="I23" s="52">
        <v>113</v>
      </c>
      <c r="J23" s="62">
        <v>-4647.800000000002</v>
      </c>
      <c r="K23" s="62">
        <v>3674.33</v>
      </c>
      <c r="L23" s="62">
        <v>-6.71</v>
      </c>
      <c r="M23" s="62"/>
      <c r="N23" s="62">
        <v>-980.18000000000211</v>
      </c>
    </row>
    <row r="24" spans="1:14">
      <c r="A24" s="57">
        <v>116</v>
      </c>
      <c r="B24" s="52">
        <v>-344.30000000000007</v>
      </c>
      <c r="C24" s="52">
        <v>1191.48</v>
      </c>
      <c r="F24" s="52">
        <v>847.18</v>
      </c>
      <c r="I24" s="52">
        <v>116</v>
      </c>
      <c r="J24" s="62">
        <v>-344.30000000000007</v>
      </c>
      <c r="K24" s="62">
        <v>1191.48</v>
      </c>
      <c r="L24" s="62"/>
      <c r="M24" s="62"/>
      <c r="N24" s="62">
        <v>847.18</v>
      </c>
    </row>
    <row r="25" spans="1:14">
      <c r="A25" s="57">
        <v>122</v>
      </c>
      <c r="B25" s="52">
        <v>-52.2</v>
      </c>
      <c r="C25" s="52">
        <v>123.66</v>
      </c>
      <c r="F25" s="52">
        <v>71.459999999999994</v>
      </c>
      <c r="I25" s="52">
        <v>122</v>
      </c>
      <c r="J25" s="62">
        <v>-52.2</v>
      </c>
      <c r="K25" s="62">
        <v>123.66</v>
      </c>
      <c r="L25" s="62"/>
      <c r="M25" s="62"/>
      <c r="N25" s="62">
        <v>71.459999999999994</v>
      </c>
    </row>
    <row r="26" spans="1:14">
      <c r="A26" s="57">
        <v>131</v>
      </c>
      <c r="B26" s="52">
        <v>-157.5</v>
      </c>
      <c r="C26" s="52">
        <v>320.95999999999998</v>
      </c>
      <c r="F26" s="52">
        <v>163.45999999999998</v>
      </c>
      <c r="I26" s="52">
        <v>131</v>
      </c>
      <c r="J26" s="62">
        <v>-157.5</v>
      </c>
      <c r="K26" s="62">
        <v>320.95999999999998</v>
      </c>
      <c r="L26" s="62"/>
      <c r="M26" s="62"/>
      <c r="N26" s="62">
        <v>163.45999999999998</v>
      </c>
    </row>
    <row r="27" spans="1:14">
      <c r="A27" s="57">
        <v>150</v>
      </c>
      <c r="B27" s="52">
        <v>-1414.27</v>
      </c>
      <c r="C27" s="52">
        <v>733.78</v>
      </c>
      <c r="D27" s="52">
        <v>-3.5</v>
      </c>
      <c r="F27" s="52">
        <v>-683.99</v>
      </c>
      <c r="I27" s="52">
        <v>150</v>
      </c>
      <c r="J27" s="62">
        <v>-1414.27</v>
      </c>
      <c r="K27" s="62">
        <v>733.78</v>
      </c>
      <c r="L27" s="62">
        <v>-3.5</v>
      </c>
      <c r="M27" s="62"/>
      <c r="N27" s="62">
        <v>-683.99</v>
      </c>
    </row>
    <row r="28" spans="1:14">
      <c r="A28" s="57">
        <v>165</v>
      </c>
      <c r="B28" s="52">
        <v>-5.33</v>
      </c>
      <c r="C28" s="52">
        <v>1.76</v>
      </c>
      <c r="D28" s="52">
        <v>-4.1399999999999997</v>
      </c>
      <c r="F28" s="52">
        <v>-7.71</v>
      </c>
      <c r="I28" s="52">
        <v>165</v>
      </c>
      <c r="J28" s="62">
        <v>-5.33</v>
      </c>
      <c r="K28" s="62">
        <v>1.76</v>
      </c>
      <c r="L28" s="62">
        <v>-4.1399999999999997</v>
      </c>
      <c r="M28" s="62"/>
      <c r="N28" s="62">
        <v>-7.71</v>
      </c>
    </row>
    <row r="29" spans="1:14">
      <c r="A29" s="57">
        <v>166</v>
      </c>
      <c r="B29" s="52">
        <v>-19.240000000000002</v>
      </c>
      <c r="C29" s="52">
        <v>28.369999999999997</v>
      </c>
      <c r="F29" s="52">
        <v>9.1299999999999955</v>
      </c>
      <c r="I29" s="52">
        <v>166</v>
      </c>
      <c r="J29" s="62">
        <v>-19.240000000000002</v>
      </c>
      <c r="K29" s="62">
        <v>28.369999999999997</v>
      </c>
      <c r="L29" s="62"/>
      <c r="M29" s="62"/>
      <c r="N29" s="62">
        <v>9.1299999999999955</v>
      </c>
    </row>
    <row r="30" spans="1:14">
      <c r="A30" s="57">
        <v>204</v>
      </c>
      <c r="B30" s="52">
        <v>-321.77999999999997</v>
      </c>
      <c r="C30" s="52">
        <v>734.05</v>
      </c>
      <c r="D30" s="52">
        <v>-11.95</v>
      </c>
      <c r="F30" s="52">
        <v>400.32</v>
      </c>
      <c r="I30" s="52">
        <v>204</v>
      </c>
      <c r="J30" s="62">
        <v>-321.77999999999997</v>
      </c>
      <c r="K30" s="62">
        <v>734.05</v>
      </c>
      <c r="L30" s="62">
        <v>-11.95</v>
      </c>
      <c r="M30" s="62"/>
      <c r="N30" s="62">
        <v>400.32</v>
      </c>
    </row>
    <row r="31" spans="1:14">
      <c r="A31" s="57">
        <v>211</v>
      </c>
      <c r="B31" s="52">
        <v>-69551.759999999995</v>
      </c>
      <c r="C31" s="52">
        <v>373391.29000000021</v>
      </c>
      <c r="D31" s="52">
        <v>-1437.69</v>
      </c>
      <c r="F31" s="52">
        <v>302401.8400000002</v>
      </c>
      <c r="I31" s="52">
        <v>211</v>
      </c>
      <c r="J31" s="62">
        <v>-69551.759999999995</v>
      </c>
      <c r="K31" s="62">
        <v>373391.29000000021</v>
      </c>
      <c r="L31" s="62">
        <v>-1437.69</v>
      </c>
      <c r="M31" s="62"/>
      <c r="N31" s="62">
        <v>302401.8400000002</v>
      </c>
    </row>
    <row r="32" spans="1:14">
      <c r="A32" s="57">
        <v>212</v>
      </c>
      <c r="C32" s="52">
        <v>30.31</v>
      </c>
      <c r="F32" s="52">
        <v>30.31</v>
      </c>
      <c r="I32" s="52">
        <v>212</v>
      </c>
      <c r="J32" s="62"/>
      <c r="K32" s="62">
        <v>30.31</v>
      </c>
      <c r="L32" s="62"/>
      <c r="M32" s="62"/>
      <c r="N32" s="62">
        <v>30.31</v>
      </c>
    </row>
    <row r="33" spans="1:14">
      <c r="A33" s="57">
        <v>213</v>
      </c>
      <c r="B33" s="52">
        <v>-737.44</v>
      </c>
      <c r="C33" s="52">
        <v>1798.69</v>
      </c>
      <c r="D33" s="52">
        <v>-3.93</v>
      </c>
      <c r="F33" s="52">
        <v>1057.32</v>
      </c>
      <c r="I33" s="52">
        <v>213</v>
      </c>
      <c r="J33" s="62">
        <v>-737.44</v>
      </c>
      <c r="K33" s="62">
        <v>1798.69</v>
      </c>
      <c r="L33" s="62">
        <v>-3.93</v>
      </c>
      <c r="M33" s="62"/>
      <c r="N33" s="62">
        <v>1057.32</v>
      </c>
    </row>
    <row r="34" spans="1:14">
      <c r="A34" s="57">
        <v>214</v>
      </c>
      <c r="B34" s="52">
        <v>-13.26</v>
      </c>
      <c r="C34" s="52">
        <v>110.53000000000002</v>
      </c>
      <c r="F34" s="52">
        <v>97.27000000000001</v>
      </c>
      <c r="I34" s="52">
        <v>214</v>
      </c>
      <c r="J34" s="62">
        <v>-13.26</v>
      </c>
      <c r="K34" s="62">
        <v>110.53000000000002</v>
      </c>
      <c r="L34" s="62"/>
      <c r="M34" s="62"/>
      <c r="N34" s="62">
        <v>97.27000000000001</v>
      </c>
    </row>
    <row r="35" spans="1:14">
      <c r="A35" s="57">
        <v>215</v>
      </c>
      <c r="B35" s="52">
        <v>-174943.93</v>
      </c>
      <c r="C35" s="52">
        <v>607254.81000000041</v>
      </c>
      <c r="D35" s="52">
        <v>-6366.0700000000006</v>
      </c>
      <c r="F35" s="52">
        <v>425944.81000000041</v>
      </c>
      <c r="I35" s="52">
        <v>215</v>
      </c>
      <c r="J35" s="62">
        <v>-174943.93</v>
      </c>
      <c r="K35" s="62">
        <v>607254.81000000041</v>
      </c>
      <c r="L35" s="62">
        <v>-6366.0700000000006</v>
      </c>
      <c r="M35" s="62"/>
      <c r="N35" s="62">
        <v>425944.81000000041</v>
      </c>
    </row>
    <row r="36" spans="1:14">
      <c r="A36" s="57">
        <v>217</v>
      </c>
      <c r="B36" s="52">
        <v>-1248.3599999999999</v>
      </c>
      <c r="C36" s="52">
        <v>3861.41</v>
      </c>
      <c r="D36" s="52">
        <v>-208.84</v>
      </c>
      <c r="F36" s="52">
        <v>2404.21</v>
      </c>
      <c r="I36" s="52">
        <v>217</v>
      </c>
      <c r="J36" s="62">
        <v>-1248.3599999999999</v>
      </c>
      <c r="K36" s="62">
        <v>3861.41</v>
      </c>
      <c r="L36" s="62">
        <v>-208.84</v>
      </c>
      <c r="M36" s="62"/>
      <c r="N36" s="62">
        <v>2404.21</v>
      </c>
    </row>
    <row r="37" spans="1:14">
      <c r="A37" s="57">
        <v>220</v>
      </c>
      <c r="B37" s="52">
        <v>-1552.5000000000002</v>
      </c>
      <c r="C37" s="52">
        <v>11747.03</v>
      </c>
      <c r="D37" s="52">
        <v>-348.07</v>
      </c>
      <c r="F37" s="52">
        <v>9846.4600000000009</v>
      </c>
      <c r="I37" s="52">
        <v>220</v>
      </c>
      <c r="J37" s="62">
        <v>-1552.5000000000002</v>
      </c>
      <c r="K37" s="62">
        <v>11747.03</v>
      </c>
      <c r="L37" s="62">
        <v>-348.07</v>
      </c>
      <c r="M37" s="62"/>
      <c r="N37" s="62">
        <v>9846.4600000000009</v>
      </c>
    </row>
    <row r="38" spans="1:14">
      <c r="A38" s="57">
        <v>223</v>
      </c>
      <c r="B38" s="52">
        <v>-450.22</v>
      </c>
      <c r="C38" s="52">
        <v>1228.6600000000001</v>
      </c>
      <c r="F38" s="52">
        <v>778.44</v>
      </c>
      <c r="I38" s="52">
        <v>223</v>
      </c>
      <c r="J38" s="62">
        <v>-450.22</v>
      </c>
      <c r="K38" s="62">
        <v>1228.6600000000001</v>
      </c>
      <c r="L38" s="62"/>
      <c r="M38" s="62"/>
      <c r="N38" s="62">
        <v>778.44</v>
      </c>
    </row>
    <row r="39" spans="1:14">
      <c r="A39" s="57">
        <v>225</v>
      </c>
      <c r="B39" s="52">
        <v>-290.26</v>
      </c>
      <c r="C39" s="52">
        <v>1505.3000000000002</v>
      </c>
      <c r="F39" s="52">
        <v>1215.0400000000002</v>
      </c>
      <c r="I39" s="52">
        <v>225</v>
      </c>
      <c r="J39" s="62">
        <v>-290.26</v>
      </c>
      <c r="K39" s="62">
        <v>1505.3000000000002</v>
      </c>
      <c r="L39" s="62"/>
      <c r="M39" s="62"/>
      <c r="N39" s="62">
        <v>1215.0400000000002</v>
      </c>
    </row>
    <row r="40" spans="1:14">
      <c r="A40" s="57">
        <v>227</v>
      </c>
      <c r="B40" s="52">
        <v>-860.89999999999986</v>
      </c>
      <c r="C40" s="52">
        <v>3120.2100000000005</v>
      </c>
      <c r="F40" s="52">
        <v>2259.3100000000004</v>
      </c>
      <c r="I40" s="52">
        <v>227</v>
      </c>
      <c r="J40" s="62">
        <v>-860.89999999999986</v>
      </c>
      <c r="K40" s="62">
        <v>3120.2100000000005</v>
      </c>
      <c r="L40" s="62"/>
      <c r="M40" s="62"/>
      <c r="N40" s="62">
        <v>2259.3100000000004</v>
      </c>
    </row>
    <row r="41" spans="1:14">
      <c r="A41" s="57">
        <v>229</v>
      </c>
      <c r="B41" s="52">
        <v>-2981.6299999999992</v>
      </c>
      <c r="C41" s="52">
        <v>5651.8399999999992</v>
      </c>
      <c r="D41" s="52">
        <v>-48.9</v>
      </c>
      <c r="F41" s="52">
        <v>2621.31</v>
      </c>
      <c r="I41" s="52">
        <v>229</v>
      </c>
      <c r="J41" s="62">
        <v>-2981.6299999999992</v>
      </c>
      <c r="K41" s="62">
        <v>5651.8399999999992</v>
      </c>
      <c r="L41" s="62">
        <v>-48.9</v>
      </c>
      <c r="M41" s="62"/>
      <c r="N41" s="62">
        <v>2621.31</v>
      </c>
    </row>
    <row r="42" spans="1:14">
      <c r="A42" s="57">
        <v>236</v>
      </c>
      <c r="B42" s="52">
        <v>-813.06</v>
      </c>
      <c r="C42" s="52">
        <v>2075.1999999999998</v>
      </c>
      <c r="F42" s="52">
        <v>1262.1399999999999</v>
      </c>
      <c r="I42" s="52">
        <v>236</v>
      </c>
      <c r="J42" s="62">
        <v>-813.06</v>
      </c>
      <c r="K42" s="62">
        <v>2075.1999999999998</v>
      </c>
      <c r="L42" s="62"/>
      <c r="M42" s="62"/>
      <c r="N42" s="62">
        <v>1262.1399999999999</v>
      </c>
    </row>
    <row r="43" spans="1:14">
      <c r="A43" s="57">
        <v>240</v>
      </c>
      <c r="B43" s="52">
        <v>-121660.10000000003</v>
      </c>
      <c r="C43" s="52">
        <v>274102.41000000003</v>
      </c>
      <c r="D43" s="52">
        <v>-3181.77</v>
      </c>
      <c r="F43" s="52">
        <v>149260.54</v>
      </c>
      <c r="I43" s="52">
        <v>240</v>
      </c>
      <c r="J43" s="62">
        <v>-121660.10000000003</v>
      </c>
      <c r="K43" s="62">
        <v>274102.41000000003</v>
      </c>
      <c r="L43" s="62">
        <v>-3181.77</v>
      </c>
      <c r="M43" s="62"/>
      <c r="N43" s="62">
        <v>149260.54</v>
      </c>
    </row>
    <row r="44" spans="1:14">
      <c r="A44" s="57">
        <v>244</v>
      </c>
      <c r="B44" s="52">
        <v>-48606.929999999993</v>
      </c>
      <c r="C44" s="52">
        <v>189438.54</v>
      </c>
      <c r="D44" s="52">
        <v>-2134.8100000000004</v>
      </c>
      <c r="F44" s="52">
        <v>138696.80000000002</v>
      </c>
      <c r="I44" s="52">
        <v>244</v>
      </c>
      <c r="J44" s="62">
        <v>-48606.929999999993</v>
      </c>
      <c r="K44" s="62">
        <v>189438.54</v>
      </c>
      <c r="L44" s="62">
        <v>-2134.8100000000004</v>
      </c>
      <c r="M44" s="62"/>
      <c r="N44" s="62">
        <v>138696.80000000002</v>
      </c>
    </row>
    <row r="45" spans="1:14">
      <c r="A45" s="57">
        <v>248</v>
      </c>
      <c r="B45" s="52">
        <v>-8312.5999999999985</v>
      </c>
      <c r="C45" s="52">
        <v>26429.940000000006</v>
      </c>
      <c r="F45" s="52">
        <v>18117.340000000007</v>
      </c>
      <c r="I45" s="52">
        <v>248</v>
      </c>
      <c r="J45" s="62">
        <v>-8312.5999999999985</v>
      </c>
      <c r="K45" s="62">
        <v>26429.940000000006</v>
      </c>
      <c r="L45" s="62"/>
      <c r="M45" s="62"/>
      <c r="N45" s="62">
        <v>18117.340000000007</v>
      </c>
    </row>
    <row r="46" spans="1:14">
      <c r="A46" s="57">
        <v>251</v>
      </c>
      <c r="C46" s="52">
        <v>4400.6400000000003</v>
      </c>
      <c r="F46" s="52">
        <v>4400.6400000000003</v>
      </c>
      <c r="I46" s="52">
        <v>251</v>
      </c>
      <c r="J46" s="62"/>
      <c r="K46" s="62">
        <v>4400.6400000000003</v>
      </c>
      <c r="L46" s="62"/>
      <c r="M46" s="62"/>
      <c r="N46" s="62">
        <v>4400.6400000000003</v>
      </c>
    </row>
    <row r="47" spans="1:14">
      <c r="A47" s="57">
        <v>256</v>
      </c>
      <c r="B47" s="52">
        <v>-1401.93</v>
      </c>
      <c r="C47" s="52">
        <v>9366.8900000000012</v>
      </c>
      <c r="F47" s="52">
        <v>7964.9600000000009</v>
      </c>
      <c r="I47" s="52">
        <v>256</v>
      </c>
      <c r="J47" s="62">
        <v>-1401.93</v>
      </c>
      <c r="K47" s="62">
        <v>9366.8900000000012</v>
      </c>
      <c r="L47" s="62"/>
      <c r="M47" s="62"/>
      <c r="N47" s="62">
        <v>7964.9600000000009</v>
      </c>
    </row>
    <row r="48" spans="1:14">
      <c r="A48" s="57">
        <v>257</v>
      </c>
      <c r="B48" s="52">
        <v>-2257.39</v>
      </c>
      <c r="C48" s="52">
        <v>8772.3900000000012</v>
      </c>
      <c r="F48" s="52">
        <v>6515.0000000000018</v>
      </c>
      <c r="I48" s="52">
        <v>257</v>
      </c>
      <c r="J48" s="62">
        <v>-2257.39</v>
      </c>
      <c r="K48" s="62">
        <v>8772.3900000000012</v>
      </c>
      <c r="L48" s="62"/>
      <c r="M48" s="62"/>
      <c r="N48" s="62">
        <v>6515.0000000000018</v>
      </c>
    </row>
    <row r="49" spans="1:14">
      <c r="A49" s="57">
        <v>330</v>
      </c>
      <c r="B49" s="52">
        <v>-48021.78</v>
      </c>
      <c r="C49" s="52">
        <v>116456.01</v>
      </c>
      <c r="F49" s="52">
        <v>68434.23</v>
      </c>
      <c r="I49" s="52">
        <v>330</v>
      </c>
      <c r="J49" s="62">
        <v>-48021.78</v>
      </c>
      <c r="K49" s="62">
        <v>116456.01</v>
      </c>
      <c r="L49" s="62"/>
      <c r="M49" s="62"/>
      <c r="N49" s="62">
        <v>68434.23</v>
      </c>
    </row>
    <row r="50" spans="1:14">
      <c r="A50" s="57">
        <v>332</v>
      </c>
      <c r="B50" s="52">
        <v>-13766.11</v>
      </c>
      <c r="C50" s="52">
        <v>13766.11</v>
      </c>
      <c r="F50" s="52">
        <v>0</v>
      </c>
      <c r="I50" s="52">
        <v>332</v>
      </c>
      <c r="J50" s="62">
        <v>-13766.11</v>
      </c>
      <c r="K50" s="62">
        <v>13766.11</v>
      </c>
      <c r="L50" s="62"/>
      <c r="M50" s="62"/>
      <c r="N50" s="62">
        <v>0</v>
      </c>
    </row>
    <row r="51" spans="1:14">
      <c r="A51" s="57">
        <v>356</v>
      </c>
      <c r="B51" s="52">
        <v>-14467.740000000002</v>
      </c>
      <c r="C51" s="52">
        <v>34259.409999999996</v>
      </c>
      <c r="F51" s="52">
        <v>19791.669999999995</v>
      </c>
      <c r="I51" s="52">
        <v>356</v>
      </c>
      <c r="J51" s="62">
        <v>-14467.740000000002</v>
      </c>
      <c r="K51" s="62">
        <v>34259.409999999996</v>
      </c>
      <c r="L51" s="62"/>
      <c r="M51" s="62"/>
      <c r="N51" s="62">
        <v>19791.669999999995</v>
      </c>
    </row>
    <row r="52" spans="1:14">
      <c r="A52" s="57">
        <v>358</v>
      </c>
      <c r="B52" s="52">
        <v>-105215.87999999999</v>
      </c>
      <c r="C52" s="52">
        <v>360256.84</v>
      </c>
      <c r="D52" s="52">
        <v>-6915.2999999999993</v>
      </c>
      <c r="F52" s="52">
        <v>248125.66000000003</v>
      </c>
      <c r="I52" s="52">
        <v>358</v>
      </c>
      <c r="J52" s="62">
        <v>-105215.87999999999</v>
      </c>
      <c r="K52" s="62">
        <v>360256.84</v>
      </c>
      <c r="L52" s="62">
        <v>-6915.2999999999993</v>
      </c>
      <c r="M52" s="62"/>
      <c r="N52" s="62">
        <v>248125.66000000003</v>
      </c>
    </row>
    <row r="53" spans="1:14">
      <c r="A53" s="57">
        <v>359</v>
      </c>
      <c r="B53" s="52">
        <v>-207557.00000000006</v>
      </c>
      <c r="C53" s="52">
        <v>558091.03</v>
      </c>
      <c r="F53" s="52">
        <v>350534.02999999997</v>
      </c>
      <c r="I53" s="52">
        <v>359</v>
      </c>
      <c r="J53" s="62">
        <v>-207557.00000000006</v>
      </c>
      <c r="K53" s="62">
        <v>558091.03</v>
      </c>
      <c r="L53" s="62"/>
      <c r="M53" s="62"/>
      <c r="N53" s="62">
        <v>350534.02999999997</v>
      </c>
    </row>
    <row r="54" spans="1:14">
      <c r="A54" s="57">
        <v>360</v>
      </c>
      <c r="B54" s="52">
        <v>-11093.66</v>
      </c>
      <c r="C54" s="52">
        <v>25498.5</v>
      </c>
      <c r="F54" s="52">
        <v>14404.84</v>
      </c>
      <c r="I54" s="52">
        <v>360</v>
      </c>
      <c r="J54" s="62">
        <v>-11093.66</v>
      </c>
      <c r="K54" s="62">
        <v>25498.5</v>
      </c>
      <c r="L54" s="62"/>
      <c r="M54" s="62"/>
      <c r="N54" s="62">
        <v>14404.84</v>
      </c>
    </row>
    <row r="55" spans="1:14">
      <c r="A55" s="57">
        <v>371</v>
      </c>
      <c r="C55" s="52">
        <v>23814.61</v>
      </c>
      <c r="D55" s="52">
        <v>-23814.61</v>
      </c>
      <c r="F55" s="52">
        <v>0</v>
      </c>
      <c r="I55" s="52">
        <v>371</v>
      </c>
      <c r="J55" s="62"/>
      <c r="K55" s="62">
        <v>23814.61</v>
      </c>
      <c r="L55" s="62">
        <v>-23814.61</v>
      </c>
      <c r="M55" s="62"/>
      <c r="N55" s="62">
        <v>0</v>
      </c>
    </row>
    <row r="56" spans="1:14">
      <c r="A56" s="57">
        <v>372</v>
      </c>
      <c r="B56" s="52">
        <v>-83225.37</v>
      </c>
      <c r="C56" s="52">
        <v>83225.37</v>
      </c>
      <c r="F56" s="52">
        <v>0</v>
      </c>
      <c r="I56" s="52">
        <v>372</v>
      </c>
      <c r="J56" s="62">
        <v>-83225.37</v>
      </c>
      <c r="K56" s="62">
        <v>83225.37</v>
      </c>
      <c r="L56" s="62"/>
      <c r="M56" s="62"/>
      <c r="N56" s="62">
        <v>0</v>
      </c>
    </row>
    <row r="57" spans="1:14">
      <c r="A57" s="57" t="s">
        <v>437</v>
      </c>
      <c r="I57" s="52" t="s">
        <v>437</v>
      </c>
      <c r="J57" s="62"/>
      <c r="K57" s="62"/>
      <c r="L57" s="62"/>
      <c r="M57" s="62"/>
      <c r="N57" s="62"/>
    </row>
    <row r="58" spans="1:14">
      <c r="A58" s="57" t="s">
        <v>362</v>
      </c>
      <c r="B58" s="52">
        <v>-974385.37000000011</v>
      </c>
      <c r="C58" s="52">
        <v>2822062.9899999998</v>
      </c>
      <c r="D58" s="52">
        <v>-44572.25</v>
      </c>
      <c r="F58" s="52">
        <v>1803105.3700000006</v>
      </c>
      <c r="I58" s="52" t="s">
        <v>362</v>
      </c>
      <c r="J58" s="62">
        <v>-974385.37000000011</v>
      </c>
      <c r="K58" s="62">
        <v>2822062.9899999998</v>
      </c>
      <c r="L58" s="62">
        <v>-44572.25</v>
      </c>
      <c r="M58" s="62"/>
      <c r="N58" s="62">
        <v>1803105.3700000006</v>
      </c>
    </row>
    <row r="60" spans="1:14">
      <c r="I60" s="66" t="s">
        <v>434</v>
      </c>
      <c r="J60" s="67">
        <f>SUM(J6:J12)</f>
        <v>-37695.449999999997</v>
      </c>
      <c r="K60" s="67">
        <f t="shared" ref="K60:N60" si="0">SUM(K6:K12)</f>
        <v>9807.260000000002</v>
      </c>
      <c r="L60" s="67">
        <f t="shared" si="0"/>
        <v>-26.550000000000004</v>
      </c>
      <c r="M60" s="67">
        <f t="shared" si="0"/>
        <v>0</v>
      </c>
      <c r="N60" s="67">
        <f t="shared" si="0"/>
        <v>-27914.74</v>
      </c>
    </row>
    <row r="61" spans="1:14">
      <c r="I61" s="52" t="s">
        <v>435</v>
      </c>
      <c r="J61" s="52" t="s">
        <v>436</v>
      </c>
    </row>
    <row r="62" spans="1:14">
      <c r="I62" s="52" t="s">
        <v>361</v>
      </c>
      <c r="J62" s="52" t="s">
        <v>378</v>
      </c>
      <c r="K62" s="52" t="s">
        <v>380</v>
      </c>
      <c r="L62" s="52" t="s">
        <v>382</v>
      </c>
      <c r="M62" s="52" t="s">
        <v>437</v>
      </c>
      <c r="N62" s="52" t="s">
        <v>362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Y294"/>
  <sheetViews>
    <sheetView workbookViewId="0">
      <selection sqref="A1:XFD1048576"/>
    </sheetView>
  </sheetViews>
  <sheetFormatPr defaultColWidth="10.26953125" defaultRowHeight="14.5"/>
  <cols>
    <col min="1" max="1" width="13.81640625" customWidth="1"/>
    <col min="2" max="2" width="25.26953125" customWidth="1"/>
    <col min="3" max="3" width="25.26953125" style="27" customWidth="1"/>
    <col min="4" max="4" width="13.81640625" customWidth="1"/>
    <col min="5" max="5" width="34.453125" customWidth="1"/>
    <col min="6" max="6" width="25.26953125" customWidth="1"/>
    <col min="7" max="7" width="13.81640625" style="28" customWidth="1"/>
    <col min="8" max="8" width="25.26953125" customWidth="1"/>
    <col min="9" max="9" width="36.81640625" customWidth="1"/>
    <col min="10" max="10" width="20.7265625" customWidth="1"/>
    <col min="11" max="11" width="18.453125" customWidth="1"/>
    <col min="12" max="12" width="66.7265625" style="29" customWidth="1"/>
    <col min="13" max="13" width="71.26953125" customWidth="1"/>
    <col min="14" max="14" width="25.26953125" customWidth="1"/>
    <col min="15" max="15" width="36.81640625" customWidth="1"/>
    <col min="16" max="16" width="16.1796875" customWidth="1"/>
    <col min="17" max="17" width="20.7265625" customWidth="1"/>
    <col min="18" max="18" width="16.1796875" customWidth="1"/>
    <col min="19" max="20" width="25.26953125" customWidth="1"/>
    <col min="21" max="21" width="71.26953125" customWidth="1"/>
    <col min="22" max="22" width="11.453125" style="30" customWidth="1"/>
    <col min="23" max="23" width="25.26953125" style="31" customWidth="1"/>
    <col min="24" max="24" width="62.1796875" style="32" customWidth="1"/>
    <col min="25" max="25" width="92" customWidth="1"/>
  </cols>
  <sheetData>
    <row r="1" spans="1:25">
      <c r="A1" s="2" t="s">
        <v>0</v>
      </c>
      <c r="B1" s="3" t="s">
        <v>1</v>
      </c>
      <c r="C1" s="4" t="s">
        <v>2</v>
      </c>
      <c r="D1" s="5" t="s">
        <v>3</v>
      </c>
      <c r="E1" s="6" t="s">
        <v>4</v>
      </c>
      <c r="F1" s="7" t="s">
        <v>5</v>
      </c>
      <c r="G1" s="8" t="s">
        <v>6</v>
      </c>
      <c r="H1" s="9" t="s">
        <v>7</v>
      </c>
      <c r="I1" s="10" t="s">
        <v>8</v>
      </c>
      <c r="J1" s="11" t="s">
        <v>9</v>
      </c>
      <c r="K1" s="12" t="s">
        <v>10</v>
      </c>
      <c r="L1" s="13" t="s">
        <v>11</v>
      </c>
      <c r="M1" s="14" t="s">
        <v>12</v>
      </c>
      <c r="N1" s="15" t="s">
        <v>13</v>
      </c>
      <c r="O1" s="16" t="s">
        <v>14</v>
      </c>
      <c r="P1" s="17" t="s">
        <v>15</v>
      </c>
      <c r="Q1" s="18" t="s">
        <v>16</v>
      </c>
      <c r="R1" s="19" t="s">
        <v>17</v>
      </c>
      <c r="S1" s="20" t="s">
        <v>18</v>
      </c>
      <c r="T1" s="21" t="s">
        <v>19</v>
      </c>
      <c r="U1" s="22" t="s">
        <v>20</v>
      </c>
      <c r="V1" s="23" t="s">
        <v>21</v>
      </c>
      <c r="W1" s="24" t="s">
        <v>22</v>
      </c>
      <c r="X1" s="25" t="s">
        <v>23</v>
      </c>
      <c r="Y1" s="26" t="s">
        <v>24</v>
      </c>
    </row>
    <row r="2" spans="1:25">
      <c r="A2" t="s">
        <v>25</v>
      </c>
      <c r="B2" t="s">
        <v>334</v>
      </c>
      <c r="C2" s="27">
        <v>44665</v>
      </c>
      <c r="D2" t="s">
        <v>27</v>
      </c>
      <c r="E2" t="s">
        <v>28</v>
      </c>
      <c r="F2" t="s">
        <v>316</v>
      </c>
      <c r="G2" s="28">
        <v>4</v>
      </c>
      <c r="H2" t="s">
        <v>327</v>
      </c>
      <c r="I2" t="s">
        <v>320</v>
      </c>
      <c r="K2" t="s">
        <v>31</v>
      </c>
      <c r="L2" s="29">
        <v>-100</v>
      </c>
      <c r="M2" t="s">
        <v>328</v>
      </c>
      <c r="N2" t="s">
        <v>322</v>
      </c>
      <c r="O2" t="s">
        <v>33</v>
      </c>
      <c r="Q2" t="s">
        <v>35</v>
      </c>
      <c r="R2" t="s">
        <v>329</v>
      </c>
      <c r="U2" t="s">
        <v>37</v>
      </c>
      <c r="V2" s="30">
        <v>2022</v>
      </c>
      <c r="W2" s="31">
        <v>44666</v>
      </c>
      <c r="X2" s="32">
        <v>44666.518622685187</v>
      </c>
      <c r="Y2" t="s">
        <v>328</v>
      </c>
    </row>
    <row r="3" spans="1:25">
      <c r="A3" t="s">
        <v>25</v>
      </c>
      <c r="B3" t="s">
        <v>42</v>
      </c>
      <c r="C3" s="27">
        <v>44666</v>
      </c>
      <c r="D3" t="s">
        <v>27</v>
      </c>
      <c r="E3" t="s">
        <v>28</v>
      </c>
      <c r="F3" t="s">
        <v>316</v>
      </c>
      <c r="G3" s="28">
        <v>4</v>
      </c>
      <c r="H3" t="s">
        <v>29</v>
      </c>
      <c r="I3" t="s">
        <v>30</v>
      </c>
      <c r="K3" t="s">
        <v>31</v>
      </c>
      <c r="L3" s="29">
        <v>-1236</v>
      </c>
      <c r="M3" t="s">
        <v>317</v>
      </c>
      <c r="N3" t="s">
        <v>32</v>
      </c>
      <c r="O3" t="s">
        <v>33</v>
      </c>
      <c r="P3" t="s">
        <v>34</v>
      </c>
      <c r="Q3" t="s">
        <v>35</v>
      </c>
      <c r="R3" t="s">
        <v>36</v>
      </c>
      <c r="U3" t="s">
        <v>37</v>
      </c>
      <c r="V3" s="30">
        <v>2022</v>
      </c>
      <c r="W3" s="31">
        <v>44673</v>
      </c>
      <c r="X3" s="32">
        <v>44673.693796296298</v>
      </c>
      <c r="Y3" t="s">
        <v>38</v>
      </c>
    </row>
    <row r="4" spans="1:25">
      <c r="A4" t="s">
        <v>25</v>
      </c>
      <c r="B4" t="s">
        <v>43</v>
      </c>
      <c r="C4" s="27">
        <v>44666</v>
      </c>
      <c r="D4" t="s">
        <v>27</v>
      </c>
      <c r="E4" t="s">
        <v>28</v>
      </c>
      <c r="F4" t="s">
        <v>316</v>
      </c>
      <c r="G4" s="28">
        <v>4</v>
      </c>
      <c r="H4" t="s">
        <v>29</v>
      </c>
      <c r="I4" t="s">
        <v>30</v>
      </c>
      <c r="K4" t="s">
        <v>31</v>
      </c>
      <c r="L4" s="29">
        <v>-959.62</v>
      </c>
      <c r="M4" t="s">
        <v>317</v>
      </c>
      <c r="N4" t="s">
        <v>32</v>
      </c>
      <c r="O4" t="s">
        <v>33</v>
      </c>
      <c r="P4" t="s">
        <v>34</v>
      </c>
      <c r="Q4" t="s">
        <v>35</v>
      </c>
      <c r="R4" t="s">
        <v>36</v>
      </c>
      <c r="U4" t="s">
        <v>37</v>
      </c>
      <c r="V4" s="30">
        <v>2022</v>
      </c>
      <c r="W4" s="31">
        <v>44673</v>
      </c>
      <c r="X4" s="32">
        <v>44673.693796296298</v>
      </c>
      <c r="Y4" t="s">
        <v>38</v>
      </c>
    </row>
    <row r="5" spans="1:25">
      <c r="A5" t="s">
        <v>25</v>
      </c>
      <c r="B5" t="s">
        <v>44</v>
      </c>
      <c r="C5" s="27">
        <v>44666</v>
      </c>
      <c r="D5" t="s">
        <v>27</v>
      </c>
      <c r="E5" t="s">
        <v>28</v>
      </c>
      <c r="F5" t="s">
        <v>316</v>
      </c>
      <c r="G5" s="28">
        <v>4</v>
      </c>
      <c r="H5" t="s">
        <v>29</v>
      </c>
      <c r="I5" t="s">
        <v>30</v>
      </c>
      <c r="K5" t="s">
        <v>31</v>
      </c>
      <c r="L5" s="29">
        <v>-1212.9000000000001</v>
      </c>
      <c r="M5" t="s">
        <v>317</v>
      </c>
      <c r="N5" t="s">
        <v>32</v>
      </c>
      <c r="O5" t="s">
        <v>33</v>
      </c>
      <c r="P5" t="s">
        <v>34</v>
      </c>
      <c r="Q5" t="s">
        <v>35</v>
      </c>
      <c r="R5" t="s">
        <v>36</v>
      </c>
      <c r="U5" t="s">
        <v>37</v>
      </c>
      <c r="V5" s="30">
        <v>2022</v>
      </c>
      <c r="W5" s="31">
        <v>44673</v>
      </c>
      <c r="X5" s="32">
        <v>44673.693784722222</v>
      </c>
      <c r="Y5" t="s">
        <v>38</v>
      </c>
    </row>
    <row r="6" spans="1:25">
      <c r="A6" t="s">
        <v>25</v>
      </c>
      <c r="B6" t="s">
        <v>93</v>
      </c>
      <c r="C6" s="27">
        <v>44666</v>
      </c>
      <c r="D6" t="s">
        <v>27</v>
      </c>
      <c r="E6" t="s">
        <v>28</v>
      </c>
      <c r="F6" t="s">
        <v>316</v>
      </c>
      <c r="G6" s="28">
        <v>4</v>
      </c>
      <c r="H6" t="s">
        <v>29</v>
      </c>
      <c r="I6" t="s">
        <v>30</v>
      </c>
      <c r="K6" t="s">
        <v>31</v>
      </c>
      <c r="L6" s="29">
        <v>-1409.78</v>
      </c>
      <c r="M6" t="s">
        <v>317</v>
      </c>
      <c r="N6" t="s">
        <v>32</v>
      </c>
      <c r="O6" t="s">
        <v>33</v>
      </c>
      <c r="P6" t="s">
        <v>34</v>
      </c>
      <c r="Q6" t="s">
        <v>35</v>
      </c>
      <c r="R6" t="s">
        <v>36</v>
      </c>
      <c r="U6" t="s">
        <v>37</v>
      </c>
      <c r="V6" s="30">
        <v>2022</v>
      </c>
      <c r="W6" s="31">
        <v>44665</v>
      </c>
      <c r="X6" s="32">
        <v>44665.331944444442</v>
      </c>
      <c r="Y6" t="s">
        <v>38</v>
      </c>
    </row>
    <row r="7" spans="1:25">
      <c r="A7" t="s">
        <v>25</v>
      </c>
      <c r="B7" t="s">
        <v>72</v>
      </c>
      <c r="C7" s="27">
        <v>44666</v>
      </c>
      <c r="D7" t="s">
        <v>27</v>
      </c>
      <c r="E7" t="s">
        <v>28</v>
      </c>
      <c r="F7" t="s">
        <v>316</v>
      </c>
      <c r="G7" s="28">
        <v>4</v>
      </c>
      <c r="H7" t="s">
        <v>29</v>
      </c>
      <c r="I7" t="s">
        <v>30</v>
      </c>
      <c r="K7" t="s">
        <v>31</v>
      </c>
      <c r="L7" s="29">
        <v>-693.1</v>
      </c>
      <c r="M7" t="s">
        <v>317</v>
      </c>
      <c r="N7" t="s">
        <v>32</v>
      </c>
      <c r="O7" t="s">
        <v>33</v>
      </c>
      <c r="P7" t="s">
        <v>34</v>
      </c>
      <c r="Q7" t="s">
        <v>35</v>
      </c>
      <c r="R7" t="s">
        <v>36</v>
      </c>
      <c r="U7" t="s">
        <v>37</v>
      </c>
      <c r="V7" s="30">
        <v>2022</v>
      </c>
      <c r="W7" s="31">
        <v>44673</v>
      </c>
      <c r="X7" s="32">
        <v>44673.693773148145</v>
      </c>
      <c r="Y7" t="s">
        <v>38</v>
      </c>
    </row>
    <row r="8" spans="1:25">
      <c r="A8" t="s">
        <v>25</v>
      </c>
      <c r="B8" t="s">
        <v>127</v>
      </c>
      <c r="C8" s="27">
        <v>44666</v>
      </c>
      <c r="D8" t="s">
        <v>27</v>
      </c>
      <c r="E8" t="s">
        <v>28</v>
      </c>
      <c r="F8" t="s">
        <v>316</v>
      </c>
      <c r="G8" s="28">
        <v>4</v>
      </c>
      <c r="H8" t="s">
        <v>29</v>
      </c>
      <c r="I8" t="s">
        <v>30</v>
      </c>
      <c r="K8" t="s">
        <v>31</v>
      </c>
      <c r="L8" s="29">
        <v>-787.3</v>
      </c>
      <c r="M8" t="s">
        <v>317</v>
      </c>
      <c r="N8" t="s">
        <v>32</v>
      </c>
      <c r="O8" t="s">
        <v>33</v>
      </c>
      <c r="P8" t="s">
        <v>34</v>
      </c>
      <c r="Q8" t="s">
        <v>35</v>
      </c>
      <c r="R8" t="s">
        <v>36</v>
      </c>
      <c r="U8" t="s">
        <v>37</v>
      </c>
      <c r="V8" s="30">
        <v>2022</v>
      </c>
      <c r="W8" s="31">
        <v>44665</v>
      </c>
      <c r="X8" s="32">
        <v>44665.331956018519</v>
      </c>
      <c r="Y8" t="s">
        <v>38</v>
      </c>
    </row>
    <row r="9" spans="1:25">
      <c r="A9" t="s">
        <v>25</v>
      </c>
      <c r="B9" t="s">
        <v>95</v>
      </c>
      <c r="C9" s="27">
        <v>44666</v>
      </c>
      <c r="D9" t="s">
        <v>27</v>
      </c>
      <c r="E9" t="s">
        <v>28</v>
      </c>
      <c r="F9" t="s">
        <v>316</v>
      </c>
      <c r="G9" s="28">
        <v>4</v>
      </c>
      <c r="H9" t="s">
        <v>29</v>
      </c>
      <c r="I9" t="s">
        <v>30</v>
      </c>
      <c r="K9" t="s">
        <v>31</v>
      </c>
      <c r="L9" s="29">
        <v>-1029.25</v>
      </c>
      <c r="M9" t="s">
        <v>317</v>
      </c>
      <c r="N9" t="s">
        <v>32</v>
      </c>
      <c r="O9" t="s">
        <v>33</v>
      </c>
      <c r="P9" t="s">
        <v>34</v>
      </c>
      <c r="Q9" t="s">
        <v>35</v>
      </c>
      <c r="R9" t="s">
        <v>36</v>
      </c>
      <c r="U9" t="s">
        <v>37</v>
      </c>
      <c r="V9" s="30">
        <v>2022</v>
      </c>
      <c r="W9" s="31">
        <v>44680</v>
      </c>
      <c r="X9" s="32">
        <v>44680.681296296294</v>
      </c>
      <c r="Y9" t="s">
        <v>38</v>
      </c>
    </row>
    <row r="10" spans="1:25">
      <c r="A10" t="s">
        <v>25</v>
      </c>
      <c r="B10" t="s">
        <v>142</v>
      </c>
      <c r="C10" s="27">
        <v>44666</v>
      </c>
      <c r="D10" t="s">
        <v>27</v>
      </c>
      <c r="E10" t="s">
        <v>28</v>
      </c>
      <c r="F10" t="s">
        <v>316</v>
      </c>
      <c r="G10" s="28">
        <v>4</v>
      </c>
      <c r="H10" t="s">
        <v>29</v>
      </c>
      <c r="I10" t="s">
        <v>30</v>
      </c>
      <c r="K10" t="s">
        <v>31</v>
      </c>
      <c r="L10" s="29">
        <v>-475.75</v>
      </c>
      <c r="M10" t="s">
        <v>317</v>
      </c>
      <c r="N10" t="s">
        <v>32</v>
      </c>
      <c r="O10" t="s">
        <v>33</v>
      </c>
      <c r="P10" t="s">
        <v>34</v>
      </c>
      <c r="Q10" t="s">
        <v>35</v>
      </c>
      <c r="R10" t="s">
        <v>36</v>
      </c>
      <c r="U10" t="s">
        <v>37</v>
      </c>
      <c r="V10" s="30">
        <v>2022</v>
      </c>
      <c r="W10" s="31">
        <v>44680</v>
      </c>
      <c r="X10" s="32">
        <v>44680.681273148148</v>
      </c>
      <c r="Y10" t="s">
        <v>38</v>
      </c>
    </row>
    <row r="11" spans="1:25">
      <c r="A11" t="s">
        <v>25</v>
      </c>
      <c r="B11" t="s">
        <v>236</v>
      </c>
      <c r="C11" s="27">
        <v>44666</v>
      </c>
      <c r="D11" t="s">
        <v>27</v>
      </c>
      <c r="E11" t="s">
        <v>28</v>
      </c>
      <c r="F11" t="s">
        <v>316</v>
      </c>
      <c r="G11" s="28">
        <v>4</v>
      </c>
      <c r="H11" t="s">
        <v>29</v>
      </c>
      <c r="I11" t="s">
        <v>30</v>
      </c>
      <c r="K11" t="s">
        <v>31</v>
      </c>
      <c r="L11" s="29">
        <v>-708.1</v>
      </c>
      <c r="M11" t="s">
        <v>317</v>
      </c>
      <c r="N11" t="s">
        <v>32</v>
      </c>
      <c r="O11" t="s">
        <v>33</v>
      </c>
      <c r="P11" t="s">
        <v>34</v>
      </c>
      <c r="Q11" t="s">
        <v>35</v>
      </c>
      <c r="R11" t="s">
        <v>36</v>
      </c>
      <c r="U11" t="s">
        <v>37</v>
      </c>
      <c r="V11" s="30">
        <v>2022</v>
      </c>
      <c r="W11" s="31">
        <v>44665</v>
      </c>
      <c r="X11" s="32">
        <v>44665.33189814815</v>
      </c>
      <c r="Y11" t="s">
        <v>38</v>
      </c>
    </row>
    <row r="12" spans="1:25">
      <c r="A12" t="s">
        <v>25</v>
      </c>
      <c r="B12" t="s">
        <v>261</v>
      </c>
      <c r="C12" s="27">
        <v>44666</v>
      </c>
      <c r="D12" t="s">
        <v>27</v>
      </c>
      <c r="E12" t="s">
        <v>28</v>
      </c>
      <c r="F12" t="s">
        <v>316</v>
      </c>
      <c r="G12" s="28">
        <v>4</v>
      </c>
      <c r="H12" t="s">
        <v>29</v>
      </c>
      <c r="I12" t="s">
        <v>30</v>
      </c>
      <c r="K12" t="s">
        <v>31</v>
      </c>
      <c r="L12" s="29">
        <v>-738.05</v>
      </c>
      <c r="M12" t="s">
        <v>317</v>
      </c>
      <c r="N12" t="s">
        <v>32</v>
      </c>
      <c r="O12" t="s">
        <v>33</v>
      </c>
      <c r="P12" t="s">
        <v>34</v>
      </c>
      <c r="Q12" t="s">
        <v>35</v>
      </c>
      <c r="R12" t="s">
        <v>36</v>
      </c>
      <c r="U12" t="s">
        <v>37</v>
      </c>
      <c r="V12" s="30">
        <v>2022</v>
      </c>
      <c r="W12" s="31">
        <v>44683</v>
      </c>
      <c r="X12" s="32">
        <v>44683.60670138889</v>
      </c>
      <c r="Y12" t="s">
        <v>38</v>
      </c>
    </row>
    <row r="13" spans="1:25">
      <c r="A13" t="s">
        <v>25</v>
      </c>
      <c r="B13" t="s">
        <v>271</v>
      </c>
      <c r="C13" s="27">
        <v>44666</v>
      </c>
      <c r="D13" t="s">
        <v>27</v>
      </c>
      <c r="E13" t="s">
        <v>28</v>
      </c>
      <c r="F13" t="s">
        <v>316</v>
      </c>
      <c r="G13" s="28">
        <v>4</v>
      </c>
      <c r="H13" t="s">
        <v>29</v>
      </c>
      <c r="I13" t="s">
        <v>30</v>
      </c>
      <c r="K13" t="s">
        <v>31</v>
      </c>
      <c r="L13" s="29">
        <v>-1145.6500000000001</v>
      </c>
      <c r="M13" t="s">
        <v>317</v>
      </c>
      <c r="N13" t="s">
        <v>32</v>
      </c>
      <c r="O13" t="s">
        <v>33</v>
      </c>
      <c r="P13" t="s">
        <v>34</v>
      </c>
      <c r="Q13" t="s">
        <v>35</v>
      </c>
      <c r="R13" t="s">
        <v>36</v>
      </c>
      <c r="U13" t="s">
        <v>37</v>
      </c>
      <c r="V13" s="30">
        <v>2022</v>
      </c>
      <c r="W13" s="31">
        <v>44683</v>
      </c>
      <c r="X13" s="32">
        <v>44683.606689814813</v>
      </c>
      <c r="Y13" t="s">
        <v>38</v>
      </c>
    </row>
    <row r="14" spans="1:25">
      <c r="A14" t="s">
        <v>25</v>
      </c>
      <c r="B14" t="s">
        <v>286</v>
      </c>
      <c r="C14" s="27">
        <v>44666</v>
      </c>
      <c r="D14" t="s">
        <v>27</v>
      </c>
      <c r="E14" t="s">
        <v>28</v>
      </c>
      <c r="F14" t="s">
        <v>316</v>
      </c>
      <c r="G14" s="28">
        <v>4</v>
      </c>
      <c r="H14" t="s">
        <v>29</v>
      </c>
      <c r="I14" t="s">
        <v>30</v>
      </c>
      <c r="K14" t="s">
        <v>31</v>
      </c>
      <c r="L14" s="29">
        <v>-836.8</v>
      </c>
      <c r="M14" t="s">
        <v>317</v>
      </c>
      <c r="N14" t="s">
        <v>32</v>
      </c>
      <c r="O14" t="s">
        <v>33</v>
      </c>
      <c r="P14" t="s">
        <v>34</v>
      </c>
      <c r="Q14" t="s">
        <v>35</v>
      </c>
      <c r="R14" t="s">
        <v>36</v>
      </c>
      <c r="U14" t="s">
        <v>37</v>
      </c>
      <c r="V14" s="30">
        <v>2022</v>
      </c>
      <c r="W14" s="31">
        <v>44665</v>
      </c>
      <c r="X14" s="32">
        <v>44665.331909722219</v>
      </c>
      <c r="Y14" t="s">
        <v>38</v>
      </c>
    </row>
    <row r="15" spans="1:25">
      <c r="A15" t="s">
        <v>25</v>
      </c>
      <c r="B15" t="s">
        <v>287</v>
      </c>
      <c r="C15" s="27">
        <v>44666</v>
      </c>
      <c r="D15" t="s">
        <v>27</v>
      </c>
      <c r="E15" t="s">
        <v>28</v>
      </c>
      <c r="F15" t="s">
        <v>316</v>
      </c>
      <c r="G15" s="28">
        <v>4</v>
      </c>
      <c r="H15" t="s">
        <v>29</v>
      </c>
      <c r="I15" t="s">
        <v>30</v>
      </c>
      <c r="K15" t="s">
        <v>31</v>
      </c>
      <c r="L15" s="29">
        <v>-892</v>
      </c>
      <c r="M15" t="s">
        <v>317</v>
      </c>
      <c r="N15" t="s">
        <v>32</v>
      </c>
      <c r="O15" t="s">
        <v>33</v>
      </c>
      <c r="P15" t="s">
        <v>34</v>
      </c>
      <c r="Q15" t="s">
        <v>35</v>
      </c>
      <c r="R15" t="s">
        <v>36</v>
      </c>
      <c r="U15" t="s">
        <v>37</v>
      </c>
      <c r="V15" s="30">
        <v>2022</v>
      </c>
      <c r="W15" s="31">
        <v>44665</v>
      </c>
      <c r="X15" s="32">
        <v>44665.331921296296</v>
      </c>
      <c r="Y15" t="s">
        <v>38</v>
      </c>
    </row>
    <row r="16" spans="1:25">
      <c r="A16" t="s">
        <v>25</v>
      </c>
      <c r="B16" t="s">
        <v>288</v>
      </c>
      <c r="C16" s="27">
        <v>44666</v>
      </c>
      <c r="D16" t="s">
        <v>27</v>
      </c>
      <c r="E16" t="s">
        <v>28</v>
      </c>
      <c r="F16" t="s">
        <v>316</v>
      </c>
      <c r="G16" s="28">
        <v>4</v>
      </c>
      <c r="H16" t="s">
        <v>29</v>
      </c>
      <c r="I16" t="s">
        <v>30</v>
      </c>
      <c r="K16" t="s">
        <v>31</v>
      </c>
      <c r="L16" s="29">
        <v>-802.1</v>
      </c>
      <c r="M16" t="s">
        <v>317</v>
      </c>
      <c r="N16" t="s">
        <v>32</v>
      </c>
      <c r="O16" t="s">
        <v>33</v>
      </c>
      <c r="P16" t="s">
        <v>34</v>
      </c>
      <c r="Q16" t="s">
        <v>35</v>
      </c>
      <c r="R16" t="s">
        <v>36</v>
      </c>
      <c r="U16" t="s">
        <v>37</v>
      </c>
      <c r="V16" s="30">
        <v>2022</v>
      </c>
      <c r="W16" s="31">
        <v>44665</v>
      </c>
      <c r="X16" s="32">
        <v>44665.331932870373</v>
      </c>
      <c r="Y16" t="s">
        <v>38</v>
      </c>
    </row>
    <row r="17" spans="1:25">
      <c r="A17" t="s">
        <v>25</v>
      </c>
      <c r="B17" t="s">
        <v>302</v>
      </c>
      <c r="C17" s="27">
        <v>44666</v>
      </c>
      <c r="D17" t="s">
        <v>27</v>
      </c>
      <c r="E17" t="s">
        <v>28</v>
      </c>
      <c r="F17" t="s">
        <v>316</v>
      </c>
      <c r="G17" s="28">
        <v>4</v>
      </c>
      <c r="H17" t="s">
        <v>29</v>
      </c>
      <c r="I17" t="s">
        <v>30</v>
      </c>
      <c r="K17" t="s">
        <v>31</v>
      </c>
      <c r="L17" s="29">
        <v>-893.05</v>
      </c>
      <c r="M17" t="s">
        <v>317</v>
      </c>
      <c r="N17" t="s">
        <v>32</v>
      </c>
      <c r="O17" t="s">
        <v>33</v>
      </c>
      <c r="P17" t="s">
        <v>34</v>
      </c>
      <c r="Q17" t="s">
        <v>35</v>
      </c>
      <c r="R17" t="s">
        <v>36</v>
      </c>
      <c r="U17" t="s">
        <v>37</v>
      </c>
      <c r="V17" s="30">
        <v>2022</v>
      </c>
      <c r="W17" s="31">
        <v>44665</v>
      </c>
      <c r="X17" s="32">
        <v>44665.331909722219</v>
      </c>
      <c r="Y17" t="s">
        <v>38</v>
      </c>
    </row>
    <row r="18" spans="1:25">
      <c r="A18" t="s">
        <v>25</v>
      </c>
      <c r="B18" t="s">
        <v>94</v>
      </c>
      <c r="C18" s="27">
        <v>44666</v>
      </c>
      <c r="D18" t="s">
        <v>27</v>
      </c>
      <c r="E18" t="s">
        <v>28</v>
      </c>
      <c r="F18" t="s">
        <v>316</v>
      </c>
      <c r="G18" s="28">
        <v>4</v>
      </c>
      <c r="H18" t="s">
        <v>29</v>
      </c>
      <c r="I18" t="s">
        <v>30</v>
      </c>
      <c r="K18" t="s">
        <v>31</v>
      </c>
      <c r="L18" s="29">
        <v>-833.3</v>
      </c>
      <c r="M18" t="s">
        <v>317</v>
      </c>
      <c r="N18" t="s">
        <v>32</v>
      </c>
      <c r="O18" t="s">
        <v>33</v>
      </c>
      <c r="P18" t="s">
        <v>34</v>
      </c>
      <c r="Q18" t="s">
        <v>35</v>
      </c>
      <c r="R18" t="s">
        <v>36</v>
      </c>
      <c r="U18" t="s">
        <v>37</v>
      </c>
      <c r="V18" s="30">
        <v>2022</v>
      </c>
      <c r="W18" s="31">
        <v>44680</v>
      </c>
      <c r="X18" s="32">
        <v>44680.681284722225</v>
      </c>
      <c r="Y18" t="s">
        <v>38</v>
      </c>
    </row>
    <row r="19" spans="1:25">
      <c r="A19" t="s">
        <v>25</v>
      </c>
      <c r="B19" t="s">
        <v>218</v>
      </c>
      <c r="C19" s="27">
        <v>44666</v>
      </c>
      <c r="D19" t="s">
        <v>27</v>
      </c>
      <c r="E19" t="s">
        <v>28</v>
      </c>
      <c r="F19" t="s">
        <v>316</v>
      </c>
      <c r="G19" s="28">
        <v>4</v>
      </c>
      <c r="H19" t="s">
        <v>29</v>
      </c>
      <c r="I19" t="s">
        <v>30</v>
      </c>
      <c r="K19" t="s">
        <v>31</v>
      </c>
      <c r="L19" s="29">
        <v>-1402.94</v>
      </c>
      <c r="M19" t="s">
        <v>317</v>
      </c>
      <c r="N19" t="s">
        <v>32</v>
      </c>
      <c r="O19" t="s">
        <v>33</v>
      </c>
      <c r="P19" t="s">
        <v>34</v>
      </c>
      <c r="Q19" t="s">
        <v>35</v>
      </c>
      <c r="R19" t="s">
        <v>36</v>
      </c>
      <c r="U19" t="s">
        <v>37</v>
      </c>
      <c r="V19" s="30">
        <v>2022</v>
      </c>
      <c r="W19" s="31">
        <v>44680</v>
      </c>
      <c r="X19" s="32">
        <v>44680.681296296294</v>
      </c>
      <c r="Y19" t="s">
        <v>38</v>
      </c>
    </row>
    <row r="20" spans="1:25">
      <c r="A20" t="s">
        <v>25</v>
      </c>
      <c r="B20" t="s">
        <v>135</v>
      </c>
      <c r="C20" s="27">
        <v>44666</v>
      </c>
      <c r="D20" t="s">
        <v>27</v>
      </c>
      <c r="E20" t="s">
        <v>28</v>
      </c>
      <c r="F20" t="s">
        <v>316</v>
      </c>
      <c r="G20" s="28">
        <v>4</v>
      </c>
      <c r="H20" t="s">
        <v>29</v>
      </c>
      <c r="I20" t="s">
        <v>30</v>
      </c>
      <c r="K20" t="s">
        <v>31</v>
      </c>
      <c r="L20" s="29">
        <v>-1505.04</v>
      </c>
      <c r="M20" t="s">
        <v>317</v>
      </c>
      <c r="N20" t="s">
        <v>32</v>
      </c>
      <c r="O20" t="s">
        <v>33</v>
      </c>
      <c r="P20" t="s">
        <v>34</v>
      </c>
      <c r="Q20" t="s">
        <v>35</v>
      </c>
      <c r="R20" t="s">
        <v>36</v>
      </c>
      <c r="U20" t="s">
        <v>37</v>
      </c>
      <c r="V20" s="30">
        <v>2022</v>
      </c>
      <c r="W20" s="31">
        <v>44673</v>
      </c>
      <c r="X20" s="32">
        <v>44673.693773148145</v>
      </c>
      <c r="Y20" t="s">
        <v>38</v>
      </c>
    </row>
    <row r="21" spans="1:25">
      <c r="A21" t="s">
        <v>25</v>
      </c>
      <c r="B21" t="s">
        <v>311</v>
      </c>
      <c r="C21" s="27">
        <v>44666</v>
      </c>
      <c r="D21" t="s">
        <v>27</v>
      </c>
      <c r="E21" t="s">
        <v>28</v>
      </c>
      <c r="F21" t="s">
        <v>316</v>
      </c>
      <c r="G21" s="28">
        <v>4</v>
      </c>
      <c r="H21" t="s">
        <v>29</v>
      </c>
      <c r="I21" t="s">
        <v>30</v>
      </c>
      <c r="K21" t="s">
        <v>31</v>
      </c>
      <c r="L21" s="29">
        <v>-899.35</v>
      </c>
      <c r="M21" t="s">
        <v>317</v>
      </c>
      <c r="N21" t="s">
        <v>32</v>
      </c>
      <c r="O21" t="s">
        <v>33</v>
      </c>
      <c r="P21" t="s">
        <v>34</v>
      </c>
      <c r="Q21" t="s">
        <v>35</v>
      </c>
      <c r="R21" t="s">
        <v>36</v>
      </c>
      <c r="U21" t="s">
        <v>37</v>
      </c>
      <c r="V21" s="30">
        <v>2022</v>
      </c>
      <c r="W21" s="31">
        <v>44680</v>
      </c>
      <c r="X21" s="32">
        <v>44680.681273148148</v>
      </c>
      <c r="Y21" t="s">
        <v>38</v>
      </c>
    </row>
    <row r="22" spans="1:25">
      <c r="A22" t="s">
        <v>25</v>
      </c>
      <c r="B22" t="s">
        <v>312</v>
      </c>
      <c r="C22" s="27">
        <v>44666</v>
      </c>
      <c r="D22" t="s">
        <v>27</v>
      </c>
      <c r="E22" t="s">
        <v>28</v>
      </c>
      <c r="F22" t="s">
        <v>316</v>
      </c>
      <c r="G22" s="28">
        <v>4</v>
      </c>
      <c r="H22" t="s">
        <v>29</v>
      </c>
      <c r="I22" t="s">
        <v>30</v>
      </c>
      <c r="K22" t="s">
        <v>31</v>
      </c>
      <c r="L22" s="29">
        <v>-855.5</v>
      </c>
      <c r="M22" t="s">
        <v>317</v>
      </c>
      <c r="N22" t="s">
        <v>32</v>
      </c>
      <c r="O22" t="s">
        <v>33</v>
      </c>
      <c r="P22" t="s">
        <v>34</v>
      </c>
      <c r="Q22" t="s">
        <v>35</v>
      </c>
      <c r="R22" t="s">
        <v>36</v>
      </c>
      <c r="U22" t="s">
        <v>37</v>
      </c>
      <c r="V22" s="30">
        <v>2022</v>
      </c>
      <c r="W22" s="31">
        <v>44665</v>
      </c>
      <c r="X22" s="32">
        <v>44665.331932870373</v>
      </c>
      <c r="Y22" t="s">
        <v>38</v>
      </c>
    </row>
    <row r="23" spans="1:25">
      <c r="A23" t="s">
        <v>25</v>
      </c>
      <c r="B23" t="s">
        <v>340</v>
      </c>
      <c r="C23" s="27">
        <v>44678</v>
      </c>
      <c r="D23" t="s">
        <v>27</v>
      </c>
      <c r="E23" t="s">
        <v>28</v>
      </c>
      <c r="F23" t="s">
        <v>316</v>
      </c>
      <c r="G23" s="28">
        <v>4</v>
      </c>
      <c r="H23" t="s">
        <v>327</v>
      </c>
      <c r="I23" t="s">
        <v>320</v>
      </c>
      <c r="K23" t="s">
        <v>31</v>
      </c>
      <c r="L23" s="29">
        <v>-100</v>
      </c>
      <c r="M23" t="s">
        <v>328</v>
      </c>
      <c r="N23" t="s">
        <v>322</v>
      </c>
      <c r="O23" t="s">
        <v>33</v>
      </c>
      <c r="Q23" t="s">
        <v>35</v>
      </c>
      <c r="R23" t="s">
        <v>329</v>
      </c>
      <c r="U23" t="s">
        <v>37</v>
      </c>
      <c r="V23" s="30">
        <v>2022</v>
      </c>
      <c r="W23" s="31">
        <v>44679</v>
      </c>
      <c r="X23" s="32">
        <v>44679.23228009259</v>
      </c>
      <c r="Y23" t="s">
        <v>328</v>
      </c>
    </row>
    <row r="24" spans="1:25">
      <c r="A24" t="s">
        <v>25</v>
      </c>
      <c r="B24" t="s">
        <v>318</v>
      </c>
      <c r="C24" s="27">
        <v>44681</v>
      </c>
      <c r="D24" t="s">
        <v>27</v>
      </c>
      <c r="E24" t="s">
        <v>28</v>
      </c>
      <c r="F24" t="s">
        <v>316</v>
      </c>
      <c r="G24" s="28">
        <v>4</v>
      </c>
      <c r="H24" t="s">
        <v>319</v>
      </c>
      <c r="I24" t="s">
        <v>320</v>
      </c>
      <c r="K24" t="s">
        <v>31</v>
      </c>
      <c r="L24" s="29">
        <v>2416.58</v>
      </c>
      <c r="M24" t="s">
        <v>321</v>
      </c>
      <c r="N24" t="s">
        <v>322</v>
      </c>
      <c r="O24" t="s">
        <v>33</v>
      </c>
      <c r="P24" t="s">
        <v>34</v>
      </c>
      <c r="Q24" t="s">
        <v>323</v>
      </c>
      <c r="R24" t="s">
        <v>36</v>
      </c>
      <c r="U24" t="s">
        <v>338</v>
      </c>
      <c r="V24" s="30">
        <v>2022</v>
      </c>
      <c r="W24" s="31">
        <v>44687</v>
      </c>
      <c r="X24" s="32">
        <v>44687.41983796296</v>
      </c>
      <c r="Y24" t="s">
        <v>339</v>
      </c>
    </row>
    <row r="25" spans="1:25">
      <c r="A25" t="s">
        <v>349</v>
      </c>
      <c r="B25" t="s">
        <v>350</v>
      </c>
      <c r="C25" s="27">
        <v>44681</v>
      </c>
      <c r="D25" t="s">
        <v>27</v>
      </c>
      <c r="E25" t="s">
        <v>28</v>
      </c>
      <c r="F25" t="s">
        <v>316</v>
      </c>
      <c r="G25" s="28">
        <v>4</v>
      </c>
      <c r="H25" t="s">
        <v>351</v>
      </c>
      <c r="I25" t="s">
        <v>30</v>
      </c>
      <c r="K25" t="s">
        <v>31</v>
      </c>
      <c r="L25" s="29">
        <v>0</v>
      </c>
      <c r="M25" t="s">
        <v>352</v>
      </c>
      <c r="N25" t="s">
        <v>32</v>
      </c>
      <c r="O25" t="s">
        <v>353</v>
      </c>
      <c r="P25" t="s">
        <v>34</v>
      </c>
      <c r="Q25" t="s">
        <v>323</v>
      </c>
      <c r="R25" t="s">
        <v>354</v>
      </c>
      <c r="U25" t="s">
        <v>359</v>
      </c>
      <c r="V25" s="30">
        <v>2022</v>
      </c>
      <c r="W25" s="31">
        <v>44683</v>
      </c>
      <c r="X25" s="32">
        <v>44683.635451388887</v>
      </c>
      <c r="Y25" t="s">
        <v>356</v>
      </c>
    </row>
    <row r="26" spans="1:25">
      <c r="A26" t="s">
        <v>349</v>
      </c>
      <c r="B26" t="s">
        <v>357</v>
      </c>
      <c r="C26" s="27">
        <v>44681</v>
      </c>
      <c r="D26" t="s">
        <v>27</v>
      </c>
      <c r="E26" t="s">
        <v>28</v>
      </c>
      <c r="F26" t="s">
        <v>316</v>
      </c>
      <c r="G26" s="28">
        <v>4</v>
      </c>
      <c r="H26" t="s">
        <v>351</v>
      </c>
      <c r="I26" t="s">
        <v>30</v>
      </c>
      <c r="K26" t="s">
        <v>31</v>
      </c>
      <c r="L26" s="29">
        <v>-74.02</v>
      </c>
      <c r="M26" t="s">
        <v>358</v>
      </c>
      <c r="N26" t="s">
        <v>32</v>
      </c>
      <c r="O26" t="s">
        <v>353</v>
      </c>
      <c r="P26" t="s">
        <v>34</v>
      </c>
      <c r="Q26" t="s">
        <v>323</v>
      </c>
      <c r="R26" t="s">
        <v>354</v>
      </c>
      <c r="U26" t="s">
        <v>359</v>
      </c>
      <c r="V26" s="30">
        <v>2022</v>
      </c>
      <c r="W26" s="31">
        <v>44683</v>
      </c>
      <c r="X26" s="32">
        <v>44683.635474537034</v>
      </c>
      <c r="Y26" t="s">
        <v>360</v>
      </c>
    </row>
    <row r="27" spans="1:25">
      <c r="A27" t="s">
        <v>25</v>
      </c>
      <c r="B27" t="s">
        <v>333</v>
      </c>
      <c r="C27" s="27">
        <v>44684</v>
      </c>
      <c r="D27" t="s">
        <v>27</v>
      </c>
      <c r="E27" t="s">
        <v>28</v>
      </c>
      <c r="F27" t="s">
        <v>316</v>
      </c>
      <c r="G27" s="28">
        <v>5</v>
      </c>
      <c r="H27" t="s">
        <v>327</v>
      </c>
      <c r="I27" t="s">
        <v>320</v>
      </c>
      <c r="K27" t="s">
        <v>31</v>
      </c>
      <c r="L27" s="29">
        <v>-100</v>
      </c>
      <c r="M27" t="s">
        <v>328</v>
      </c>
      <c r="N27" t="s">
        <v>322</v>
      </c>
      <c r="O27" t="s">
        <v>33</v>
      </c>
      <c r="Q27" t="s">
        <v>35</v>
      </c>
      <c r="R27" t="s">
        <v>329</v>
      </c>
      <c r="U27" t="s">
        <v>37</v>
      </c>
      <c r="V27" s="30">
        <v>2022</v>
      </c>
      <c r="W27" s="31">
        <v>44685</v>
      </c>
      <c r="X27" s="32">
        <v>44685.288275462961</v>
      </c>
      <c r="Y27" t="s">
        <v>328</v>
      </c>
    </row>
    <row r="28" spans="1:25">
      <c r="A28" t="s">
        <v>25</v>
      </c>
      <c r="B28" t="s">
        <v>109</v>
      </c>
      <c r="C28" s="27">
        <v>44696</v>
      </c>
      <c r="D28" t="s">
        <v>27</v>
      </c>
      <c r="E28" t="s">
        <v>28</v>
      </c>
      <c r="F28" t="s">
        <v>316</v>
      </c>
      <c r="G28" s="28">
        <v>5</v>
      </c>
      <c r="H28" t="s">
        <v>29</v>
      </c>
      <c r="I28" t="s">
        <v>30</v>
      </c>
      <c r="K28" t="s">
        <v>31</v>
      </c>
      <c r="L28" s="29">
        <v>-963.5</v>
      </c>
      <c r="M28" t="s">
        <v>317</v>
      </c>
      <c r="N28" t="s">
        <v>32</v>
      </c>
      <c r="O28" t="s">
        <v>33</v>
      </c>
      <c r="P28" t="s">
        <v>34</v>
      </c>
      <c r="Q28" t="s">
        <v>35</v>
      </c>
      <c r="R28" t="s">
        <v>36</v>
      </c>
      <c r="U28" t="s">
        <v>37</v>
      </c>
      <c r="V28" s="30">
        <v>2022</v>
      </c>
      <c r="W28" s="31">
        <v>44700</v>
      </c>
      <c r="X28" s="32">
        <v>44700.712638888886</v>
      </c>
      <c r="Y28" t="s">
        <v>38</v>
      </c>
    </row>
    <row r="29" spans="1:25">
      <c r="A29" t="s">
        <v>25</v>
      </c>
      <c r="B29" t="s">
        <v>138</v>
      </c>
      <c r="C29" s="27">
        <v>44696</v>
      </c>
      <c r="D29" t="s">
        <v>27</v>
      </c>
      <c r="E29" t="s">
        <v>28</v>
      </c>
      <c r="F29" t="s">
        <v>316</v>
      </c>
      <c r="G29" s="28">
        <v>5</v>
      </c>
      <c r="H29" t="s">
        <v>29</v>
      </c>
      <c r="I29" t="s">
        <v>30</v>
      </c>
      <c r="K29" t="s">
        <v>31</v>
      </c>
      <c r="L29" s="29">
        <v>-1089.3599999999999</v>
      </c>
      <c r="M29" t="s">
        <v>317</v>
      </c>
      <c r="N29" t="s">
        <v>32</v>
      </c>
      <c r="O29" t="s">
        <v>33</v>
      </c>
      <c r="P29" t="s">
        <v>34</v>
      </c>
      <c r="Q29" t="s">
        <v>35</v>
      </c>
      <c r="R29" t="s">
        <v>36</v>
      </c>
      <c r="U29" t="s">
        <v>37</v>
      </c>
      <c r="V29" s="30">
        <v>2022</v>
      </c>
      <c r="W29" s="31">
        <v>44700</v>
      </c>
      <c r="X29" s="32">
        <v>44700.71266203704</v>
      </c>
      <c r="Y29" t="s">
        <v>38</v>
      </c>
    </row>
    <row r="30" spans="1:25">
      <c r="A30" t="s">
        <v>25</v>
      </c>
      <c r="B30" t="s">
        <v>146</v>
      </c>
      <c r="C30" s="27">
        <v>44696</v>
      </c>
      <c r="D30" t="s">
        <v>27</v>
      </c>
      <c r="E30" t="s">
        <v>28</v>
      </c>
      <c r="F30" t="s">
        <v>316</v>
      </c>
      <c r="G30" s="28">
        <v>5</v>
      </c>
      <c r="H30" t="s">
        <v>29</v>
      </c>
      <c r="I30" t="s">
        <v>30</v>
      </c>
      <c r="K30" t="s">
        <v>31</v>
      </c>
      <c r="L30" s="29">
        <v>-1009.7</v>
      </c>
      <c r="M30" t="s">
        <v>317</v>
      </c>
      <c r="N30" t="s">
        <v>32</v>
      </c>
      <c r="O30" t="s">
        <v>33</v>
      </c>
      <c r="P30" t="s">
        <v>34</v>
      </c>
      <c r="Q30" t="s">
        <v>35</v>
      </c>
      <c r="R30" t="s">
        <v>36</v>
      </c>
      <c r="U30" t="s">
        <v>37</v>
      </c>
      <c r="V30" s="30">
        <v>2022</v>
      </c>
      <c r="W30" s="31">
        <v>44700</v>
      </c>
      <c r="X30" s="32">
        <v>44700.712685185186</v>
      </c>
      <c r="Y30" t="s">
        <v>38</v>
      </c>
    </row>
    <row r="31" spans="1:25">
      <c r="A31" t="s">
        <v>25</v>
      </c>
      <c r="B31" t="s">
        <v>147</v>
      </c>
      <c r="C31" s="27">
        <v>44696</v>
      </c>
      <c r="D31" t="s">
        <v>27</v>
      </c>
      <c r="E31" t="s">
        <v>28</v>
      </c>
      <c r="F31" t="s">
        <v>316</v>
      </c>
      <c r="G31" s="28">
        <v>5</v>
      </c>
      <c r="H31" t="s">
        <v>29</v>
      </c>
      <c r="I31" t="s">
        <v>30</v>
      </c>
      <c r="K31" t="s">
        <v>31</v>
      </c>
      <c r="L31" s="29">
        <v>-1173.08</v>
      </c>
      <c r="M31" t="s">
        <v>317</v>
      </c>
      <c r="N31" t="s">
        <v>32</v>
      </c>
      <c r="O31" t="s">
        <v>33</v>
      </c>
      <c r="P31" t="s">
        <v>34</v>
      </c>
      <c r="Q31" t="s">
        <v>35</v>
      </c>
      <c r="R31" t="s">
        <v>36</v>
      </c>
      <c r="U31" t="s">
        <v>37</v>
      </c>
      <c r="V31" s="30">
        <v>2022</v>
      </c>
      <c r="W31" s="31">
        <v>44712</v>
      </c>
      <c r="X31" s="32">
        <v>44712.714444444442</v>
      </c>
      <c r="Y31" t="s">
        <v>38</v>
      </c>
    </row>
    <row r="32" spans="1:25">
      <c r="A32" t="s">
        <v>25</v>
      </c>
      <c r="B32" t="s">
        <v>165</v>
      </c>
      <c r="C32" s="27">
        <v>44696</v>
      </c>
      <c r="D32" t="s">
        <v>27</v>
      </c>
      <c r="E32" t="s">
        <v>28</v>
      </c>
      <c r="F32" t="s">
        <v>316</v>
      </c>
      <c r="G32" s="28">
        <v>5</v>
      </c>
      <c r="H32" t="s">
        <v>29</v>
      </c>
      <c r="I32" t="s">
        <v>30</v>
      </c>
      <c r="K32" t="s">
        <v>31</v>
      </c>
      <c r="L32" s="29">
        <v>-750.32</v>
      </c>
      <c r="M32" t="s">
        <v>317</v>
      </c>
      <c r="N32" t="s">
        <v>32</v>
      </c>
      <c r="O32" t="s">
        <v>33</v>
      </c>
      <c r="P32" t="s">
        <v>34</v>
      </c>
      <c r="Q32" t="s">
        <v>35</v>
      </c>
      <c r="R32" t="s">
        <v>36</v>
      </c>
      <c r="U32" t="s">
        <v>37</v>
      </c>
      <c r="V32" s="30">
        <v>2022</v>
      </c>
      <c r="W32" s="31">
        <v>44712</v>
      </c>
      <c r="X32" s="32">
        <v>44712.714467592596</v>
      </c>
      <c r="Y32" t="s">
        <v>38</v>
      </c>
    </row>
    <row r="33" spans="1:25">
      <c r="A33" t="s">
        <v>25</v>
      </c>
      <c r="B33" t="s">
        <v>166</v>
      </c>
      <c r="C33" s="27">
        <v>44696</v>
      </c>
      <c r="D33" t="s">
        <v>27</v>
      </c>
      <c r="E33" t="s">
        <v>28</v>
      </c>
      <c r="F33" t="s">
        <v>316</v>
      </c>
      <c r="G33" s="28">
        <v>5</v>
      </c>
      <c r="H33" t="s">
        <v>29</v>
      </c>
      <c r="I33" t="s">
        <v>30</v>
      </c>
      <c r="K33" t="s">
        <v>31</v>
      </c>
      <c r="L33" s="29">
        <v>-704.15</v>
      </c>
      <c r="M33" t="s">
        <v>317</v>
      </c>
      <c r="N33" t="s">
        <v>32</v>
      </c>
      <c r="O33" t="s">
        <v>33</v>
      </c>
      <c r="P33" t="s">
        <v>34</v>
      </c>
      <c r="Q33" t="s">
        <v>35</v>
      </c>
      <c r="R33" t="s">
        <v>36</v>
      </c>
      <c r="U33" t="s">
        <v>37</v>
      </c>
      <c r="V33" s="30">
        <v>2022</v>
      </c>
      <c r="W33" s="31">
        <v>44700</v>
      </c>
      <c r="X33" s="32">
        <v>44700.712685185186</v>
      </c>
      <c r="Y33" t="s">
        <v>38</v>
      </c>
    </row>
    <row r="34" spans="1:25">
      <c r="A34" t="s">
        <v>25</v>
      </c>
      <c r="B34" t="s">
        <v>187</v>
      </c>
      <c r="C34" s="27">
        <v>44696</v>
      </c>
      <c r="D34" t="s">
        <v>27</v>
      </c>
      <c r="E34" t="s">
        <v>28</v>
      </c>
      <c r="F34" t="s">
        <v>316</v>
      </c>
      <c r="G34" s="28">
        <v>5</v>
      </c>
      <c r="H34" t="s">
        <v>29</v>
      </c>
      <c r="I34" t="s">
        <v>30</v>
      </c>
      <c r="K34" t="s">
        <v>31</v>
      </c>
      <c r="L34" s="29">
        <v>-670.4</v>
      </c>
      <c r="M34" t="s">
        <v>317</v>
      </c>
      <c r="N34" t="s">
        <v>32</v>
      </c>
      <c r="O34" t="s">
        <v>33</v>
      </c>
      <c r="P34" t="s">
        <v>34</v>
      </c>
      <c r="Q34" t="s">
        <v>35</v>
      </c>
      <c r="R34" t="s">
        <v>36</v>
      </c>
      <c r="U34" t="s">
        <v>37</v>
      </c>
      <c r="V34" s="30">
        <v>2022</v>
      </c>
      <c r="W34" s="31">
        <v>44700</v>
      </c>
      <c r="X34" s="32">
        <v>44700.71266203704</v>
      </c>
      <c r="Y34" t="s">
        <v>38</v>
      </c>
    </row>
    <row r="35" spans="1:25">
      <c r="A35" t="s">
        <v>25</v>
      </c>
      <c r="B35" t="s">
        <v>190</v>
      </c>
      <c r="C35" s="27">
        <v>44696</v>
      </c>
      <c r="D35" t="s">
        <v>27</v>
      </c>
      <c r="E35" t="s">
        <v>28</v>
      </c>
      <c r="F35" t="s">
        <v>316</v>
      </c>
      <c r="G35" s="28">
        <v>5</v>
      </c>
      <c r="H35" t="s">
        <v>29</v>
      </c>
      <c r="I35" t="s">
        <v>30</v>
      </c>
      <c r="K35" t="s">
        <v>31</v>
      </c>
      <c r="L35" s="29">
        <v>-1059.07</v>
      </c>
      <c r="M35" t="s">
        <v>317</v>
      </c>
      <c r="N35" t="s">
        <v>32</v>
      </c>
      <c r="O35" t="s">
        <v>33</v>
      </c>
      <c r="P35" t="s">
        <v>34</v>
      </c>
      <c r="Q35" t="s">
        <v>35</v>
      </c>
      <c r="R35" t="s">
        <v>36</v>
      </c>
      <c r="U35" t="s">
        <v>37</v>
      </c>
      <c r="V35" s="30">
        <v>2022</v>
      </c>
      <c r="W35" s="31">
        <v>44700</v>
      </c>
      <c r="X35" s="32">
        <v>44700.712650462963</v>
      </c>
      <c r="Y35" t="s">
        <v>38</v>
      </c>
    </row>
    <row r="36" spans="1:25">
      <c r="A36" t="s">
        <v>25</v>
      </c>
      <c r="B36" t="s">
        <v>169</v>
      </c>
      <c r="C36" s="27">
        <v>44696</v>
      </c>
      <c r="D36" t="s">
        <v>27</v>
      </c>
      <c r="E36" t="s">
        <v>28</v>
      </c>
      <c r="F36" t="s">
        <v>316</v>
      </c>
      <c r="G36" s="28">
        <v>5</v>
      </c>
      <c r="H36" t="s">
        <v>29</v>
      </c>
      <c r="I36" t="s">
        <v>30</v>
      </c>
      <c r="K36" t="s">
        <v>31</v>
      </c>
      <c r="L36" s="29">
        <v>-797.64</v>
      </c>
      <c r="M36" t="s">
        <v>317</v>
      </c>
      <c r="N36" t="s">
        <v>32</v>
      </c>
      <c r="O36" t="s">
        <v>33</v>
      </c>
      <c r="P36" t="s">
        <v>34</v>
      </c>
      <c r="Q36" t="s">
        <v>35</v>
      </c>
      <c r="R36" t="s">
        <v>36</v>
      </c>
      <c r="U36" t="s">
        <v>37</v>
      </c>
      <c r="V36" s="30">
        <v>2022</v>
      </c>
      <c r="W36" s="31">
        <v>44712</v>
      </c>
      <c r="X36" s="32">
        <v>44712.714467592596</v>
      </c>
      <c r="Y36" t="s">
        <v>38</v>
      </c>
    </row>
    <row r="37" spans="1:25">
      <c r="A37" t="s">
        <v>25</v>
      </c>
      <c r="B37" t="s">
        <v>96</v>
      </c>
      <c r="C37" s="27">
        <v>44696</v>
      </c>
      <c r="D37" t="s">
        <v>27</v>
      </c>
      <c r="E37" t="s">
        <v>28</v>
      </c>
      <c r="F37" t="s">
        <v>316</v>
      </c>
      <c r="G37" s="28">
        <v>5</v>
      </c>
      <c r="H37" t="s">
        <v>29</v>
      </c>
      <c r="I37" t="s">
        <v>30</v>
      </c>
      <c r="K37" t="s">
        <v>31</v>
      </c>
      <c r="L37" s="29">
        <v>-1101.69</v>
      </c>
      <c r="M37" t="s">
        <v>317</v>
      </c>
      <c r="N37" t="s">
        <v>32</v>
      </c>
      <c r="O37" t="s">
        <v>33</v>
      </c>
      <c r="P37" t="s">
        <v>34</v>
      </c>
      <c r="Q37" t="s">
        <v>35</v>
      </c>
      <c r="R37" t="s">
        <v>36</v>
      </c>
      <c r="U37" t="s">
        <v>37</v>
      </c>
      <c r="V37" s="30">
        <v>2022</v>
      </c>
      <c r="W37" s="31">
        <v>44712</v>
      </c>
      <c r="X37" s="32">
        <v>44712.714479166665</v>
      </c>
      <c r="Y37" t="s">
        <v>38</v>
      </c>
    </row>
    <row r="38" spans="1:25">
      <c r="A38" t="s">
        <v>25</v>
      </c>
      <c r="B38" t="s">
        <v>203</v>
      </c>
      <c r="C38" s="27">
        <v>44696</v>
      </c>
      <c r="D38" t="s">
        <v>27</v>
      </c>
      <c r="E38" t="s">
        <v>28</v>
      </c>
      <c r="F38" t="s">
        <v>316</v>
      </c>
      <c r="G38" s="28">
        <v>5</v>
      </c>
      <c r="H38" t="s">
        <v>29</v>
      </c>
      <c r="I38" t="s">
        <v>30</v>
      </c>
      <c r="K38" t="s">
        <v>31</v>
      </c>
      <c r="L38" s="29">
        <v>-1074.3</v>
      </c>
      <c r="M38" t="s">
        <v>317</v>
      </c>
      <c r="N38" t="s">
        <v>32</v>
      </c>
      <c r="O38" t="s">
        <v>33</v>
      </c>
      <c r="P38" t="s">
        <v>34</v>
      </c>
      <c r="Q38" t="s">
        <v>35</v>
      </c>
      <c r="R38" t="s">
        <v>36</v>
      </c>
      <c r="U38" t="s">
        <v>37</v>
      </c>
      <c r="V38" s="30">
        <v>2022</v>
      </c>
      <c r="W38" s="31">
        <v>44712</v>
      </c>
      <c r="X38" s="32">
        <v>44712.714502314811</v>
      </c>
      <c r="Y38" t="s">
        <v>38</v>
      </c>
    </row>
    <row r="39" spans="1:25">
      <c r="A39" t="s">
        <v>25</v>
      </c>
      <c r="B39" t="s">
        <v>245</v>
      </c>
      <c r="C39" s="27">
        <v>44696</v>
      </c>
      <c r="D39" t="s">
        <v>27</v>
      </c>
      <c r="E39" t="s">
        <v>28</v>
      </c>
      <c r="F39" t="s">
        <v>316</v>
      </c>
      <c r="G39" s="28">
        <v>5</v>
      </c>
      <c r="H39" t="s">
        <v>29</v>
      </c>
      <c r="I39" t="s">
        <v>30</v>
      </c>
      <c r="K39" t="s">
        <v>31</v>
      </c>
      <c r="L39" s="29">
        <v>-1069.02</v>
      </c>
      <c r="M39" t="s">
        <v>317</v>
      </c>
      <c r="N39" t="s">
        <v>32</v>
      </c>
      <c r="O39" t="s">
        <v>33</v>
      </c>
      <c r="P39" t="s">
        <v>34</v>
      </c>
      <c r="Q39" t="s">
        <v>35</v>
      </c>
      <c r="R39" t="s">
        <v>36</v>
      </c>
      <c r="U39" t="s">
        <v>37</v>
      </c>
      <c r="V39" s="30">
        <v>2022</v>
      </c>
      <c r="W39" s="31">
        <v>44712</v>
      </c>
      <c r="X39" s="32">
        <v>44712.714490740742</v>
      </c>
      <c r="Y39" t="s">
        <v>38</v>
      </c>
    </row>
    <row r="40" spans="1:25">
      <c r="A40" t="s">
        <v>25</v>
      </c>
      <c r="B40" t="s">
        <v>248</v>
      </c>
      <c r="C40" s="27">
        <v>44696</v>
      </c>
      <c r="D40" t="s">
        <v>27</v>
      </c>
      <c r="E40" t="s">
        <v>28</v>
      </c>
      <c r="F40" t="s">
        <v>316</v>
      </c>
      <c r="G40" s="28">
        <v>5</v>
      </c>
      <c r="H40" t="s">
        <v>29</v>
      </c>
      <c r="I40" t="s">
        <v>30</v>
      </c>
      <c r="K40" t="s">
        <v>31</v>
      </c>
      <c r="L40" s="29">
        <v>-1143.0999999999999</v>
      </c>
      <c r="M40" t="s">
        <v>317</v>
      </c>
      <c r="N40" t="s">
        <v>32</v>
      </c>
      <c r="O40" t="s">
        <v>33</v>
      </c>
      <c r="P40" t="s">
        <v>34</v>
      </c>
      <c r="Q40" t="s">
        <v>35</v>
      </c>
      <c r="R40" t="s">
        <v>36</v>
      </c>
      <c r="U40" t="s">
        <v>37</v>
      </c>
      <c r="V40" s="30">
        <v>2022</v>
      </c>
      <c r="W40" s="31">
        <v>44712</v>
      </c>
      <c r="X40" s="32">
        <v>44712.714513888888</v>
      </c>
      <c r="Y40" t="s">
        <v>38</v>
      </c>
    </row>
    <row r="41" spans="1:25">
      <c r="A41" t="s">
        <v>25</v>
      </c>
      <c r="B41" t="s">
        <v>249</v>
      </c>
      <c r="C41" s="27">
        <v>44696</v>
      </c>
      <c r="D41" t="s">
        <v>27</v>
      </c>
      <c r="E41" t="s">
        <v>28</v>
      </c>
      <c r="F41" t="s">
        <v>316</v>
      </c>
      <c r="G41" s="28">
        <v>5</v>
      </c>
      <c r="H41" t="s">
        <v>29</v>
      </c>
      <c r="I41" t="s">
        <v>30</v>
      </c>
      <c r="K41" t="s">
        <v>31</v>
      </c>
      <c r="L41" s="29">
        <v>-1430.86</v>
      </c>
      <c r="M41" t="s">
        <v>317</v>
      </c>
      <c r="N41" t="s">
        <v>32</v>
      </c>
      <c r="O41" t="s">
        <v>33</v>
      </c>
      <c r="P41" t="s">
        <v>34</v>
      </c>
      <c r="Q41" t="s">
        <v>35</v>
      </c>
      <c r="R41" t="s">
        <v>36</v>
      </c>
      <c r="U41" t="s">
        <v>37</v>
      </c>
      <c r="V41" s="30">
        <v>2022</v>
      </c>
      <c r="W41" s="31">
        <v>44712</v>
      </c>
      <c r="X41" s="32">
        <v>44712.714502314811</v>
      </c>
      <c r="Y41" t="s">
        <v>38</v>
      </c>
    </row>
    <row r="42" spans="1:25">
      <c r="A42" t="s">
        <v>25</v>
      </c>
      <c r="B42" t="s">
        <v>284</v>
      </c>
      <c r="C42" s="27">
        <v>44696</v>
      </c>
      <c r="D42" t="s">
        <v>27</v>
      </c>
      <c r="E42" t="s">
        <v>28</v>
      </c>
      <c r="F42" t="s">
        <v>316</v>
      </c>
      <c r="G42" s="28">
        <v>5</v>
      </c>
      <c r="H42" t="s">
        <v>29</v>
      </c>
      <c r="I42" t="s">
        <v>30</v>
      </c>
      <c r="K42" t="s">
        <v>31</v>
      </c>
      <c r="L42" s="29">
        <v>-1318.4</v>
      </c>
      <c r="M42" t="s">
        <v>317</v>
      </c>
      <c r="N42" t="s">
        <v>32</v>
      </c>
      <c r="O42" t="s">
        <v>33</v>
      </c>
      <c r="P42" t="s">
        <v>34</v>
      </c>
      <c r="Q42" t="s">
        <v>35</v>
      </c>
      <c r="R42" t="s">
        <v>36</v>
      </c>
      <c r="U42" t="s">
        <v>37</v>
      </c>
      <c r="V42" s="30">
        <v>2022</v>
      </c>
      <c r="W42" s="31">
        <v>44712</v>
      </c>
      <c r="X42" s="32">
        <v>44712.714456018519</v>
      </c>
      <c r="Y42" t="s">
        <v>38</v>
      </c>
    </row>
    <row r="43" spans="1:25">
      <c r="A43" t="s">
        <v>25</v>
      </c>
      <c r="B43" t="s">
        <v>285</v>
      </c>
      <c r="C43" s="27">
        <v>44696</v>
      </c>
      <c r="D43" t="s">
        <v>27</v>
      </c>
      <c r="E43" t="s">
        <v>28</v>
      </c>
      <c r="F43" t="s">
        <v>316</v>
      </c>
      <c r="G43" s="28">
        <v>5</v>
      </c>
      <c r="H43" t="s">
        <v>29</v>
      </c>
      <c r="I43" t="s">
        <v>30</v>
      </c>
      <c r="K43" t="s">
        <v>31</v>
      </c>
      <c r="L43" s="29">
        <v>-1501.98</v>
      </c>
      <c r="M43" t="s">
        <v>317</v>
      </c>
      <c r="N43" t="s">
        <v>32</v>
      </c>
      <c r="O43" t="s">
        <v>33</v>
      </c>
      <c r="P43" t="s">
        <v>34</v>
      </c>
      <c r="Q43" t="s">
        <v>35</v>
      </c>
      <c r="R43" t="s">
        <v>36</v>
      </c>
      <c r="U43" t="s">
        <v>37</v>
      </c>
      <c r="V43" s="30">
        <v>2022</v>
      </c>
      <c r="W43" s="31">
        <v>44700</v>
      </c>
      <c r="X43" s="32">
        <v>44700.712673611109</v>
      </c>
      <c r="Y43" t="s">
        <v>38</v>
      </c>
    </row>
    <row r="44" spans="1:25">
      <c r="A44" t="s">
        <v>25</v>
      </c>
      <c r="B44" t="s">
        <v>268</v>
      </c>
      <c r="C44" s="27">
        <v>44696</v>
      </c>
      <c r="D44" t="s">
        <v>27</v>
      </c>
      <c r="E44" t="s">
        <v>28</v>
      </c>
      <c r="F44" t="s">
        <v>316</v>
      </c>
      <c r="G44" s="28">
        <v>5</v>
      </c>
      <c r="H44" t="s">
        <v>29</v>
      </c>
      <c r="I44" t="s">
        <v>30</v>
      </c>
      <c r="K44" t="s">
        <v>31</v>
      </c>
      <c r="L44" s="29">
        <v>-1499.25</v>
      </c>
      <c r="M44" t="s">
        <v>317</v>
      </c>
      <c r="N44" t="s">
        <v>32</v>
      </c>
      <c r="O44" t="s">
        <v>33</v>
      </c>
      <c r="P44" t="s">
        <v>34</v>
      </c>
      <c r="Q44" t="s">
        <v>35</v>
      </c>
      <c r="R44" t="s">
        <v>36</v>
      </c>
      <c r="U44" t="s">
        <v>37</v>
      </c>
      <c r="V44" s="30">
        <v>2022</v>
      </c>
      <c r="W44" s="31">
        <v>44713</v>
      </c>
      <c r="X44" s="32">
        <v>44713.703900462962</v>
      </c>
      <c r="Y44" t="s">
        <v>38</v>
      </c>
    </row>
    <row r="45" spans="1:25">
      <c r="A45" t="s">
        <v>25</v>
      </c>
      <c r="B45" t="s">
        <v>295</v>
      </c>
      <c r="C45" s="27">
        <v>44696</v>
      </c>
      <c r="D45" t="s">
        <v>27</v>
      </c>
      <c r="E45" t="s">
        <v>28</v>
      </c>
      <c r="F45" t="s">
        <v>316</v>
      </c>
      <c r="G45" s="28">
        <v>5</v>
      </c>
      <c r="H45" t="s">
        <v>29</v>
      </c>
      <c r="I45" t="s">
        <v>30</v>
      </c>
      <c r="K45" t="s">
        <v>31</v>
      </c>
      <c r="L45" s="29">
        <v>-1345.94</v>
      </c>
      <c r="M45" t="s">
        <v>317</v>
      </c>
      <c r="N45" t="s">
        <v>32</v>
      </c>
      <c r="O45" t="s">
        <v>33</v>
      </c>
      <c r="P45" t="s">
        <v>34</v>
      </c>
      <c r="Q45" t="s">
        <v>35</v>
      </c>
      <c r="R45" t="s">
        <v>36</v>
      </c>
      <c r="U45" t="s">
        <v>37</v>
      </c>
      <c r="V45" s="30">
        <v>2022</v>
      </c>
      <c r="W45" s="31">
        <v>44712</v>
      </c>
      <c r="X45" s="32">
        <v>44712.714490740742</v>
      </c>
      <c r="Y45" t="s">
        <v>38</v>
      </c>
    </row>
    <row r="46" spans="1:25">
      <c r="A46" t="s">
        <v>25</v>
      </c>
      <c r="B46" t="s">
        <v>98</v>
      </c>
      <c r="C46" s="27">
        <v>44696</v>
      </c>
      <c r="D46" t="s">
        <v>27</v>
      </c>
      <c r="E46" t="s">
        <v>28</v>
      </c>
      <c r="F46" t="s">
        <v>316</v>
      </c>
      <c r="G46" s="28">
        <v>5</v>
      </c>
      <c r="H46" t="s">
        <v>29</v>
      </c>
      <c r="I46" t="s">
        <v>30</v>
      </c>
      <c r="K46" t="s">
        <v>31</v>
      </c>
      <c r="L46" s="29">
        <v>-1505.55</v>
      </c>
      <c r="M46" t="s">
        <v>317</v>
      </c>
      <c r="N46" t="s">
        <v>32</v>
      </c>
      <c r="O46" t="s">
        <v>33</v>
      </c>
      <c r="P46" t="s">
        <v>34</v>
      </c>
      <c r="Q46" t="s">
        <v>35</v>
      </c>
      <c r="R46" t="s">
        <v>36</v>
      </c>
      <c r="U46" t="s">
        <v>37</v>
      </c>
      <c r="V46" s="30">
        <v>2022</v>
      </c>
      <c r="W46" s="31">
        <v>44700</v>
      </c>
      <c r="X46" s="32">
        <v>44700.712638888886</v>
      </c>
      <c r="Y46" t="s">
        <v>38</v>
      </c>
    </row>
    <row r="47" spans="1:25">
      <c r="A47" t="s">
        <v>25</v>
      </c>
      <c r="B47" t="s">
        <v>306</v>
      </c>
      <c r="C47" s="27">
        <v>44696</v>
      </c>
      <c r="D47" t="s">
        <v>27</v>
      </c>
      <c r="E47" t="s">
        <v>28</v>
      </c>
      <c r="F47" t="s">
        <v>316</v>
      </c>
      <c r="G47" s="28">
        <v>5</v>
      </c>
      <c r="H47" t="s">
        <v>29</v>
      </c>
      <c r="I47" t="s">
        <v>30</v>
      </c>
      <c r="K47" t="s">
        <v>31</v>
      </c>
      <c r="L47" s="29">
        <v>-1942.36</v>
      </c>
      <c r="M47" t="s">
        <v>317</v>
      </c>
      <c r="N47" t="s">
        <v>32</v>
      </c>
      <c r="O47" t="s">
        <v>33</v>
      </c>
      <c r="P47" t="s">
        <v>34</v>
      </c>
      <c r="Q47" t="s">
        <v>35</v>
      </c>
      <c r="R47" t="s">
        <v>36</v>
      </c>
      <c r="U47" t="s">
        <v>37</v>
      </c>
      <c r="V47" s="30">
        <v>2022</v>
      </c>
      <c r="W47" s="31">
        <v>44712</v>
      </c>
      <c r="X47" s="32">
        <v>44712.714525462965</v>
      </c>
      <c r="Y47" t="s">
        <v>38</v>
      </c>
    </row>
    <row r="48" spans="1:25">
      <c r="A48" t="s">
        <v>25</v>
      </c>
      <c r="B48" t="s">
        <v>97</v>
      </c>
      <c r="C48" s="27">
        <v>44696</v>
      </c>
      <c r="D48" t="s">
        <v>27</v>
      </c>
      <c r="E48" t="s">
        <v>28</v>
      </c>
      <c r="F48" t="s">
        <v>316</v>
      </c>
      <c r="G48" s="28">
        <v>5</v>
      </c>
      <c r="H48" t="s">
        <v>29</v>
      </c>
      <c r="I48" t="s">
        <v>30</v>
      </c>
      <c r="K48" t="s">
        <v>31</v>
      </c>
      <c r="L48" s="29">
        <v>-923.75</v>
      </c>
      <c r="M48" t="s">
        <v>317</v>
      </c>
      <c r="N48" t="s">
        <v>32</v>
      </c>
      <c r="O48" t="s">
        <v>33</v>
      </c>
      <c r="P48" t="s">
        <v>34</v>
      </c>
      <c r="Q48" t="s">
        <v>35</v>
      </c>
      <c r="R48" t="s">
        <v>36</v>
      </c>
      <c r="U48" t="s">
        <v>37</v>
      </c>
      <c r="V48" s="30">
        <v>2022</v>
      </c>
      <c r="W48" s="31">
        <v>44712</v>
      </c>
      <c r="X48" s="32">
        <v>44712.714513888888</v>
      </c>
      <c r="Y48" t="s">
        <v>38</v>
      </c>
    </row>
    <row r="49" spans="1:25">
      <c r="A49" t="s">
        <v>25</v>
      </c>
      <c r="B49" t="s">
        <v>318</v>
      </c>
      <c r="C49" s="27">
        <v>44712</v>
      </c>
      <c r="D49" t="s">
        <v>27</v>
      </c>
      <c r="E49" t="s">
        <v>28</v>
      </c>
      <c r="F49" t="s">
        <v>316</v>
      </c>
      <c r="G49" s="28">
        <v>5</v>
      </c>
      <c r="H49" t="s">
        <v>319</v>
      </c>
      <c r="I49" t="s">
        <v>320</v>
      </c>
      <c r="K49" t="s">
        <v>31</v>
      </c>
      <c r="L49" s="29">
        <v>12790.1</v>
      </c>
      <c r="M49" t="s">
        <v>321</v>
      </c>
      <c r="N49" t="s">
        <v>322</v>
      </c>
      <c r="O49" t="s">
        <v>33</v>
      </c>
      <c r="P49" t="s">
        <v>34</v>
      </c>
      <c r="Q49" t="s">
        <v>323</v>
      </c>
      <c r="R49" t="s">
        <v>36</v>
      </c>
      <c r="U49" t="s">
        <v>324</v>
      </c>
      <c r="V49" s="30">
        <v>2022</v>
      </c>
      <c r="W49" s="31">
        <v>44719</v>
      </c>
      <c r="X49" s="32">
        <v>44719.496006944442</v>
      </c>
      <c r="Y49" t="s">
        <v>330</v>
      </c>
    </row>
    <row r="50" spans="1:25">
      <c r="A50" t="s">
        <v>349</v>
      </c>
      <c r="B50" t="s">
        <v>357</v>
      </c>
      <c r="C50" s="27">
        <v>44712</v>
      </c>
      <c r="D50" t="s">
        <v>27</v>
      </c>
      <c r="E50" t="s">
        <v>28</v>
      </c>
      <c r="F50" t="s">
        <v>316</v>
      </c>
      <c r="G50" s="28">
        <v>5</v>
      </c>
      <c r="H50" t="s">
        <v>351</v>
      </c>
      <c r="I50" t="s">
        <v>30</v>
      </c>
      <c r="K50" t="s">
        <v>31</v>
      </c>
      <c r="L50" s="29">
        <v>-74.02</v>
      </c>
      <c r="M50" t="s">
        <v>358</v>
      </c>
      <c r="N50" t="s">
        <v>32</v>
      </c>
      <c r="O50" t="s">
        <v>353</v>
      </c>
      <c r="P50" t="s">
        <v>34</v>
      </c>
      <c r="Q50" t="s">
        <v>323</v>
      </c>
      <c r="R50" t="s">
        <v>354</v>
      </c>
      <c r="U50" t="s">
        <v>355</v>
      </c>
      <c r="V50" s="30">
        <v>2022</v>
      </c>
      <c r="W50" s="31">
        <v>44712</v>
      </c>
      <c r="X50" s="32">
        <v>44712.696851851855</v>
      </c>
      <c r="Y50" t="s">
        <v>360</v>
      </c>
    </row>
    <row r="51" spans="1:25">
      <c r="A51" t="s">
        <v>349</v>
      </c>
      <c r="B51" t="s">
        <v>350</v>
      </c>
      <c r="C51" s="27">
        <v>44712</v>
      </c>
      <c r="D51" t="s">
        <v>27</v>
      </c>
      <c r="E51" t="s">
        <v>28</v>
      </c>
      <c r="F51" t="s">
        <v>316</v>
      </c>
      <c r="G51" s="28">
        <v>5</v>
      </c>
      <c r="H51" t="s">
        <v>351</v>
      </c>
      <c r="I51" t="s">
        <v>30</v>
      </c>
      <c r="K51" t="s">
        <v>31</v>
      </c>
      <c r="L51" s="29">
        <v>0</v>
      </c>
      <c r="M51" t="s">
        <v>352</v>
      </c>
      <c r="N51" t="s">
        <v>32</v>
      </c>
      <c r="O51" t="s">
        <v>353</v>
      </c>
      <c r="P51" t="s">
        <v>34</v>
      </c>
      <c r="Q51" t="s">
        <v>323</v>
      </c>
      <c r="R51" t="s">
        <v>354</v>
      </c>
      <c r="U51" t="s">
        <v>355</v>
      </c>
      <c r="V51" s="30">
        <v>2022</v>
      </c>
      <c r="W51" s="31">
        <v>44712</v>
      </c>
      <c r="X51" s="32">
        <v>44712.69630787037</v>
      </c>
      <c r="Y51" t="s">
        <v>356</v>
      </c>
    </row>
    <row r="52" spans="1:25">
      <c r="A52" t="s">
        <v>25</v>
      </c>
      <c r="B52" t="s">
        <v>69</v>
      </c>
      <c r="C52" s="27">
        <v>44727</v>
      </c>
      <c r="D52" t="s">
        <v>27</v>
      </c>
      <c r="E52" t="s">
        <v>28</v>
      </c>
      <c r="F52" t="s">
        <v>316</v>
      </c>
      <c r="G52" s="28">
        <v>6</v>
      </c>
      <c r="H52" t="s">
        <v>29</v>
      </c>
      <c r="I52" t="s">
        <v>30</v>
      </c>
      <c r="K52" t="s">
        <v>31</v>
      </c>
      <c r="L52" s="29">
        <v>-1622.65</v>
      </c>
      <c r="M52" t="s">
        <v>317</v>
      </c>
      <c r="N52" t="s">
        <v>32</v>
      </c>
      <c r="O52" t="s">
        <v>33</v>
      </c>
      <c r="P52" t="s">
        <v>34</v>
      </c>
      <c r="Q52" t="s">
        <v>35</v>
      </c>
      <c r="R52" t="s">
        <v>36</v>
      </c>
      <c r="U52" t="s">
        <v>37</v>
      </c>
      <c r="V52" s="30">
        <v>2022</v>
      </c>
      <c r="W52" s="31">
        <v>44741</v>
      </c>
      <c r="X52" s="32">
        <v>44741.553518518522</v>
      </c>
      <c r="Y52" t="s">
        <v>38</v>
      </c>
    </row>
    <row r="53" spans="1:25">
      <c r="A53" t="s">
        <v>25</v>
      </c>
      <c r="B53" t="s">
        <v>74</v>
      </c>
      <c r="C53" s="27">
        <v>44727</v>
      </c>
      <c r="D53" t="s">
        <v>27</v>
      </c>
      <c r="E53" t="s">
        <v>28</v>
      </c>
      <c r="F53" t="s">
        <v>316</v>
      </c>
      <c r="G53" s="28">
        <v>6</v>
      </c>
      <c r="H53" t="s">
        <v>29</v>
      </c>
      <c r="I53" t="s">
        <v>30</v>
      </c>
      <c r="K53" t="s">
        <v>31</v>
      </c>
      <c r="L53" s="29">
        <v>-1488.32</v>
      </c>
      <c r="M53" t="s">
        <v>317</v>
      </c>
      <c r="N53" t="s">
        <v>32</v>
      </c>
      <c r="O53" t="s">
        <v>33</v>
      </c>
      <c r="P53" t="s">
        <v>34</v>
      </c>
      <c r="Q53" t="s">
        <v>35</v>
      </c>
      <c r="R53" t="s">
        <v>36</v>
      </c>
      <c r="U53" t="s">
        <v>37</v>
      </c>
      <c r="V53" s="30">
        <v>2022</v>
      </c>
      <c r="W53" s="31">
        <v>44732</v>
      </c>
      <c r="X53" s="32">
        <v>44732.643680555557</v>
      </c>
      <c r="Y53" t="s">
        <v>38</v>
      </c>
    </row>
    <row r="54" spans="1:25">
      <c r="A54" t="s">
        <v>25</v>
      </c>
      <c r="B54" t="s">
        <v>77</v>
      </c>
      <c r="C54" s="27">
        <v>44727</v>
      </c>
      <c r="D54" t="s">
        <v>27</v>
      </c>
      <c r="E54" t="s">
        <v>28</v>
      </c>
      <c r="F54" t="s">
        <v>316</v>
      </c>
      <c r="G54" s="28">
        <v>6</v>
      </c>
      <c r="H54" t="s">
        <v>29</v>
      </c>
      <c r="I54" t="s">
        <v>30</v>
      </c>
      <c r="K54" t="s">
        <v>31</v>
      </c>
      <c r="L54" s="29">
        <v>-1196.05</v>
      </c>
      <c r="M54" t="s">
        <v>317</v>
      </c>
      <c r="N54" t="s">
        <v>32</v>
      </c>
      <c r="O54" t="s">
        <v>33</v>
      </c>
      <c r="P54" t="s">
        <v>34</v>
      </c>
      <c r="Q54" t="s">
        <v>35</v>
      </c>
      <c r="R54" t="s">
        <v>36</v>
      </c>
      <c r="U54" t="s">
        <v>37</v>
      </c>
      <c r="V54" s="30">
        <v>2022</v>
      </c>
      <c r="W54" s="31">
        <v>44732</v>
      </c>
      <c r="X54" s="32">
        <v>44732.643680555557</v>
      </c>
      <c r="Y54" t="s">
        <v>38</v>
      </c>
    </row>
    <row r="55" spans="1:25">
      <c r="A55" t="s">
        <v>25</v>
      </c>
      <c r="B55" t="s">
        <v>105</v>
      </c>
      <c r="C55" s="27">
        <v>44727</v>
      </c>
      <c r="D55" t="s">
        <v>27</v>
      </c>
      <c r="E55" t="s">
        <v>28</v>
      </c>
      <c r="F55" t="s">
        <v>316</v>
      </c>
      <c r="G55" s="28">
        <v>6</v>
      </c>
      <c r="H55" t="s">
        <v>29</v>
      </c>
      <c r="I55" t="s">
        <v>30</v>
      </c>
      <c r="K55" t="s">
        <v>31</v>
      </c>
      <c r="L55" s="29">
        <v>-185.05</v>
      </c>
      <c r="M55" t="s">
        <v>317</v>
      </c>
      <c r="N55" t="s">
        <v>32</v>
      </c>
      <c r="O55" t="s">
        <v>33</v>
      </c>
      <c r="P55" t="s">
        <v>34</v>
      </c>
      <c r="Q55" t="s">
        <v>35</v>
      </c>
      <c r="R55" t="s">
        <v>36</v>
      </c>
      <c r="U55" t="s">
        <v>37</v>
      </c>
      <c r="V55" s="30">
        <v>2022</v>
      </c>
      <c r="W55" s="31">
        <v>44732</v>
      </c>
      <c r="X55" s="32">
        <v>44732.643703703703</v>
      </c>
      <c r="Y55" t="s">
        <v>38</v>
      </c>
    </row>
    <row r="56" spans="1:25">
      <c r="A56" t="s">
        <v>25</v>
      </c>
      <c r="B56" t="s">
        <v>107</v>
      </c>
      <c r="C56" s="27">
        <v>44727</v>
      </c>
      <c r="D56" t="s">
        <v>27</v>
      </c>
      <c r="E56" t="s">
        <v>28</v>
      </c>
      <c r="F56" t="s">
        <v>316</v>
      </c>
      <c r="G56" s="28">
        <v>6</v>
      </c>
      <c r="H56" t="s">
        <v>29</v>
      </c>
      <c r="I56" t="s">
        <v>30</v>
      </c>
      <c r="K56" t="s">
        <v>31</v>
      </c>
      <c r="L56" s="29">
        <v>-1323.95</v>
      </c>
      <c r="M56" t="s">
        <v>317</v>
      </c>
      <c r="N56" t="s">
        <v>32</v>
      </c>
      <c r="O56" t="s">
        <v>33</v>
      </c>
      <c r="P56" t="s">
        <v>34</v>
      </c>
      <c r="Q56" t="s">
        <v>35</v>
      </c>
      <c r="R56" t="s">
        <v>36</v>
      </c>
      <c r="U56" t="s">
        <v>37</v>
      </c>
      <c r="V56" s="30">
        <v>2022</v>
      </c>
      <c r="W56" s="31">
        <v>44732</v>
      </c>
      <c r="X56" s="32">
        <v>44732.643680555557</v>
      </c>
      <c r="Y56" t="s">
        <v>38</v>
      </c>
    </row>
    <row r="57" spans="1:25">
      <c r="A57" t="s">
        <v>25</v>
      </c>
      <c r="B57" t="s">
        <v>113</v>
      </c>
      <c r="C57" s="27">
        <v>44727</v>
      </c>
      <c r="D57" t="s">
        <v>27</v>
      </c>
      <c r="E57" t="s">
        <v>28</v>
      </c>
      <c r="F57" t="s">
        <v>316</v>
      </c>
      <c r="G57" s="28">
        <v>6</v>
      </c>
      <c r="H57" t="s">
        <v>29</v>
      </c>
      <c r="I57" t="s">
        <v>30</v>
      </c>
      <c r="K57" t="s">
        <v>31</v>
      </c>
      <c r="L57" s="29">
        <v>-916</v>
      </c>
      <c r="M57" t="s">
        <v>317</v>
      </c>
      <c r="N57" t="s">
        <v>32</v>
      </c>
      <c r="O57" t="s">
        <v>33</v>
      </c>
      <c r="P57" t="s">
        <v>34</v>
      </c>
      <c r="Q57" t="s">
        <v>35</v>
      </c>
      <c r="R57" t="s">
        <v>36</v>
      </c>
      <c r="U57" t="s">
        <v>37</v>
      </c>
      <c r="V57" s="30">
        <v>2022</v>
      </c>
      <c r="W57" s="31">
        <v>44732</v>
      </c>
      <c r="X57" s="32">
        <v>44732.643692129626</v>
      </c>
      <c r="Y57" t="s">
        <v>38</v>
      </c>
    </row>
    <row r="58" spans="1:25">
      <c r="A58" t="s">
        <v>25</v>
      </c>
      <c r="B58" t="s">
        <v>122</v>
      </c>
      <c r="C58" s="27">
        <v>44727</v>
      </c>
      <c r="D58" t="s">
        <v>27</v>
      </c>
      <c r="E58" t="s">
        <v>28</v>
      </c>
      <c r="F58" t="s">
        <v>316</v>
      </c>
      <c r="G58" s="28">
        <v>6</v>
      </c>
      <c r="H58" t="s">
        <v>29</v>
      </c>
      <c r="I58" t="s">
        <v>30</v>
      </c>
      <c r="K58" t="s">
        <v>31</v>
      </c>
      <c r="L58" s="29">
        <v>-1586.54</v>
      </c>
      <c r="M58" t="s">
        <v>317</v>
      </c>
      <c r="N58" t="s">
        <v>32</v>
      </c>
      <c r="O58" t="s">
        <v>33</v>
      </c>
      <c r="P58" t="s">
        <v>34</v>
      </c>
      <c r="Q58" t="s">
        <v>35</v>
      </c>
      <c r="R58" t="s">
        <v>36</v>
      </c>
      <c r="U58" t="s">
        <v>37</v>
      </c>
      <c r="V58" s="30">
        <v>2022</v>
      </c>
      <c r="W58" s="31">
        <v>44732</v>
      </c>
      <c r="X58" s="32">
        <v>44732.643680555557</v>
      </c>
      <c r="Y58" t="s">
        <v>38</v>
      </c>
    </row>
    <row r="59" spans="1:25">
      <c r="A59" t="s">
        <v>25</v>
      </c>
      <c r="B59" t="s">
        <v>123</v>
      </c>
      <c r="C59" s="27">
        <v>44727</v>
      </c>
      <c r="D59" t="s">
        <v>27</v>
      </c>
      <c r="E59" t="s">
        <v>28</v>
      </c>
      <c r="F59" t="s">
        <v>316</v>
      </c>
      <c r="G59" s="28">
        <v>6</v>
      </c>
      <c r="H59" t="s">
        <v>29</v>
      </c>
      <c r="I59" t="s">
        <v>30</v>
      </c>
      <c r="K59" t="s">
        <v>31</v>
      </c>
      <c r="L59" s="29">
        <v>-1878.05</v>
      </c>
      <c r="M59" t="s">
        <v>317</v>
      </c>
      <c r="N59" t="s">
        <v>32</v>
      </c>
      <c r="O59" t="s">
        <v>33</v>
      </c>
      <c r="P59" t="s">
        <v>34</v>
      </c>
      <c r="Q59" t="s">
        <v>35</v>
      </c>
      <c r="R59" t="s">
        <v>36</v>
      </c>
      <c r="U59" t="s">
        <v>37</v>
      </c>
      <c r="V59" s="30">
        <v>2022</v>
      </c>
      <c r="W59" s="31">
        <v>44732</v>
      </c>
      <c r="X59" s="32">
        <v>44732.643692129626</v>
      </c>
      <c r="Y59" t="s">
        <v>38</v>
      </c>
    </row>
    <row r="60" spans="1:25">
      <c r="A60" t="s">
        <v>25</v>
      </c>
      <c r="B60" t="s">
        <v>121</v>
      </c>
      <c r="C60" s="27">
        <v>44727</v>
      </c>
      <c r="D60" t="s">
        <v>27</v>
      </c>
      <c r="E60" t="s">
        <v>28</v>
      </c>
      <c r="F60" t="s">
        <v>316</v>
      </c>
      <c r="G60" s="28">
        <v>6</v>
      </c>
      <c r="H60" t="s">
        <v>29</v>
      </c>
      <c r="I60" t="s">
        <v>30</v>
      </c>
      <c r="K60" t="s">
        <v>31</v>
      </c>
      <c r="L60" s="29">
        <v>-894.05</v>
      </c>
      <c r="M60" t="s">
        <v>317</v>
      </c>
      <c r="N60" t="s">
        <v>32</v>
      </c>
      <c r="O60" t="s">
        <v>33</v>
      </c>
      <c r="P60" t="s">
        <v>34</v>
      </c>
      <c r="Q60" t="s">
        <v>35</v>
      </c>
      <c r="R60" t="s">
        <v>36</v>
      </c>
      <c r="U60" t="s">
        <v>37</v>
      </c>
      <c r="V60" s="30">
        <v>2022</v>
      </c>
      <c r="W60" s="31">
        <v>44732</v>
      </c>
      <c r="X60" s="32">
        <v>44732.643692129626</v>
      </c>
      <c r="Y60" t="s">
        <v>38</v>
      </c>
    </row>
    <row r="61" spans="1:25">
      <c r="A61" t="s">
        <v>25</v>
      </c>
      <c r="B61" t="s">
        <v>129</v>
      </c>
      <c r="C61" s="27">
        <v>44727</v>
      </c>
      <c r="D61" t="s">
        <v>27</v>
      </c>
      <c r="E61" t="s">
        <v>28</v>
      </c>
      <c r="F61" t="s">
        <v>316</v>
      </c>
      <c r="G61" s="28">
        <v>6</v>
      </c>
      <c r="H61" t="s">
        <v>29</v>
      </c>
      <c r="I61" t="s">
        <v>30</v>
      </c>
      <c r="K61" t="s">
        <v>31</v>
      </c>
      <c r="L61" s="29">
        <v>-1046.2</v>
      </c>
      <c r="M61" t="s">
        <v>317</v>
      </c>
      <c r="N61" t="s">
        <v>32</v>
      </c>
      <c r="O61" t="s">
        <v>33</v>
      </c>
      <c r="P61" t="s">
        <v>34</v>
      </c>
      <c r="Q61" t="s">
        <v>35</v>
      </c>
      <c r="R61" t="s">
        <v>36</v>
      </c>
      <c r="U61" t="s">
        <v>37</v>
      </c>
      <c r="V61" s="30">
        <v>2022</v>
      </c>
      <c r="W61" s="31">
        <v>44732</v>
      </c>
      <c r="X61" s="32">
        <v>44732.64366898148</v>
      </c>
      <c r="Y61" t="s">
        <v>38</v>
      </c>
    </row>
    <row r="62" spans="1:25">
      <c r="A62" t="s">
        <v>25</v>
      </c>
      <c r="B62" t="s">
        <v>133</v>
      </c>
      <c r="C62" s="27">
        <v>44727</v>
      </c>
      <c r="D62" t="s">
        <v>27</v>
      </c>
      <c r="E62" t="s">
        <v>28</v>
      </c>
      <c r="F62" t="s">
        <v>316</v>
      </c>
      <c r="G62" s="28">
        <v>6</v>
      </c>
      <c r="H62" t="s">
        <v>29</v>
      </c>
      <c r="I62" t="s">
        <v>30</v>
      </c>
      <c r="K62" t="s">
        <v>31</v>
      </c>
      <c r="L62" s="29">
        <v>-347.35</v>
      </c>
      <c r="M62" t="s">
        <v>317</v>
      </c>
      <c r="N62" t="s">
        <v>32</v>
      </c>
      <c r="O62" t="s">
        <v>33</v>
      </c>
      <c r="P62" t="s">
        <v>34</v>
      </c>
      <c r="Q62" t="s">
        <v>35</v>
      </c>
      <c r="R62" t="s">
        <v>36</v>
      </c>
      <c r="U62" t="s">
        <v>37</v>
      </c>
      <c r="V62" s="30">
        <v>2022</v>
      </c>
      <c r="W62" s="31">
        <v>44741</v>
      </c>
      <c r="X62" s="32">
        <v>44741.553472222222</v>
      </c>
      <c r="Y62" t="s">
        <v>38</v>
      </c>
    </row>
    <row r="63" spans="1:25">
      <c r="A63" t="s">
        <v>25</v>
      </c>
      <c r="B63" t="s">
        <v>83</v>
      </c>
      <c r="C63" s="27">
        <v>44727</v>
      </c>
      <c r="D63" t="s">
        <v>27</v>
      </c>
      <c r="E63" t="s">
        <v>28</v>
      </c>
      <c r="F63" t="s">
        <v>316</v>
      </c>
      <c r="G63" s="28">
        <v>6</v>
      </c>
      <c r="H63" t="s">
        <v>29</v>
      </c>
      <c r="I63" t="s">
        <v>30</v>
      </c>
      <c r="K63" t="s">
        <v>31</v>
      </c>
      <c r="L63" s="29">
        <v>-341.95</v>
      </c>
      <c r="M63" t="s">
        <v>317</v>
      </c>
      <c r="N63" t="s">
        <v>32</v>
      </c>
      <c r="O63" t="s">
        <v>33</v>
      </c>
      <c r="P63" t="s">
        <v>34</v>
      </c>
      <c r="Q63" t="s">
        <v>35</v>
      </c>
      <c r="R63" t="s">
        <v>36</v>
      </c>
      <c r="U63" t="s">
        <v>37</v>
      </c>
      <c r="V63" s="30">
        <v>2022</v>
      </c>
      <c r="W63" s="31">
        <v>44741</v>
      </c>
      <c r="X63" s="32">
        <v>44741.553460648145</v>
      </c>
      <c r="Y63" t="s">
        <v>38</v>
      </c>
    </row>
    <row r="64" spans="1:25">
      <c r="A64" t="s">
        <v>25</v>
      </c>
      <c r="B64" t="s">
        <v>143</v>
      </c>
      <c r="C64" s="27">
        <v>44727</v>
      </c>
      <c r="D64" t="s">
        <v>27</v>
      </c>
      <c r="E64" t="s">
        <v>28</v>
      </c>
      <c r="F64" t="s">
        <v>316</v>
      </c>
      <c r="G64" s="28">
        <v>6</v>
      </c>
      <c r="H64" t="s">
        <v>29</v>
      </c>
      <c r="I64" t="s">
        <v>30</v>
      </c>
      <c r="K64" t="s">
        <v>31</v>
      </c>
      <c r="L64" s="29">
        <v>-1978.43</v>
      </c>
      <c r="M64" t="s">
        <v>317</v>
      </c>
      <c r="N64" t="s">
        <v>32</v>
      </c>
      <c r="O64" t="s">
        <v>33</v>
      </c>
      <c r="P64" t="s">
        <v>34</v>
      </c>
      <c r="Q64" t="s">
        <v>35</v>
      </c>
      <c r="R64" t="s">
        <v>36</v>
      </c>
      <c r="U64" t="s">
        <v>37</v>
      </c>
      <c r="V64" s="30">
        <v>2022</v>
      </c>
      <c r="W64" s="31">
        <v>44743</v>
      </c>
      <c r="X64" s="32">
        <v>44743.373993055553</v>
      </c>
      <c r="Y64" t="s">
        <v>38</v>
      </c>
    </row>
    <row r="65" spans="1:25">
      <c r="A65" t="s">
        <v>25</v>
      </c>
      <c r="B65" t="s">
        <v>162</v>
      </c>
      <c r="C65" s="27">
        <v>44727</v>
      </c>
      <c r="D65" t="s">
        <v>27</v>
      </c>
      <c r="E65" t="s">
        <v>28</v>
      </c>
      <c r="F65" t="s">
        <v>316</v>
      </c>
      <c r="G65" s="28">
        <v>6</v>
      </c>
      <c r="H65" t="s">
        <v>29</v>
      </c>
      <c r="I65" t="s">
        <v>30</v>
      </c>
      <c r="K65" t="s">
        <v>31</v>
      </c>
      <c r="L65" s="29">
        <v>-651.02</v>
      </c>
      <c r="M65" t="s">
        <v>317</v>
      </c>
      <c r="N65" t="s">
        <v>32</v>
      </c>
      <c r="O65" t="s">
        <v>33</v>
      </c>
      <c r="P65" t="s">
        <v>34</v>
      </c>
      <c r="Q65" t="s">
        <v>35</v>
      </c>
      <c r="R65" t="s">
        <v>36</v>
      </c>
      <c r="U65" t="s">
        <v>37</v>
      </c>
      <c r="V65" s="30">
        <v>2022</v>
      </c>
      <c r="W65" s="31">
        <v>44741</v>
      </c>
      <c r="X65" s="32">
        <v>44741.553483796299</v>
      </c>
      <c r="Y65" t="s">
        <v>38</v>
      </c>
    </row>
    <row r="66" spans="1:25">
      <c r="A66" t="s">
        <v>25</v>
      </c>
      <c r="B66" t="s">
        <v>163</v>
      </c>
      <c r="C66" s="27">
        <v>44727</v>
      </c>
      <c r="D66" t="s">
        <v>27</v>
      </c>
      <c r="E66" t="s">
        <v>28</v>
      </c>
      <c r="F66" t="s">
        <v>316</v>
      </c>
      <c r="G66" s="28">
        <v>6</v>
      </c>
      <c r="H66" t="s">
        <v>29</v>
      </c>
      <c r="I66" t="s">
        <v>30</v>
      </c>
      <c r="K66" t="s">
        <v>31</v>
      </c>
      <c r="L66" s="29">
        <v>-122.3</v>
      </c>
      <c r="M66" t="s">
        <v>317</v>
      </c>
      <c r="N66" t="s">
        <v>32</v>
      </c>
      <c r="O66" t="s">
        <v>33</v>
      </c>
      <c r="P66" t="s">
        <v>34</v>
      </c>
      <c r="Q66" t="s">
        <v>35</v>
      </c>
      <c r="R66" t="s">
        <v>36</v>
      </c>
      <c r="U66" t="s">
        <v>37</v>
      </c>
      <c r="V66" s="30">
        <v>2022</v>
      </c>
      <c r="W66" s="31">
        <v>44741</v>
      </c>
      <c r="X66" s="32">
        <v>44741.553495370368</v>
      </c>
      <c r="Y66" t="s">
        <v>38</v>
      </c>
    </row>
    <row r="67" spans="1:25">
      <c r="A67" t="s">
        <v>25</v>
      </c>
      <c r="B67" t="s">
        <v>219</v>
      </c>
      <c r="C67" s="27">
        <v>44727</v>
      </c>
      <c r="D67" t="s">
        <v>27</v>
      </c>
      <c r="E67" t="s">
        <v>28</v>
      </c>
      <c r="F67" t="s">
        <v>316</v>
      </c>
      <c r="G67" s="28">
        <v>6</v>
      </c>
      <c r="H67" t="s">
        <v>29</v>
      </c>
      <c r="I67" t="s">
        <v>30</v>
      </c>
      <c r="K67" t="s">
        <v>31</v>
      </c>
      <c r="L67" s="29">
        <v>-1216.67</v>
      </c>
      <c r="M67" t="s">
        <v>317</v>
      </c>
      <c r="N67" t="s">
        <v>32</v>
      </c>
      <c r="O67" t="s">
        <v>33</v>
      </c>
      <c r="P67" t="s">
        <v>34</v>
      </c>
      <c r="Q67" t="s">
        <v>35</v>
      </c>
      <c r="R67" t="s">
        <v>36</v>
      </c>
      <c r="U67" t="s">
        <v>37</v>
      </c>
      <c r="V67" s="30">
        <v>2022</v>
      </c>
      <c r="W67" s="31">
        <v>44732</v>
      </c>
      <c r="X67" s="32">
        <v>44732.643657407411</v>
      </c>
      <c r="Y67" t="s">
        <v>38</v>
      </c>
    </row>
    <row r="68" spans="1:25">
      <c r="A68" t="s">
        <v>25</v>
      </c>
      <c r="B68" t="s">
        <v>239</v>
      </c>
      <c r="C68" s="27">
        <v>44727</v>
      </c>
      <c r="D68" t="s">
        <v>27</v>
      </c>
      <c r="E68" t="s">
        <v>28</v>
      </c>
      <c r="F68" t="s">
        <v>316</v>
      </c>
      <c r="G68" s="28">
        <v>6</v>
      </c>
      <c r="H68" t="s">
        <v>29</v>
      </c>
      <c r="I68" t="s">
        <v>30</v>
      </c>
      <c r="K68" t="s">
        <v>31</v>
      </c>
      <c r="L68" s="29">
        <v>-2191.34</v>
      </c>
      <c r="M68" t="s">
        <v>317</v>
      </c>
      <c r="N68" t="s">
        <v>32</v>
      </c>
      <c r="O68" t="s">
        <v>33</v>
      </c>
      <c r="P68" t="s">
        <v>34</v>
      </c>
      <c r="Q68" t="s">
        <v>35</v>
      </c>
      <c r="R68" t="s">
        <v>36</v>
      </c>
      <c r="U68" t="s">
        <v>37</v>
      </c>
      <c r="V68" s="30">
        <v>2022</v>
      </c>
      <c r="W68" s="31">
        <v>44732</v>
      </c>
      <c r="X68" s="32">
        <v>44732.64366898148</v>
      </c>
      <c r="Y68" t="s">
        <v>38</v>
      </c>
    </row>
    <row r="69" spans="1:25">
      <c r="A69" t="s">
        <v>25</v>
      </c>
      <c r="B69" t="s">
        <v>280</v>
      </c>
      <c r="C69" s="27">
        <v>44727</v>
      </c>
      <c r="D69" t="s">
        <v>27</v>
      </c>
      <c r="E69" t="s">
        <v>28</v>
      </c>
      <c r="F69" t="s">
        <v>316</v>
      </c>
      <c r="G69" s="28">
        <v>6</v>
      </c>
      <c r="H69" t="s">
        <v>29</v>
      </c>
      <c r="I69" t="s">
        <v>30</v>
      </c>
      <c r="K69" t="s">
        <v>31</v>
      </c>
      <c r="L69" s="29">
        <v>-405.85</v>
      </c>
      <c r="M69" t="s">
        <v>317</v>
      </c>
      <c r="N69" t="s">
        <v>32</v>
      </c>
      <c r="O69" t="s">
        <v>33</v>
      </c>
      <c r="P69" t="s">
        <v>34</v>
      </c>
      <c r="Q69" t="s">
        <v>35</v>
      </c>
      <c r="R69" t="s">
        <v>36</v>
      </c>
      <c r="U69" t="s">
        <v>37</v>
      </c>
      <c r="V69" s="30">
        <v>2022</v>
      </c>
      <c r="W69" s="31">
        <v>44743</v>
      </c>
      <c r="X69" s="32">
        <v>44743.525243055556</v>
      </c>
      <c r="Y69" t="s">
        <v>38</v>
      </c>
    </row>
    <row r="70" spans="1:25">
      <c r="A70" t="s">
        <v>25</v>
      </c>
      <c r="B70" t="s">
        <v>220</v>
      </c>
      <c r="C70" s="27">
        <v>44727</v>
      </c>
      <c r="D70" t="s">
        <v>27</v>
      </c>
      <c r="E70" t="s">
        <v>28</v>
      </c>
      <c r="F70" t="s">
        <v>316</v>
      </c>
      <c r="G70" s="28">
        <v>6</v>
      </c>
      <c r="H70" t="s">
        <v>29</v>
      </c>
      <c r="I70" t="s">
        <v>30</v>
      </c>
      <c r="K70" t="s">
        <v>31</v>
      </c>
      <c r="L70" s="29">
        <v>-1141.1500000000001</v>
      </c>
      <c r="M70" t="s">
        <v>317</v>
      </c>
      <c r="N70" t="s">
        <v>32</v>
      </c>
      <c r="O70" t="s">
        <v>33</v>
      </c>
      <c r="P70" t="s">
        <v>34</v>
      </c>
      <c r="Q70" t="s">
        <v>35</v>
      </c>
      <c r="R70" t="s">
        <v>36</v>
      </c>
      <c r="U70" t="s">
        <v>37</v>
      </c>
      <c r="V70" s="30">
        <v>2022</v>
      </c>
      <c r="W70" s="31">
        <v>44743</v>
      </c>
      <c r="X70" s="32">
        <v>44743.373981481483</v>
      </c>
      <c r="Y70" t="s">
        <v>38</v>
      </c>
    </row>
    <row r="71" spans="1:25">
      <c r="A71" t="s">
        <v>25</v>
      </c>
      <c r="B71" t="s">
        <v>99</v>
      </c>
      <c r="C71" s="27">
        <v>44727</v>
      </c>
      <c r="D71" t="s">
        <v>27</v>
      </c>
      <c r="E71" t="s">
        <v>28</v>
      </c>
      <c r="F71" t="s">
        <v>316</v>
      </c>
      <c r="G71" s="28">
        <v>6</v>
      </c>
      <c r="H71" t="s">
        <v>29</v>
      </c>
      <c r="I71" t="s">
        <v>30</v>
      </c>
      <c r="K71" t="s">
        <v>31</v>
      </c>
      <c r="L71" s="29">
        <v>-588.47</v>
      </c>
      <c r="M71" t="s">
        <v>317</v>
      </c>
      <c r="N71" t="s">
        <v>32</v>
      </c>
      <c r="O71" t="s">
        <v>33</v>
      </c>
      <c r="P71" t="s">
        <v>34</v>
      </c>
      <c r="Q71" t="s">
        <v>35</v>
      </c>
      <c r="R71" t="s">
        <v>36</v>
      </c>
      <c r="U71" t="s">
        <v>37</v>
      </c>
      <c r="V71" s="30">
        <v>2022</v>
      </c>
      <c r="W71" s="31">
        <v>44741</v>
      </c>
      <c r="X71" s="32">
        <v>44741.553495370368</v>
      </c>
      <c r="Y71" t="s">
        <v>38</v>
      </c>
    </row>
    <row r="72" spans="1:25">
      <c r="A72" t="s">
        <v>25</v>
      </c>
      <c r="B72" t="s">
        <v>100</v>
      </c>
      <c r="C72" s="27">
        <v>44727</v>
      </c>
      <c r="D72" t="s">
        <v>27</v>
      </c>
      <c r="E72" t="s">
        <v>28</v>
      </c>
      <c r="F72" t="s">
        <v>316</v>
      </c>
      <c r="G72" s="28">
        <v>6</v>
      </c>
      <c r="H72" t="s">
        <v>29</v>
      </c>
      <c r="I72" t="s">
        <v>30</v>
      </c>
      <c r="K72" t="s">
        <v>31</v>
      </c>
      <c r="L72" s="29">
        <v>-1448.81</v>
      </c>
      <c r="M72" t="s">
        <v>317</v>
      </c>
      <c r="N72" t="s">
        <v>32</v>
      </c>
      <c r="O72" t="s">
        <v>33</v>
      </c>
      <c r="P72" t="s">
        <v>34</v>
      </c>
      <c r="Q72" t="s">
        <v>35</v>
      </c>
      <c r="R72" t="s">
        <v>36</v>
      </c>
      <c r="U72" t="s">
        <v>37</v>
      </c>
      <c r="V72" s="30">
        <v>2022</v>
      </c>
      <c r="W72" s="31">
        <v>44741</v>
      </c>
      <c r="X72" s="32">
        <v>44741.553506944445</v>
      </c>
      <c r="Y72" t="s">
        <v>38</v>
      </c>
    </row>
    <row r="73" spans="1:25">
      <c r="A73" t="s">
        <v>25</v>
      </c>
      <c r="B73" t="s">
        <v>310</v>
      </c>
      <c r="C73" s="27">
        <v>44727</v>
      </c>
      <c r="D73" t="s">
        <v>27</v>
      </c>
      <c r="E73" t="s">
        <v>28</v>
      </c>
      <c r="F73" t="s">
        <v>316</v>
      </c>
      <c r="G73" s="28">
        <v>6</v>
      </c>
      <c r="H73" t="s">
        <v>29</v>
      </c>
      <c r="I73" t="s">
        <v>30</v>
      </c>
      <c r="K73" t="s">
        <v>31</v>
      </c>
      <c r="L73" s="29">
        <v>-646.9</v>
      </c>
      <c r="M73" t="s">
        <v>317</v>
      </c>
      <c r="N73" t="s">
        <v>32</v>
      </c>
      <c r="O73" t="s">
        <v>33</v>
      </c>
      <c r="P73" t="s">
        <v>34</v>
      </c>
      <c r="Q73" t="s">
        <v>35</v>
      </c>
      <c r="R73" t="s">
        <v>36</v>
      </c>
      <c r="U73" t="s">
        <v>37</v>
      </c>
      <c r="V73" s="30">
        <v>2022</v>
      </c>
      <c r="W73" s="31">
        <v>44741</v>
      </c>
      <c r="X73" s="32">
        <v>44741.553506944445</v>
      </c>
      <c r="Y73" t="s">
        <v>38</v>
      </c>
    </row>
    <row r="74" spans="1:25">
      <c r="A74" t="s">
        <v>25</v>
      </c>
      <c r="B74" t="s">
        <v>318</v>
      </c>
      <c r="C74" s="27">
        <v>44742</v>
      </c>
      <c r="D74" t="s">
        <v>27</v>
      </c>
      <c r="E74" t="s">
        <v>28</v>
      </c>
      <c r="F74" t="s">
        <v>316</v>
      </c>
      <c r="G74" s="28">
        <v>6</v>
      </c>
      <c r="H74" t="s">
        <v>319</v>
      </c>
      <c r="I74" t="s">
        <v>320</v>
      </c>
      <c r="K74" t="s">
        <v>31</v>
      </c>
      <c r="L74" s="29">
        <v>3802.46</v>
      </c>
      <c r="M74" t="s">
        <v>321</v>
      </c>
      <c r="N74" t="s">
        <v>322</v>
      </c>
      <c r="O74" t="s">
        <v>33</v>
      </c>
      <c r="P74" t="s">
        <v>34</v>
      </c>
      <c r="Q74" t="s">
        <v>323</v>
      </c>
      <c r="R74" t="s">
        <v>36</v>
      </c>
      <c r="U74" t="s">
        <v>324</v>
      </c>
      <c r="V74" s="30">
        <v>2022</v>
      </c>
      <c r="W74" s="31">
        <v>44749</v>
      </c>
      <c r="X74" s="32">
        <v>44749.408182870371</v>
      </c>
      <c r="Y74" t="s">
        <v>336</v>
      </c>
    </row>
    <row r="75" spans="1:25">
      <c r="A75" t="s">
        <v>349</v>
      </c>
      <c r="B75" t="s">
        <v>357</v>
      </c>
      <c r="C75" s="27">
        <v>44742</v>
      </c>
      <c r="D75" t="s">
        <v>27</v>
      </c>
      <c r="E75" t="s">
        <v>28</v>
      </c>
      <c r="F75" t="s">
        <v>316</v>
      </c>
      <c r="G75" s="28">
        <v>6</v>
      </c>
      <c r="H75" t="s">
        <v>351</v>
      </c>
      <c r="I75" t="s">
        <v>30</v>
      </c>
      <c r="K75" t="s">
        <v>31</v>
      </c>
      <c r="L75" s="29">
        <v>-74.02</v>
      </c>
      <c r="M75" t="s">
        <v>358</v>
      </c>
      <c r="N75" t="s">
        <v>32</v>
      </c>
      <c r="O75" t="s">
        <v>353</v>
      </c>
      <c r="P75" t="s">
        <v>34</v>
      </c>
      <c r="Q75" t="s">
        <v>323</v>
      </c>
      <c r="R75" t="s">
        <v>354</v>
      </c>
      <c r="U75" t="s">
        <v>355</v>
      </c>
      <c r="V75" s="30">
        <v>2022</v>
      </c>
      <c r="W75" s="31">
        <v>44742</v>
      </c>
      <c r="X75" s="32">
        <v>44742.743194444447</v>
      </c>
      <c r="Y75" t="s">
        <v>360</v>
      </c>
    </row>
    <row r="76" spans="1:25">
      <c r="A76" t="s">
        <v>349</v>
      </c>
      <c r="B76" t="s">
        <v>350</v>
      </c>
      <c r="C76" s="27">
        <v>44742</v>
      </c>
      <c r="D76" t="s">
        <v>27</v>
      </c>
      <c r="E76" t="s">
        <v>28</v>
      </c>
      <c r="F76" t="s">
        <v>316</v>
      </c>
      <c r="G76" s="28">
        <v>6</v>
      </c>
      <c r="H76" t="s">
        <v>351</v>
      </c>
      <c r="I76" t="s">
        <v>30</v>
      </c>
      <c r="K76" t="s">
        <v>31</v>
      </c>
      <c r="L76" s="29">
        <v>0</v>
      </c>
      <c r="M76" t="s">
        <v>352</v>
      </c>
      <c r="N76" t="s">
        <v>32</v>
      </c>
      <c r="O76" t="s">
        <v>353</v>
      </c>
      <c r="P76" t="s">
        <v>34</v>
      </c>
      <c r="Q76" t="s">
        <v>323</v>
      </c>
      <c r="R76" t="s">
        <v>354</v>
      </c>
      <c r="U76" t="s">
        <v>355</v>
      </c>
      <c r="V76" s="30">
        <v>2022</v>
      </c>
      <c r="W76" s="31">
        <v>44742</v>
      </c>
      <c r="X76" s="32">
        <v>44742.743159722224</v>
      </c>
      <c r="Y76" t="s">
        <v>356</v>
      </c>
    </row>
    <row r="77" spans="1:25">
      <c r="A77" t="s">
        <v>25</v>
      </c>
      <c r="B77" t="s">
        <v>56</v>
      </c>
      <c r="C77" s="27">
        <v>44757</v>
      </c>
      <c r="D77" t="s">
        <v>27</v>
      </c>
      <c r="E77" t="s">
        <v>28</v>
      </c>
      <c r="F77" t="s">
        <v>316</v>
      </c>
      <c r="G77" s="28">
        <v>7</v>
      </c>
      <c r="H77" t="s">
        <v>29</v>
      </c>
      <c r="I77" t="s">
        <v>30</v>
      </c>
      <c r="K77" t="s">
        <v>31</v>
      </c>
      <c r="L77" s="29">
        <v>-1330.56</v>
      </c>
      <c r="M77" t="s">
        <v>317</v>
      </c>
      <c r="N77" t="s">
        <v>32</v>
      </c>
      <c r="O77" t="s">
        <v>33</v>
      </c>
      <c r="P77" t="s">
        <v>34</v>
      </c>
      <c r="Q77" t="s">
        <v>35</v>
      </c>
      <c r="R77" t="s">
        <v>36</v>
      </c>
      <c r="U77" t="s">
        <v>37</v>
      </c>
      <c r="V77" s="30">
        <v>2022</v>
      </c>
      <c r="W77" s="31">
        <v>44767</v>
      </c>
      <c r="X77" s="32">
        <v>44767.65353009259</v>
      </c>
      <c r="Y77" t="s">
        <v>38</v>
      </c>
    </row>
    <row r="78" spans="1:25">
      <c r="A78" t="s">
        <v>25</v>
      </c>
      <c r="B78" t="s">
        <v>57</v>
      </c>
      <c r="C78" s="27">
        <v>44757</v>
      </c>
      <c r="D78" t="s">
        <v>27</v>
      </c>
      <c r="E78" t="s">
        <v>28</v>
      </c>
      <c r="F78" t="s">
        <v>316</v>
      </c>
      <c r="G78" s="28">
        <v>7</v>
      </c>
      <c r="H78" t="s">
        <v>29</v>
      </c>
      <c r="I78" t="s">
        <v>30</v>
      </c>
      <c r="K78" t="s">
        <v>31</v>
      </c>
      <c r="L78" s="29">
        <v>-1102.55</v>
      </c>
      <c r="M78" t="s">
        <v>317</v>
      </c>
      <c r="N78" t="s">
        <v>32</v>
      </c>
      <c r="O78" t="s">
        <v>33</v>
      </c>
      <c r="P78" t="s">
        <v>34</v>
      </c>
      <c r="Q78" t="s">
        <v>35</v>
      </c>
      <c r="R78" t="s">
        <v>36</v>
      </c>
      <c r="U78" t="s">
        <v>37</v>
      </c>
      <c r="V78" s="30">
        <v>2022</v>
      </c>
      <c r="W78" s="31">
        <v>44767</v>
      </c>
      <c r="X78" s="32">
        <v>44767.655624999999</v>
      </c>
      <c r="Y78" t="s">
        <v>38</v>
      </c>
    </row>
    <row r="79" spans="1:25">
      <c r="A79" t="s">
        <v>25</v>
      </c>
      <c r="B79" t="s">
        <v>60</v>
      </c>
      <c r="C79" s="27">
        <v>44757</v>
      </c>
      <c r="D79" t="s">
        <v>27</v>
      </c>
      <c r="E79" t="s">
        <v>28</v>
      </c>
      <c r="F79" t="s">
        <v>316</v>
      </c>
      <c r="G79" s="28">
        <v>7</v>
      </c>
      <c r="H79" t="s">
        <v>29</v>
      </c>
      <c r="I79" t="s">
        <v>30</v>
      </c>
      <c r="K79" t="s">
        <v>31</v>
      </c>
      <c r="L79" s="29">
        <v>-1807.58</v>
      </c>
      <c r="M79" t="s">
        <v>317</v>
      </c>
      <c r="N79" t="s">
        <v>32</v>
      </c>
      <c r="O79" t="s">
        <v>33</v>
      </c>
      <c r="P79" t="s">
        <v>34</v>
      </c>
      <c r="Q79" t="s">
        <v>35</v>
      </c>
      <c r="R79" t="s">
        <v>36</v>
      </c>
      <c r="U79" t="s">
        <v>37</v>
      </c>
      <c r="V79" s="30">
        <v>2022</v>
      </c>
      <c r="W79" s="31">
        <v>44774</v>
      </c>
      <c r="X79" s="32">
        <v>44774.322835648149</v>
      </c>
      <c r="Y79" t="s">
        <v>38</v>
      </c>
    </row>
    <row r="80" spans="1:25">
      <c r="A80" t="s">
        <v>25</v>
      </c>
      <c r="B80" t="s">
        <v>62</v>
      </c>
      <c r="C80" s="27">
        <v>44757</v>
      </c>
      <c r="D80" t="s">
        <v>27</v>
      </c>
      <c r="E80" t="s">
        <v>28</v>
      </c>
      <c r="F80" t="s">
        <v>316</v>
      </c>
      <c r="G80" s="28">
        <v>7</v>
      </c>
      <c r="H80" t="s">
        <v>29</v>
      </c>
      <c r="I80" t="s">
        <v>30</v>
      </c>
      <c r="K80" t="s">
        <v>31</v>
      </c>
      <c r="L80" s="29">
        <v>-1538.25</v>
      </c>
      <c r="M80" t="s">
        <v>317</v>
      </c>
      <c r="N80" t="s">
        <v>32</v>
      </c>
      <c r="O80" t="s">
        <v>33</v>
      </c>
      <c r="P80" t="s">
        <v>34</v>
      </c>
      <c r="Q80" t="s">
        <v>35</v>
      </c>
      <c r="R80" t="s">
        <v>36</v>
      </c>
      <c r="U80" t="s">
        <v>37</v>
      </c>
      <c r="V80" s="30">
        <v>2022</v>
      </c>
      <c r="W80" s="31">
        <v>44767</v>
      </c>
      <c r="X80" s="32">
        <v>44767.655613425923</v>
      </c>
      <c r="Y80" t="s">
        <v>38</v>
      </c>
    </row>
    <row r="81" spans="1:25">
      <c r="A81" t="s">
        <v>25</v>
      </c>
      <c r="B81" t="s">
        <v>64</v>
      </c>
      <c r="C81" s="27">
        <v>44757</v>
      </c>
      <c r="D81" t="s">
        <v>27</v>
      </c>
      <c r="E81" t="s">
        <v>28</v>
      </c>
      <c r="F81" t="s">
        <v>316</v>
      </c>
      <c r="G81" s="28">
        <v>7</v>
      </c>
      <c r="H81" t="s">
        <v>29</v>
      </c>
      <c r="I81" t="s">
        <v>30</v>
      </c>
      <c r="K81" t="s">
        <v>31</v>
      </c>
      <c r="L81" s="29">
        <v>-1912.04</v>
      </c>
      <c r="M81" t="s">
        <v>317</v>
      </c>
      <c r="N81" t="s">
        <v>32</v>
      </c>
      <c r="O81" t="s">
        <v>33</v>
      </c>
      <c r="P81" t="s">
        <v>34</v>
      </c>
      <c r="Q81" t="s">
        <v>35</v>
      </c>
      <c r="R81" t="s">
        <v>36</v>
      </c>
      <c r="U81" t="s">
        <v>37</v>
      </c>
      <c r="V81" s="30">
        <v>2022</v>
      </c>
      <c r="W81" s="31">
        <v>44767</v>
      </c>
      <c r="X81" s="32">
        <v>44767.65353009259</v>
      </c>
      <c r="Y81" t="s">
        <v>38</v>
      </c>
    </row>
    <row r="82" spans="1:25">
      <c r="A82" t="s">
        <v>25</v>
      </c>
      <c r="B82" t="s">
        <v>59</v>
      </c>
      <c r="C82" s="27">
        <v>44757</v>
      </c>
      <c r="D82" t="s">
        <v>27</v>
      </c>
      <c r="E82" t="s">
        <v>28</v>
      </c>
      <c r="F82" t="s">
        <v>316</v>
      </c>
      <c r="G82" s="28">
        <v>7</v>
      </c>
      <c r="H82" t="s">
        <v>29</v>
      </c>
      <c r="I82" t="s">
        <v>30</v>
      </c>
      <c r="K82" t="s">
        <v>31</v>
      </c>
      <c r="L82" s="29">
        <v>-1572.69</v>
      </c>
      <c r="M82" t="s">
        <v>317</v>
      </c>
      <c r="N82" t="s">
        <v>32</v>
      </c>
      <c r="O82" t="s">
        <v>33</v>
      </c>
      <c r="P82" t="s">
        <v>34</v>
      </c>
      <c r="Q82" t="s">
        <v>35</v>
      </c>
      <c r="R82" t="s">
        <v>36</v>
      </c>
      <c r="U82" t="s">
        <v>37</v>
      </c>
      <c r="V82" s="30">
        <v>2022</v>
      </c>
      <c r="W82" s="31">
        <v>44774</v>
      </c>
      <c r="X82" s="32">
        <v>44774.322824074072</v>
      </c>
      <c r="Y82" t="s">
        <v>38</v>
      </c>
    </row>
    <row r="83" spans="1:25">
      <c r="A83" t="s">
        <v>25</v>
      </c>
      <c r="B83" t="s">
        <v>102</v>
      </c>
      <c r="C83" s="27">
        <v>44757</v>
      </c>
      <c r="D83" t="s">
        <v>27</v>
      </c>
      <c r="E83" t="s">
        <v>28</v>
      </c>
      <c r="F83" t="s">
        <v>316</v>
      </c>
      <c r="G83" s="28">
        <v>7</v>
      </c>
      <c r="H83" t="s">
        <v>29</v>
      </c>
      <c r="I83" t="s">
        <v>30</v>
      </c>
      <c r="K83" t="s">
        <v>31</v>
      </c>
      <c r="L83" s="29">
        <v>-1451.48</v>
      </c>
      <c r="M83" t="s">
        <v>317</v>
      </c>
      <c r="N83" t="s">
        <v>32</v>
      </c>
      <c r="O83" t="s">
        <v>33</v>
      </c>
      <c r="P83" t="s">
        <v>34</v>
      </c>
      <c r="Q83" t="s">
        <v>35</v>
      </c>
      <c r="R83" t="s">
        <v>36</v>
      </c>
      <c r="U83" t="s">
        <v>37</v>
      </c>
      <c r="V83" s="30">
        <v>2022</v>
      </c>
      <c r="W83" s="31">
        <v>44774</v>
      </c>
      <c r="X83" s="32">
        <v>44774.322766203702</v>
      </c>
      <c r="Y83" t="s">
        <v>38</v>
      </c>
    </row>
    <row r="84" spans="1:25">
      <c r="A84" t="s">
        <v>25</v>
      </c>
      <c r="B84" t="s">
        <v>101</v>
      </c>
      <c r="C84" s="27">
        <v>44757</v>
      </c>
      <c r="D84" t="s">
        <v>27</v>
      </c>
      <c r="E84" t="s">
        <v>28</v>
      </c>
      <c r="F84" t="s">
        <v>316</v>
      </c>
      <c r="G84" s="28">
        <v>7</v>
      </c>
      <c r="H84" t="s">
        <v>29</v>
      </c>
      <c r="I84" t="s">
        <v>30</v>
      </c>
      <c r="K84" t="s">
        <v>31</v>
      </c>
      <c r="L84" s="29">
        <v>-615.4</v>
      </c>
      <c r="M84" t="s">
        <v>317</v>
      </c>
      <c r="N84" t="s">
        <v>32</v>
      </c>
      <c r="O84" t="s">
        <v>33</v>
      </c>
      <c r="P84" t="s">
        <v>34</v>
      </c>
      <c r="Q84" t="s">
        <v>35</v>
      </c>
      <c r="R84" t="s">
        <v>36</v>
      </c>
      <c r="U84" t="s">
        <v>37</v>
      </c>
      <c r="V84" s="30">
        <v>2022</v>
      </c>
      <c r="W84" s="31">
        <v>44774</v>
      </c>
      <c r="X84" s="32">
        <v>44774.322777777779</v>
      </c>
      <c r="Y84" t="s">
        <v>38</v>
      </c>
    </row>
    <row r="85" spans="1:25">
      <c r="A85" t="s">
        <v>25</v>
      </c>
      <c r="B85" t="s">
        <v>149</v>
      </c>
      <c r="C85" s="27">
        <v>44757</v>
      </c>
      <c r="D85" t="s">
        <v>27</v>
      </c>
      <c r="E85" t="s">
        <v>28</v>
      </c>
      <c r="F85" t="s">
        <v>316</v>
      </c>
      <c r="G85" s="28">
        <v>7</v>
      </c>
      <c r="H85" t="s">
        <v>29</v>
      </c>
      <c r="I85" t="s">
        <v>30</v>
      </c>
      <c r="K85" t="s">
        <v>31</v>
      </c>
      <c r="L85" s="29">
        <v>-773.12</v>
      </c>
      <c r="M85" t="s">
        <v>317</v>
      </c>
      <c r="N85" t="s">
        <v>32</v>
      </c>
      <c r="O85" t="s">
        <v>33</v>
      </c>
      <c r="P85" t="s">
        <v>34</v>
      </c>
      <c r="Q85" t="s">
        <v>35</v>
      </c>
      <c r="R85" t="s">
        <v>36</v>
      </c>
      <c r="U85" t="s">
        <v>37</v>
      </c>
      <c r="V85" s="30">
        <v>2022</v>
      </c>
      <c r="W85" s="31">
        <v>44767</v>
      </c>
      <c r="X85" s="32">
        <v>44767.653483796297</v>
      </c>
      <c r="Y85" t="s">
        <v>38</v>
      </c>
    </row>
    <row r="86" spans="1:25">
      <c r="A86" t="s">
        <v>25</v>
      </c>
      <c r="B86" t="s">
        <v>172</v>
      </c>
      <c r="C86" s="27">
        <v>44757</v>
      </c>
      <c r="D86" t="s">
        <v>27</v>
      </c>
      <c r="E86" t="s">
        <v>28</v>
      </c>
      <c r="F86" t="s">
        <v>316</v>
      </c>
      <c r="G86" s="28">
        <v>7</v>
      </c>
      <c r="H86" t="s">
        <v>29</v>
      </c>
      <c r="I86" t="s">
        <v>30</v>
      </c>
      <c r="K86" t="s">
        <v>31</v>
      </c>
      <c r="L86" s="29">
        <v>-1130.74</v>
      </c>
      <c r="M86" t="s">
        <v>317</v>
      </c>
      <c r="N86" t="s">
        <v>32</v>
      </c>
      <c r="O86" t="s">
        <v>33</v>
      </c>
      <c r="P86" t="s">
        <v>34</v>
      </c>
      <c r="Q86" t="s">
        <v>35</v>
      </c>
      <c r="R86" t="s">
        <v>36</v>
      </c>
      <c r="U86" t="s">
        <v>37</v>
      </c>
      <c r="V86" s="30">
        <v>2022</v>
      </c>
      <c r="W86" s="31">
        <v>44767</v>
      </c>
      <c r="X86" s="32">
        <v>44767.65351851852</v>
      </c>
      <c r="Y86" t="s">
        <v>38</v>
      </c>
    </row>
    <row r="87" spans="1:25">
      <c r="A87" t="s">
        <v>25</v>
      </c>
      <c r="B87" t="s">
        <v>192</v>
      </c>
      <c r="C87" s="27">
        <v>44757</v>
      </c>
      <c r="D87" t="s">
        <v>27</v>
      </c>
      <c r="E87" t="s">
        <v>28</v>
      </c>
      <c r="F87" t="s">
        <v>316</v>
      </c>
      <c r="G87" s="28">
        <v>7</v>
      </c>
      <c r="H87" t="s">
        <v>29</v>
      </c>
      <c r="I87" t="s">
        <v>30</v>
      </c>
      <c r="K87" t="s">
        <v>31</v>
      </c>
      <c r="L87" s="29">
        <v>-937.07</v>
      </c>
      <c r="M87" t="s">
        <v>317</v>
      </c>
      <c r="N87" t="s">
        <v>32</v>
      </c>
      <c r="O87" t="s">
        <v>33</v>
      </c>
      <c r="P87" t="s">
        <v>34</v>
      </c>
      <c r="Q87" t="s">
        <v>35</v>
      </c>
      <c r="R87" t="s">
        <v>36</v>
      </c>
      <c r="U87" t="s">
        <v>37</v>
      </c>
      <c r="V87" s="30">
        <v>2022</v>
      </c>
      <c r="W87" s="31">
        <v>44774</v>
      </c>
      <c r="X87" s="32">
        <v>44774.322789351849</v>
      </c>
      <c r="Y87" t="s">
        <v>38</v>
      </c>
    </row>
    <row r="88" spans="1:25">
      <c r="A88" t="s">
        <v>25</v>
      </c>
      <c r="B88" t="s">
        <v>193</v>
      </c>
      <c r="C88" s="27">
        <v>44757</v>
      </c>
      <c r="D88" t="s">
        <v>27</v>
      </c>
      <c r="E88" t="s">
        <v>28</v>
      </c>
      <c r="F88" t="s">
        <v>316</v>
      </c>
      <c r="G88" s="28">
        <v>7</v>
      </c>
      <c r="H88" t="s">
        <v>29</v>
      </c>
      <c r="I88" t="s">
        <v>30</v>
      </c>
      <c r="K88" t="s">
        <v>31</v>
      </c>
      <c r="L88" s="29">
        <v>-2800.2</v>
      </c>
      <c r="M88" t="s">
        <v>317</v>
      </c>
      <c r="N88" t="s">
        <v>32</v>
      </c>
      <c r="O88" t="s">
        <v>33</v>
      </c>
      <c r="P88" t="s">
        <v>34</v>
      </c>
      <c r="Q88" t="s">
        <v>35</v>
      </c>
      <c r="R88" t="s">
        <v>36</v>
      </c>
      <c r="U88" t="s">
        <v>37</v>
      </c>
      <c r="V88" s="30">
        <v>2022</v>
      </c>
      <c r="W88" s="31">
        <v>44774</v>
      </c>
      <c r="X88" s="32">
        <v>44774.322812500002</v>
      </c>
      <c r="Y88" t="s">
        <v>38</v>
      </c>
    </row>
    <row r="89" spans="1:25">
      <c r="A89" t="s">
        <v>25</v>
      </c>
      <c r="B89" t="s">
        <v>194</v>
      </c>
      <c r="C89" s="27">
        <v>44757</v>
      </c>
      <c r="D89" t="s">
        <v>27</v>
      </c>
      <c r="E89" t="s">
        <v>28</v>
      </c>
      <c r="F89" t="s">
        <v>316</v>
      </c>
      <c r="G89" s="28">
        <v>7</v>
      </c>
      <c r="H89" t="s">
        <v>29</v>
      </c>
      <c r="I89" t="s">
        <v>30</v>
      </c>
      <c r="K89" t="s">
        <v>31</v>
      </c>
      <c r="L89" s="29">
        <v>-1787.33</v>
      </c>
      <c r="M89" t="s">
        <v>317</v>
      </c>
      <c r="N89" t="s">
        <v>32</v>
      </c>
      <c r="O89" t="s">
        <v>33</v>
      </c>
      <c r="P89" t="s">
        <v>34</v>
      </c>
      <c r="Q89" t="s">
        <v>35</v>
      </c>
      <c r="R89" t="s">
        <v>36</v>
      </c>
      <c r="U89" t="s">
        <v>37</v>
      </c>
      <c r="V89" s="30">
        <v>2022</v>
      </c>
      <c r="W89" s="31">
        <v>44774</v>
      </c>
      <c r="X89" s="32">
        <v>44774.322800925926</v>
      </c>
      <c r="Y89" t="s">
        <v>38</v>
      </c>
    </row>
    <row r="90" spans="1:25">
      <c r="A90" t="s">
        <v>25</v>
      </c>
      <c r="B90" t="s">
        <v>195</v>
      </c>
      <c r="C90" s="27">
        <v>44757</v>
      </c>
      <c r="D90" t="s">
        <v>27</v>
      </c>
      <c r="E90" t="s">
        <v>28</v>
      </c>
      <c r="F90" t="s">
        <v>316</v>
      </c>
      <c r="G90" s="28">
        <v>7</v>
      </c>
      <c r="H90" t="s">
        <v>29</v>
      </c>
      <c r="I90" t="s">
        <v>30</v>
      </c>
      <c r="K90" t="s">
        <v>31</v>
      </c>
      <c r="L90" s="29">
        <v>-439.9</v>
      </c>
      <c r="M90" t="s">
        <v>317</v>
      </c>
      <c r="N90" t="s">
        <v>32</v>
      </c>
      <c r="O90" t="s">
        <v>33</v>
      </c>
      <c r="P90" t="s">
        <v>34</v>
      </c>
      <c r="Q90" t="s">
        <v>35</v>
      </c>
      <c r="R90" t="s">
        <v>36</v>
      </c>
      <c r="U90" t="s">
        <v>37</v>
      </c>
      <c r="V90" s="30">
        <v>2022</v>
      </c>
      <c r="W90" s="31">
        <v>44774</v>
      </c>
      <c r="X90" s="32">
        <v>44774.71539351852</v>
      </c>
      <c r="Y90" t="s">
        <v>38</v>
      </c>
    </row>
    <row r="91" spans="1:25">
      <c r="A91" t="s">
        <v>25</v>
      </c>
      <c r="B91" t="s">
        <v>221</v>
      </c>
      <c r="C91" s="27">
        <v>44757</v>
      </c>
      <c r="D91" t="s">
        <v>27</v>
      </c>
      <c r="E91" t="s">
        <v>28</v>
      </c>
      <c r="F91" t="s">
        <v>316</v>
      </c>
      <c r="G91" s="28">
        <v>7</v>
      </c>
      <c r="H91" t="s">
        <v>29</v>
      </c>
      <c r="I91" t="s">
        <v>30</v>
      </c>
      <c r="K91" t="s">
        <v>31</v>
      </c>
      <c r="L91" s="29">
        <v>-563.75</v>
      </c>
      <c r="M91" t="s">
        <v>317</v>
      </c>
      <c r="N91" t="s">
        <v>32</v>
      </c>
      <c r="O91" t="s">
        <v>33</v>
      </c>
      <c r="P91" t="s">
        <v>34</v>
      </c>
      <c r="Q91" t="s">
        <v>35</v>
      </c>
      <c r="R91" t="s">
        <v>36</v>
      </c>
      <c r="U91" t="s">
        <v>37</v>
      </c>
      <c r="V91" s="30">
        <v>2022</v>
      </c>
      <c r="W91" s="31">
        <v>44767</v>
      </c>
      <c r="X91" s="32">
        <v>44767.653506944444</v>
      </c>
      <c r="Y91" t="s">
        <v>38</v>
      </c>
    </row>
    <row r="92" spans="1:25">
      <c r="A92" t="s">
        <v>25</v>
      </c>
      <c r="B92" t="s">
        <v>225</v>
      </c>
      <c r="C92" s="27">
        <v>44757</v>
      </c>
      <c r="D92" t="s">
        <v>27</v>
      </c>
      <c r="E92" t="s">
        <v>28</v>
      </c>
      <c r="F92" t="s">
        <v>316</v>
      </c>
      <c r="G92" s="28">
        <v>7</v>
      </c>
      <c r="H92" t="s">
        <v>29</v>
      </c>
      <c r="I92" t="s">
        <v>30</v>
      </c>
      <c r="K92" t="s">
        <v>31</v>
      </c>
      <c r="L92" s="29">
        <v>-1144.79</v>
      </c>
      <c r="M92" t="s">
        <v>317</v>
      </c>
      <c r="N92" t="s">
        <v>32</v>
      </c>
      <c r="O92" t="s">
        <v>33</v>
      </c>
      <c r="P92" t="s">
        <v>34</v>
      </c>
      <c r="Q92" t="s">
        <v>35</v>
      </c>
      <c r="R92" t="s">
        <v>36</v>
      </c>
      <c r="U92" t="s">
        <v>37</v>
      </c>
      <c r="V92" s="30">
        <v>2022</v>
      </c>
      <c r="W92" s="31">
        <v>44767</v>
      </c>
      <c r="X92" s="32">
        <v>44767.653495370374</v>
      </c>
      <c r="Y92" t="s">
        <v>38</v>
      </c>
    </row>
    <row r="93" spans="1:25">
      <c r="A93" t="s">
        <v>25</v>
      </c>
      <c r="B93" t="s">
        <v>212</v>
      </c>
      <c r="C93" s="27">
        <v>44757</v>
      </c>
      <c r="D93" t="s">
        <v>27</v>
      </c>
      <c r="E93" t="s">
        <v>28</v>
      </c>
      <c r="F93" t="s">
        <v>316</v>
      </c>
      <c r="G93" s="28">
        <v>7</v>
      </c>
      <c r="H93" t="s">
        <v>29</v>
      </c>
      <c r="I93" t="s">
        <v>30</v>
      </c>
      <c r="K93" t="s">
        <v>31</v>
      </c>
      <c r="L93" s="29">
        <v>-1477.1</v>
      </c>
      <c r="M93" t="s">
        <v>317</v>
      </c>
      <c r="N93" t="s">
        <v>32</v>
      </c>
      <c r="O93" t="s">
        <v>33</v>
      </c>
      <c r="P93" t="s">
        <v>34</v>
      </c>
      <c r="Q93" t="s">
        <v>35</v>
      </c>
      <c r="R93" t="s">
        <v>36</v>
      </c>
      <c r="U93" t="s">
        <v>37</v>
      </c>
      <c r="V93" s="30">
        <v>2022</v>
      </c>
      <c r="W93" s="31">
        <v>44774</v>
      </c>
      <c r="X93" s="32">
        <v>44774.322824074072</v>
      </c>
      <c r="Y93" t="s">
        <v>38</v>
      </c>
    </row>
    <row r="94" spans="1:25">
      <c r="A94" t="s">
        <v>25</v>
      </c>
      <c r="B94" t="s">
        <v>273</v>
      </c>
      <c r="C94" s="27">
        <v>44757</v>
      </c>
      <c r="D94" t="s">
        <v>27</v>
      </c>
      <c r="E94" t="s">
        <v>28</v>
      </c>
      <c r="F94" t="s">
        <v>316</v>
      </c>
      <c r="G94" s="28">
        <v>7</v>
      </c>
      <c r="H94" t="s">
        <v>29</v>
      </c>
      <c r="I94" t="s">
        <v>30</v>
      </c>
      <c r="K94" t="s">
        <v>31</v>
      </c>
      <c r="L94" s="29">
        <v>-938.75</v>
      </c>
      <c r="M94" t="s">
        <v>317</v>
      </c>
      <c r="N94" t="s">
        <v>32</v>
      </c>
      <c r="O94" t="s">
        <v>33</v>
      </c>
      <c r="P94" t="s">
        <v>34</v>
      </c>
      <c r="Q94" t="s">
        <v>35</v>
      </c>
      <c r="R94" t="s">
        <v>36</v>
      </c>
      <c r="U94" t="s">
        <v>37</v>
      </c>
      <c r="V94" s="30">
        <v>2022</v>
      </c>
      <c r="W94" s="31">
        <v>44767</v>
      </c>
      <c r="X94" s="32">
        <v>44767.65351851852</v>
      </c>
      <c r="Y94" t="s">
        <v>38</v>
      </c>
    </row>
    <row r="95" spans="1:25">
      <c r="A95" t="s">
        <v>25</v>
      </c>
      <c r="B95" t="s">
        <v>222</v>
      </c>
      <c r="C95" s="27">
        <v>44757</v>
      </c>
      <c r="D95" t="s">
        <v>27</v>
      </c>
      <c r="E95" t="s">
        <v>28</v>
      </c>
      <c r="F95" t="s">
        <v>316</v>
      </c>
      <c r="G95" s="28">
        <v>7</v>
      </c>
      <c r="H95" t="s">
        <v>29</v>
      </c>
      <c r="I95" t="s">
        <v>30</v>
      </c>
      <c r="K95" t="s">
        <v>31</v>
      </c>
      <c r="L95" s="29">
        <v>-422.15</v>
      </c>
      <c r="M95" t="s">
        <v>317</v>
      </c>
      <c r="N95" t="s">
        <v>32</v>
      </c>
      <c r="O95" t="s">
        <v>33</v>
      </c>
      <c r="P95" t="s">
        <v>34</v>
      </c>
      <c r="Q95" t="s">
        <v>35</v>
      </c>
      <c r="R95" t="s">
        <v>36</v>
      </c>
      <c r="U95" t="s">
        <v>37</v>
      </c>
      <c r="V95" s="30">
        <v>2022</v>
      </c>
      <c r="W95" s="31">
        <v>44774</v>
      </c>
      <c r="X95" s="32">
        <v>44774.322847222225</v>
      </c>
      <c r="Y95" t="s">
        <v>38</v>
      </c>
    </row>
    <row r="96" spans="1:25">
      <c r="A96" t="s">
        <v>25</v>
      </c>
      <c r="B96" t="s">
        <v>314</v>
      </c>
      <c r="C96" s="27">
        <v>44757</v>
      </c>
      <c r="D96" t="s">
        <v>27</v>
      </c>
      <c r="E96" t="s">
        <v>28</v>
      </c>
      <c r="F96" t="s">
        <v>316</v>
      </c>
      <c r="G96" s="28">
        <v>7</v>
      </c>
      <c r="H96" t="s">
        <v>29</v>
      </c>
      <c r="I96" t="s">
        <v>30</v>
      </c>
      <c r="K96" t="s">
        <v>31</v>
      </c>
      <c r="L96" s="29">
        <v>-1221.25</v>
      </c>
      <c r="M96" t="s">
        <v>317</v>
      </c>
      <c r="N96" t="s">
        <v>32</v>
      </c>
      <c r="O96" t="s">
        <v>33</v>
      </c>
      <c r="P96" t="s">
        <v>34</v>
      </c>
      <c r="Q96" t="s">
        <v>35</v>
      </c>
      <c r="R96" t="s">
        <v>36</v>
      </c>
      <c r="U96" t="s">
        <v>37</v>
      </c>
      <c r="V96" s="30">
        <v>2022</v>
      </c>
      <c r="W96" s="31">
        <v>44767</v>
      </c>
      <c r="X96" s="32">
        <v>44767.655636574076</v>
      </c>
      <c r="Y96" t="s">
        <v>38</v>
      </c>
    </row>
    <row r="97" spans="1:25">
      <c r="A97" t="s">
        <v>25</v>
      </c>
      <c r="B97" t="s">
        <v>318</v>
      </c>
      <c r="C97" s="27">
        <v>44773</v>
      </c>
      <c r="D97" t="s">
        <v>27</v>
      </c>
      <c r="E97" t="s">
        <v>28</v>
      </c>
      <c r="F97" t="s">
        <v>316</v>
      </c>
      <c r="G97" s="28">
        <v>7</v>
      </c>
      <c r="H97" t="s">
        <v>319</v>
      </c>
      <c r="I97" t="s">
        <v>320</v>
      </c>
      <c r="K97" t="s">
        <v>31</v>
      </c>
      <c r="L97" s="29">
        <v>3305.63</v>
      </c>
      <c r="M97" t="s">
        <v>321</v>
      </c>
      <c r="N97" t="s">
        <v>322</v>
      </c>
      <c r="O97" t="s">
        <v>33</v>
      </c>
      <c r="P97" t="s">
        <v>34</v>
      </c>
      <c r="Q97" t="s">
        <v>323</v>
      </c>
      <c r="R97" t="s">
        <v>36</v>
      </c>
      <c r="U97" t="s">
        <v>324</v>
      </c>
      <c r="V97" s="30">
        <v>2022</v>
      </c>
      <c r="W97" s="31">
        <v>44777</v>
      </c>
      <c r="X97" s="32">
        <v>44777.514293981483</v>
      </c>
      <c r="Y97" t="s">
        <v>325</v>
      </c>
    </row>
    <row r="98" spans="1:25">
      <c r="A98" t="s">
        <v>349</v>
      </c>
      <c r="B98" t="s">
        <v>357</v>
      </c>
      <c r="C98" s="27">
        <v>44773</v>
      </c>
      <c r="D98" t="s">
        <v>27</v>
      </c>
      <c r="E98" t="s">
        <v>28</v>
      </c>
      <c r="F98" t="s">
        <v>316</v>
      </c>
      <c r="G98" s="28">
        <v>7</v>
      </c>
      <c r="H98" t="s">
        <v>351</v>
      </c>
      <c r="I98" t="s">
        <v>30</v>
      </c>
      <c r="K98" t="s">
        <v>31</v>
      </c>
      <c r="L98" s="29">
        <v>-74.02</v>
      </c>
      <c r="M98" t="s">
        <v>358</v>
      </c>
      <c r="N98" t="s">
        <v>32</v>
      </c>
      <c r="O98" t="s">
        <v>353</v>
      </c>
      <c r="P98" t="s">
        <v>34</v>
      </c>
      <c r="Q98" t="s">
        <v>323</v>
      </c>
      <c r="R98" t="s">
        <v>354</v>
      </c>
      <c r="U98" t="s">
        <v>355</v>
      </c>
      <c r="V98" s="30">
        <v>2022</v>
      </c>
      <c r="W98" s="31">
        <v>44773</v>
      </c>
      <c r="X98" s="32">
        <v>44773.535671296297</v>
      </c>
      <c r="Y98" t="s">
        <v>360</v>
      </c>
    </row>
    <row r="99" spans="1:25">
      <c r="A99" t="s">
        <v>349</v>
      </c>
      <c r="B99" t="s">
        <v>350</v>
      </c>
      <c r="C99" s="27">
        <v>44773</v>
      </c>
      <c r="D99" t="s">
        <v>27</v>
      </c>
      <c r="E99" t="s">
        <v>28</v>
      </c>
      <c r="F99" t="s">
        <v>316</v>
      </c>
      <c r="G99" s="28">
        <v>7</v>
      </c>
      <c r="H99" t="s">
        <v>351</v>
      </c>
      <c r="I99" t="s">
        <v>30</v>
      </c>
      <c r="K99" t="s">
        <v>31</v>
      </c>
      <c r="L99" s="29">
        <v>0</v>
      </c>
      <c r="M99" t="s">
        <v>352</v>
      </c>
      <c r="N99" t="s">
        <v>32</v>
      </c>
      <c r="O99" t="s">
        <v>353</v>
      </c>
      <c r="P99" t="s">
        <v>34</v>
      </c>
      <c r="Q99" t="s">
        <v>323</v>
      </c>
      <c r="R99" t="s">
        <v>354</v>
      </c>
      <c r="U99" t="s">
        <v>355</v>
      </c>
      <c r="V99" s="30">
        <v>2022</v>
      </c>
      <c r="W99" s="31">
        <v>44773</v>
      </c>
      <c r="X99" s="32">
        <v>44773.534062500003</v>
      </c>
      <c r="Y99" t="s">
        <v>356</v>
      </c>
    </row>
    <row r="100" spans="1:25">
      <c r="A100" t="s">
        <v>25</v>
      </c>
      <c r="B100" t="s">
        <v>78</v>
      </c>
      <c r="C100" s="27">
        <v>44788</v>
      </c>
      <c r="D100" t="s">
        <v>27</v>
      </c>
      <c r="E100" t="s">
        <v>28</v>
      </c>
      <c r="F100" t="s">
        <v>316</v>
      </c>
      <c r="G100" s="28">
        <v>8</v>
      </c>
      <c r="H100" t="s">
        <v>29</v>
      </c>
      <c r="I100" t="s">
        <v>30</v>
      </c>
      <c r="K100" t="s">
        <v>31</v>
      </c>
      <c r="L100" s="29">
        <v>-1533.4</v>
      </c>
      <c r="M100" t="s">
        <v>317</v>
      </c>
      <c r="N100" t="s">
        <v>32</v>
      </c>
      <c r="O100" t="s">
        <v>33</v>
      </c>
      <c r="P100" t="s">
        <v>34</v>
      </c>
      <c r="Q100" t="s">
        <v>35</v>
      </c>
      <c r="R100" t="s">
        <v>36</v>
      </c>
      <c r="U100" t="s">
        <v>37</v>
      </c>
      <c r="V100" s="30">
        <v>2022</v>
      </c>
      <c r="W100" s="31">
        <v>44804</v>
      </c>
      <c r="X100" s="32">
        <v>44804.478171296294</v>
      </c>
      <c r="Y100" t="s">
        <v>38</v>
      </c>
    </row>
    <row r="101" spans="1:25">
      <c r="A101" t="s">
        <v>25</v>
      </c>
      <c r="B101" t="s">
        <v>84</v>
      </c>
      <c r="C101" s="27">
        <v>44788</v>
      </c>
      <c r="D101" t="s">
        <v>27</v>
      </c>
      <c r="E101" t="s">
        <v>28</v>
      </c>
      <c r="F101" t="s">
        <v>316</v>
      </c>
      <c r="G101" s="28">
        <v>8</v>
      </c>
      <c r="H101" t="s">
        <v>29</v>
      </c>
      <c r="I101" t="s">
        <v>30</v>
      </c>
      <c r="K101" t="s">
        <v>31</v>
      </c>
      <c r="L101" s="29">
        <v>-726</v>
      </c>
      <c r="M101" t="s">
        <v>317</v>
      </c>
      <c r="N101" t="s">
        <v>32</v>
      </c>
      <c r="O101" t="s">
        <v>33</v>
      </c>
      <c r="P101" t="s">
        <v>34</v>
      </c>
      <c r="Q101" t="s">
        <v>35</v>
      </c>
      <c r="R101" t="s">
        <v>36</v>
      </c>
      <c r="U101" t="s">
        <v>37</v>
      </c>
      <c r="V101" s="30">
        <v>2022</v>
      </c>
      <c r="W101" s="31">
        <v>44804</v>
      </c>
      <c r="X101" s="32">
        <v>44804.478182870371</v>
      </c>
      <c r="Y101" t="s">
        <v>38</v>
      </c>
    </row>
    <row r="102" spans="1:25">
      <c r="A102" t="s">
        <v>25</v>
      </c>
      <c r="B102" t="s">
        <v>128</v>
      </c>
      <c r="C102" s="27">
        <v>44788</v>
      </c>
      <c r="D102" t="s">
        <v>27</v>
      </c>
      <c r="E102" t="s">
        <v>28</v>
      </c>
      <c r="F102" t="s">
        <v>316</v>
      </c>
      <c r="G102" s="28">
        <v>8</v>
      </c>
      <c r="H102" t="s">
        <v>29</v>
      </c>
      <c r="I102" t="s">
        <v>30</v>
      </c>
      <c r="K102" t="s">
        <v>31</v>
      </c>
      <c r="L102" s="29">
        <v>-708.4</v>
      </c>
      <c r="M102" t="s">
        <v>317</v>
      </c>
      <c r="N102" t="s">
        <v>32</v>
      </c>
      <c r="O102" t="s">
        <v>33</v>
      </c>
      <c r="P102" t="s">
        <v>34</v>
      </c>
      <c r="Q102" t="s">
        <v>35</v>
      </c>
      <c r="R102" t="s">
        <v>36</v>
      </c>
      <c r="U102" t="s">
        <v>37</v>
      </c>
      <c r="V102" s="30">
        <v>2022</v>
      </c>
      <c r="W102" s="31">
        <v>44804</v>
      </c>
      <c r="X102" s="32">
        <v>44804.478194444448</v>
      </c>
      <c r="Y102" t="s">
        <v>38</v>
      </c>
    </row>
    <row r="103" spans="1:25">
      <c r="A103" t="s">
        <v>25</v>
      </c>
      <c r="B103" t="s">
        <v>145</v>
      </c>
      <c r="C103" s="27">
        <v>44788</v>
      </c>
      <c r="D103" t="s">
        <v>27</v>
      </c>
      <c r="E103" t="s">
        <v>28</v>
      </c>
      <c r="F103" t="s">
        <v>316</v>
      </c>
      <c r="G103" s="28">
        <v>8</v>
      </c>
      <c r="H103" t="s">
        <v>29</v>
      </c>
      <c r="I103" t="s">
        <v>30</v>
      </c>
      <c r="K103" t="s">
        <v>31</v>
      </c>
      <c r="L103" s="29">
        <v>-1060.6600000000001</v>
      </c>
      <c r="M103" t="s">
        <v>317</v>
      </c>
      <c r="N103" t="s">
        <v>32</v>
      </c>
      <c r="O103" t="s">
        <v>33</v>
      </c>
      <c r="P103" t="s">
        <v>34</v>
      </c>
      <c r="Q103" t="s">
        <v>35</v>
      </c>
      <c r="R103" t="s">
        <v>36</v>
      </c>
      <c r="U103" t="s">
        <v>37</v>
      </c>
      <c r="V103" s="30">
        <v>2022</v>
      </c>
      <c r="W103" s="31">
        <v>44806</v>
      </c>
      <c r="X103" s="32">
        <v>44806.468865740739</v>
      </c>
      <c r="Y103" t="s">
        <v>38</v>
      </c>
    </row>
    <row r="104" spans="1:25">
      <c r="A104" t="s">
        <v>25</v>
      </c>
      <c r="B104" t="s">
        <v>148</v>
      </c>
      <c r="C104" s="27">
        <v>44788</v>
      </c>
      <c r="D104" t="s">
        <v>27</v>
      </c>
      <c r="E104" t="s">
        <v>28</v>
      </c>
      <c r="F104" t="s">
        <v>316</v>
      </c>
      <c r="G104" s="28">
        <v>8</v>
      </c>
      <c r="H104" t="s">
        <v>29</v>
      </c>
      <c r="I104" t="s">
        <v>30</v>
      </c>
      <c r="K104" t="s">
        <v>31</v>
      </c>
      <c r="L104" s="29">
        <v>-293.8</v>
      </c>
      <c r="M104" t="s">
        <v>317</v>
      </c>
      <c r="N104" t="s">
        <v>32</v>
      </c>
      <c r="O104" t="s">
        <v>33</v>
      </c>
      <c r="P104" t="s">
        <v>34</v>
      </c>
      <c r="Q104" t="s">
        <v>35</v>
      </c>
      <c r="R104" t="s">
        <v>36</v>
      </c>
      <c r="U104" t="s">
        <v>37</v>
      </c>
      <c r="V104" s="30">
        <v>2022</v>
      </c>
      <c r="W104" s="31">
        <v>44792</v>
      </c>
      <c r="X104" s="32">
        <v>44792.503622685188</v>
      </c>
      <c r="Y104" t="s">
        <v>38</v>
      </c>
    </row>
    <row r="105" spans="1:25">
      <c r="A105" t="s">
        <v>25</v>
      </c>
      <c r="B105" t="s">
        <v>144</v>
      </c>
      <c r="C105" s="27">
        <v>44788</v>
      </c>
      <c r="D105" t="s">
        <v>27</v>
      </c>
      <c r="E105" t="s">
        <v>28</v>
      </c>
      <c r="F105" t="s">
        <v>316</v>
      </c>
      <c r="G105" s="28">
        <v>8</v>
      </c>
      <c r="H105" t="s">
        <v>29</v>
      </c>
      <c r="I105" t="s">
        <v>30</v>
      </c>
      <c r="K105" t="s">
        <v>31</v>
      </c>
      <c r="L105" s="29">
        <v>-1458.66</v>
      </c>
      <c r="M105" t="s">
        <v>317</v>
      </c>
      <c r="N105" t="s">
        <v>32</v>
      </c>
      <c r="O105" t="s">
        <v>33</v>
      </c>
      <c r="P105" t="s">
        <v>34</v>
      </c>
      <c r="Q105" t="s">
        <v>35</v>
      </c>
      <c r="R105" t="s">
        <v>36</v>
      </c>
      <c r="U105" t="s">
        <v>37</v>
      </c>
      <c r="V105" s="30">
        <v>2022</v>
      </c>
      <c r="W105" s="31">
        <v>44804</v>
      </c>
      <c r="X105" s="32">
        <v>44804.478148148148</v>
      </c>
      <c r="Y105" t="s">
        <v>38</v>
      </c>
    </row>
    <row r="106" spans="1:25">
      <c r="A106" t="s">
        <v>25</v>
      </c>
      <c r="B106" t="s">
        <v>152</v>
      </c>
      <c r="C106" s="27">
        <v>44788</v>
      </c>
      <c r="D106" t="s">
        <v>27</v>
      </c>
      <c r="E106" t="s">
        <v>28</v>
      </c>
      <c r="F106" t="s">
        <v>316</v>
      </c>
      <c r="G106" s="28">
        <v>8</v>
      </c>
      <c r="H106" t="s">
        <v>29</v>
      </c>
      <c r="I106" t="s">
        <v>30</v>
      </c>
      <c r="K106" t="s">
        <v>31</v>
      </c>
      <c r="L106" s="29">
        <v>-1214.04</v>
      </c>
      <c r="M106" t="s">
        <v>317</v>
      </c>
      <c r="N106" t="s">
        <v>32</v>
      </c>
      <c r="O106" t="s">
        <v>33</v>
      </c>
      <c r="P106" t="s">
        <v>34</v>
      </c>
      <c r="Q106" t="s">
        <v>35</v>
      </c>
      <c r="R106" t="s">
        <v>36</v>
      </c>
      <c r="U106" t="s">
        <v>37</v>
      </c>
      <c r="V106" s="30">
        <v>2022</v>
      </c>
      <c r="W106" s="31">
        <v>44804</v>
      </c>
      <c r="X106" s="32">
        <v>44804.478159722225</v>
      </c>
      <c r="Y106" t="s">
        <v>38</v>
      </c>
    </row>
    <row r="107" spans="1:25">
      <c r="A107" t="s">
        <v>25</v>
      </c>
      <c r="B107" t="s">
        <v>158</v>
      </c>
      <c r="C107" s="27">
        <v>44788</v>
      </c>
      <c r="D107" t="s">
        <v>27</v>
      </c>
      <c r="E107" t="s">
        <v>28</v>
      </c>
      <c r="F107" t="s">
        <v>316</v>
      </c>
      <c r="G107" s="28">
        <v>8</v>
      </c>
      <c r="H107" t="s">
        <v>29</v>
      </c>
      <c r="I107" t="s">
        <v>30</v>
      </c>
      <c r="K107" t="s">
        <v>31</v>
      </c>
      <c r="L107" s="29">
        <v>-1543.17</v>
      </c>
      <c r="M107" t="s">
        <v>317</v>
      </c>
      <c r="N107" t="s">
        <v>32</v>
      </c>
      <c r="O107" t="s">
        <v>33</v>
      </c>
      <c r="P107" t="s">
        <v>34</v>
      </c>
      <c r="Q107" t="s">
        <v>35</v>
      </c>
      <c r="R107" t="s">
        <v>36</v>
      </c>
      <c r="U107" t="s">
        <v>37</v>
      </c>
      <c r="V107" s="30">
        <v>2022</v>
      </c>
      <c r="W107" s="31">
        <v>44806</v>
      </c>
      <c r="X107" s="32">
        <v>44806.468842592592</v>
      </c>
      <c r="Y107" t="s">
        <v>38</v>
      </c>
    </row>
    <row r="108" spans="1:25">
      <c r="A108" t="s">
        <v>25</v>
      </c>
      <c r="B108" t="s">
        <v>150</v>
      </c>
      <c r="C108" s="27">
        <v>44788</v>
      </c>
      <c r="D108" t="s">
        <v>27</v>
      </c>
      <c r="E108" t="s">
        <v>28</v>
      </c>
      <c r="F108" t="s">
        <v>316</v>
      </c>
      <c r="G108" s="28">
        <v>8</v>
      </c>
      <c r="H108" t="s">
        <v>29</v>
      </c>
      <c r="I108" t="s">
        <v>30</v>
      </c>
      <c r="K108" t="s">
        <v>31</v>
      </c>
      <c r="L108" s="29">
        <v>-694.77</v>
      </c>
      <c r="M108" t="s">
        <v>317</v>
      </c>
      <c r="N108" t="s">
        <v>32</v>
      </c>
      <c r="O108" t="s">
        <v>33</v>
      </c>
      <c r="P108" t="s">
        <v>34</v>
      </c>
      <c r="Q108" t="s">
        <v>35</v>
      </c>
      <c r="R108" t="s">
        <v>36</v>
      </c>
      <c r="U108" t="s">
        <v>37</v>
      </c>
      <c r="V108" s="30">
        <v>2022</v>
      </c>
      <c r="W108" s="31">
        <v>44792</v>
      </c>
      <c r="X108" s="32">
        <v>44792.503622685188</v>
      </c>
      <c r="Y108" t="s">
        <v>38</v>
      </c>
    </row>
    <row r="109" spans="1:25">
      <c r="A109" t="s">
        <v>25</v>
      </c>
      <c r="B109" t="s">
        <v>173</v>
      </c>
      <c r="C109" s="27">
        <v>44788</v>
      </c>
      <c r="D109" t="s">
        <v>27</v>
      </c>
      <c r="E109" t="s">
        <v>28</v>
      </c>
      <c r="F109" t="s">
        <v>316</v>
      </c>
      <c r="G109" s="28">
        <v>8</v>
      </c>
      <c r="H109" t="s">
        <v>29</v>
      </c>
      <c r="I109" t="s">
        <v>30</v>
      </c>
      <c r="K109" t="s">
        <v>31</v>
      </c>
      <c r="L109" s="29">
        <v>-719.45</v>
      </c>
      <c r="M109" t="s">
        <v>317</v>
      </c>
      <c r="N109" t="s">
        <v>32</v>
      </c>
      <c r="O109" t="s">
        <v>33</v>
      </c>
      <c r="P109" t="s">
        <v>34</v>
      </c>
      <c r="Q109" t="s">
        <v>35</v>
      </c>
      <c r="R109" t="s">
        <v>36</v>
      </c>
      <c r="U109" t="s">
        <v>37</v>
      </c>
      <c r="V109" s="30">
        <v>2022</v>
      </c>
      <c r="W109" s="31">
        <v>44806</v>
      </c>
      <c r="X109" s="32">
        <v>44806.468842592592</v>
      </c>
      <c r="Y109" t="s">
        <v>38</v>
      </c>
    </row>
    <row r="110" spans="1:25">
      <c r="A110" t="s">
        <v>25</v>
      </c>
      <c r="B110" t="s">
        <v>189</v>
      </c>
      <c r="C110" s="27">
        <v>44788</v>
      </c>
      <c r="D110" t="s">
        <v>27</v>
      </c>
      <c r="E110" t="s">
        <v>28</v>
      </c>
      <c r="F110" t="s">
        <v>316</v>
      </c>
      <c r="G110" s="28">
        <v>8</v>
      </c>
      <c r="H110" t="s">
        <v>29</v>
      </c>
      <c r="I110" t="s">
        <v>30</v>
      </c>
      <c r="K110" t="s">
        <v>31</v>
      </c>
      <c r="L110" s="29">
        <v>-298.5</v>
      </c>
      <c r="M110" t="s">
        <v>317</v>
      </c>
      <c r="N110" t="s">
        <v>32</v>
      </c>
      <c r="O110" t="s">
        <v>33</v>
      </c>
      <c r="P110" t="s">
        <v>34</v>
      </c>
      <c r="Q110" t="s">
        <v>35</v>
      </c>
      <c r="R110" t="s">
        <v>36</v>
      </c>
      <c r="U110" t="s">
        <v>37</v>
      </c>
      <c r="V110" s="30">
        <v>2022</v>
      </c>
      <c r="W110" s="31">
        <v>44792</v>
      </c>
      <c r="X110" s="32">
        <v>44792.503611111111</v>
      </c>
      <c r="Y110" t="s">
        <v>38</v>
      </c>
    </row>
    <row r="111" spans="1:25">
      <c r="A111" t="s">
        <v>25</v>
      </c>
      <c r="B111" t="s">
        <v>196</v>
      </c>
      <c r="C111" s="27">
        <v>44788</v>
      </c>
      <c r="D111" t="s">
        <v>27</v>
      </c>
      <c r="E111" t="s">
        <v>28</v>
      </c>
      <c r="F111" t="s">
        <v>316</v>
      </c>
      <c r="G111" s="28">
        <v>8</v>
      </c>
      <c r="H111" t="s">
        <v>29</v>
      </c>
      <c r="I111" t="s">
        <v>30</v>
      </c>
      <c r="K111" t="s">
        <v>31</v>
      </c>
      <c r="L111" s="29">
        <v>-223.9</v>
      </c>
      <c r="M111" t="s">
        <v>317</v>
      </c>
      <c r="N111" t="s">
        <v>32</v>
      </c>
      <c r="O111" t="s">
        <v>33</v>
      </c>
      <c r="P111" t="s">
        <v>34</v>
      </c>
      <c r="Q111" t="s">
        <v>35</v>
      </c>
      <c r="R111" t="s">
        <v>36</v>
      </c>
      <c r="U111" t="s">
        <v>37</v>
      </c>
      <c r="V111" s="30">
        <v>2022</v>
      </c>
      <c r="W111" s="31">
        <v>44804</v>
      </c>
      <c r="X111" s="32">
        <v>44804.478125000001</v>
      </c>
      <c r="Y111" t="s">
        <v>38</v>
      </c>
    </row>
    <row r="112" spans="1:25">
      <c r="A112" t="s">
        <v>25</v>
      </c>
      <c r="B112" t="s">
        <v>199</v>
      </c>
      <c r="C112" s="27">
        <v>44788</v>
      </c>
      <c r="D112" t="s">
        <v>27</v>
      </c>
      <c r="E112" t="s">
        <v>28</v>
      </c>
      <c r="F112" t="s">
        <v>316</v>
      </c>
      <c r="G112" s="28">
        <v>8</v>
      </c>
      <c r="H112" t="s">
        <v>29</v>
      </c>
      <c r="I112" t="s">
        <v>30</v>
      </c>
      <c r="K112" t="s">
        <v>31</v>
      </c>
      <c r="L112" s="29">
        <v>-322.7</v>
      </c>
      <c r="M112" t="s">
        <v>317</v>
      </c>
      <c r="N112" t="s">
        <v>32</v>
      </c>
      <c r="O112" t="s">
        <v>33</v>
      </c>
      <c r="P112" t="s">
        <v>34</v>
      </c>
      <c r="Q112" t="s">
        <v>35</v>
      </c>
      <c r="R112" t="s">
        <v>36</v>
      </c>
      <c r="U112" t="s">
        <v>37</v>
      </c>
      <c r="V112" s="30">
        <v>2022</v>
      </c>
      <c r="W112" s="31">
        <v>44804</v>
      </c>
      <c r="X112" s="32">
        <v>44804.478136574071</v>
      </c>
      <c r="Y112" t="s">
        <v>38</v>
      </c>
    </row>
    <row r="113" spans="1:25">
      <c r="A113" t="s">
        <v>25</v>
      </c>
      <c r="B113" t="s">
        <v>200</v>
      </c>
      <c r="C113" s="27">
        <v>44788</v>
      </c>
      <c r="D113" t="s">
        <v>27</v>
      </c>
      <c r="E113" t="s">
        <v>28</v>
      </c>
      <c r="F113" t="s">
        <v>316</v>
      </c>
      <c r="G113" s="28">
        <v>8</v>
      </c>
      <c r="H113" t="s">
        <v>29</v>
      </c>
      <c r="I113" t="s">
        <v>30</v>
      </c>
      <c r="K113" t="s">
        <v>31</v>
      </c>
      <c r="L113" s="29">
        <v>-919.83</v>
      </c>
      <c r="M113" t="s">
        <v>317</v>
      </c>
      <c r="N113" t="s">
        <v>32</v>
      </c>
      <c r="O113" t="s">
        <v>33</v>
      </c>
      <c r="P113" t="s">
        <v>34</v>
      </c>
      <c r="Q113" t="s">
        <v>35</v>
      </c>
      <c r="R113" t="s">
        <v>36</v>
      </c>
      <c r="U113" t="s">
        <v>37</v>
      </c>
      <c r="V113" s="30">
        <v>2022</v>
      </c>
      <c r="W113" s="31">
        <v>44804</v>
      </c>
      <c r="X113" s="32">
        <v>44804.478136574071</v>
      </c>
      <c r="Y113" t="s">
        <v>38</v>
      </c>
    </row>
    <row r="114" spans="1:25">
      <c r="A114" t="s">
        <v>25</v>
      </c>
      <c r="B114" t="s">
        <v>238</v>
      </c>
      <c r="C114" s="27">
        <v>44788</v>
      </c>
      <c r="D114" t="s">
        <v>27</v>
      </c>
      <c r="E114" t="s">
        <v>28</v>
      </c>
      <c r="F114" t="s">
        <v>316</v>
      </c>
      <c r="G114" s="28">
        <v>8</v>
      </c>
      <c r="H114" t="s">
        <v>29</v>
      </c>
      <c r="I114" t="s">
        <v>30</v>
      </c>
      <c r="K114" t="s">
        <v>31</v>
      </c>
      <c r="L114" s="29">
        <v>-291.89999999999998</v>
      </c>
      <c r="M114" t="s">
        <v>317</v>
      </c>
      <c r="N114" t="s">
        <v>32</v>
      </c>
      <c r="O114" t="s">
        <v>33</v>
      </c>
      <c r="P114" t="s">
        <v>34</v>
      </c>
      <c r="Q114" t="s">
        <v>35</v>
      </c>
      <c r="R114" t="s">
        <v>36</v>
      </c>
      <c r="U114" t="s">
        <v>37</v>
      </c>
      <c r="V114" s="30">
        <v>2022</v>
      </c>
      <c r="W114" s="31">
        <v>44792</v>
      </c>
      <c r="X114" s="32">
        <v>44792.503599537034</v>
      </c>
      <c r="Y114" t="s">
        <v>38</v>
      </c>
    </row>
    <row r="115" spans="1:25">
      <c r="A115" t="s">
        <v>25</v>
      </c>
      <c r="B115" t="s">
        <v>170</v>
      </c>
      <c r="C115" s="27">
        <v>44788</v>
      </c>
      <c r="D115" t="s">
        <v>27</v>
      </c>
      <c r="E115" t="s">
        <v>28</v>
      </c>
      <c r="F115" t="s">
        <v>316</v>
      </c>
      <c r="G115" s="28">
        <v>8</v>
      </c>
      <c r="H115" t="s">
        <v>29</v>
      </c>
      <c r="I115" t="s">
        <v>30</v>
      </c>
      <c r="K115" t="s">
        <v>31</v>
      </c>
      <c r="L115" s="29">
        <v>-1130.33</v>
      </c>
      <c r="M115" t="s">
        <v>317</v>
      </c>
      <c r="N115" t="s">
        <v>32</v>
      </c>
      <c r="O115" t="s">
        <v>33</v>
      </c>
      <c r="P115" t="s">
        <v>34</v>
      </c>
      <c r="Q115" t="s">
        <v>35</v>
      </c>
      <c r="R115" t="s">
        <v>36</v>
      </c>
      <c r="U115" t="s">
        <v>37</v>
      </c>
      <c r="V115" s="30">
        <v>2022</v>
      </c>
      <c r="W115" s="31">
        <v>44792</v>
      </c>
      <c r="X115" s="32">
        <v>44792.503611111111</v>
      </c>
      <c r="Y115" t="s">
        <v>38</v>
      </c>
    </row>
    <row r="116" spans="1:25">
      <c r="A116" t="s">
        <v>25</v>
      </c>
      <c r="B116" t="s">
        <v>254</v>
      </c>
      <c r="C116" s="27">
        <v>44788</v>
      </c>
      <c r="D116" t="s">
        <v>27</v>
      </c>
      <c r="E116" t="s">
        <v>28</v>
      </c>
      <c r="F116" t="s">
        <v>316</v>
      </c>
      <c r="G116" s="28">
        <v>8</v>
      </c>
      <c r="H116" t="s">
        <v>29</v>
      </c>
      <c r="I116" t="s">
        <v>30</v>
      </c>
      <c r="K116" t="s">
        <v>31</v>
      </c>
      <c r="L116" s="29">
        <v>-906.25</v>
      </c>
      <c r="M116" t="s">
        <v>317</v>
      </c>
      <c r="N116" t="s">
        <v>32</v>
      </c>
      <c r="O116" t="s">
        <v>33</v>
      </c>
      <c r="P116" t="s">
        <v>34</v>
      </c>
      <c r="Q116" t="s">
        <v>35</v>
      </c>
      <c r="R116" t="s">
        <v>36</v>
      </c>
      <c r="U116" t="s">
        <v>37</v>
      </c>
      <c r="V116" s="30">
        <v>2022</v>
      </c>
      <c r="W116" s="31">
        <v>44804</v>
      </c>
      <c r="X116" s="32">
        <v>44804.478171296294</v>
      </c>
      <c r="Y116" t="s">
        <v>38</v>
      </c>
    </row>
    <row r="117" spans="1:25">
      <c r="A117" t="s">
        <v>25</v>
      </c>
      <c r="B117" t="s">
        <v>269</v>
      </c>
      <c r="C117" s="27">
        <v>44788</v>
      </c>
      <c r="D117" t="s">
        <v>27</v>
      </c>
      <c r="E117" t="s">
        <v>28</v>
      </c>
      <c r="F117" t="s">
        <v>316</v>
      </c>
      <c r="G117" s="28">
        <v>8</v>
      </c>
      <c r="H117" t="s">
        <v>29</v>
      </c>
      <c r="I117" t="s">
        <v>30</v>
      </c>
      <c r="K117" t="s">
        <v>31</v>
      </c>
      <c r="L117" s="29">
        <v>-414.75</v>
      </c>
      <c r="M117" t="s">
        <v>317</v>
      </c>
      <c r="N117" t="s">
        <v>32</v>
      </c>
      <c r="O117" t="s">
        <v>33</v>
      </c>
      <c r="P117" t="s">
        <v>34</v>
      </c>
      <c r="Q117" t="s">
        <v>35</v>
      </c>
      <c r="R117" t="s">
        <v>36</v>
      </c>
      <c r="U117" t="s">
        <v>37</v>
      </c>
      <c r="V117" s="30">
        <v>2022</v>
      </c>
      <c r="W117" s="31">
        <v>44792</v>
      </c>
      <c r="X117" s="32">
        <v>44792.503599537034</v>
      </c>
      <c r="Y117" t="s">
        <v>38</v>
      </c>
    </row>
    <row r="118" spans="1:25">
      <c r="A118" t="s">
        <v>25</v>
      </c>
      <c r="B118" t="s">
        <v>171</v>
      </c>
      <c r="C118" s="27">
        <v>44788</v>
      </c>
      <c r="D118" t="s">
        <v>27</v>
      </c>
      <c r="E118" t="s">
        <v>28</v>
      </c>
      <c r="F118" t="s">
        <v>316</v>
      </c>
      <c r="G118" s="28">
        <v>8</v>
      </c>
      <c r="H118" t="s">
        <v>29</v>
      </c>
      <c r="I118" t="s">
        <v>30</v>
      </c>
      <c r="K118" t="s">
        <v>31</v>
      </c>
      <c r="L118" s="29">
        <v>-199.3</v>
      </c>
      <c r="M118" t="s">
        <v>317</v>
      </c>
      <c r="N118" t="s">
        <v>32</v>
      </c>
      <c r="O118" t="s">
        <v>33</v>
      </c>
      <c r="P118" t="s">
        <v>34</v>
      </c>
      <c r="Q118" t="s">
        <v>35</v>
      </c>
      <c r="R118" t="s">
        <v>36</v>
      </c>
      <c r="U118" t="s">
        <v>37</v>
      </c>
      <c r="V118" s="30">
        <v>2022</v>
      </c>
      <c r="W118" s="31">
        <v>44792</v>
      </c>
      <c r="X118" s="32">
        <v>44792.503611111111</v>
      </c>
      <c r="Y118" t="s">
        <v>38</v>
      </c>
    </row>
    <row r="119" spans="1:25">
      <c r="A119" t="s">
        <v>25</v>
      </c>
      <c r="B119" t="s">
        <v>281</v>
      </c>
      <c r="C119" s="27">
        <v>44788</v>
      </c>
      <c r="D119" t="s">
        <v>27</v>
      </c>
      <c r="E119" t="s">
        <v>28</v>
      </c>
      <c r="F119" t="s">
        <v>316</v>
      </c>
      <c r="G119" s="28">
        <v>8</v>
      </c>
      <c r="H119" t="s">
        <v>29</v>
      </c>
      <c r="I119" t="s">
        <v>30</v>
      </c>
      <c r="K119" t="s">
        <v>31</v>
      </c>
      <c r="L119" s="29">
        <v>-426.8</v>
      </c>
      <c r="M119" t="s">
        <v>317</v>
      </c>
      <c r="N119" t="s">
        <v>32</v>
      </c>
      <c r="O119" t="s">
        <v>33</v>
      </c>
      <c r="P119" t="s">
        <v>34</v>
      </c>
      <c r="Q119" t="s">
        <v>35</v>
      </c>
      <c r="R119" t="s">
        <v>36</v>
      </c>
      <c r="U119" t="s">
        <v>37</v>
      </c>
      <c r="V119" s="30">
        <v>2022</v>
      </c>
      <c r="W119" s="31">
        <v>44792</v>
      </c>
      <c r="X119" s="32">
        <v>44792.503599537034</v>
      </c>
      <c r="Y119" t="s">
        <v>38</v>
      </c>
    </row>
    <row r="120" spans="1:25">
      <c r="A120" t="s">
        <v>25</v>
      </c>
      <c r="B120" t="s">
        <v>283</v>
      </c>
      <c r="C120" s="27">
        <v>44788</v>
      </c>
      <c r="D120" t="s">
        <v>27</v>
      </c>
      <c r="E120" t="s">
        <v>28</v>
      </c>
      <c r="F120" t="s">
        <v>316</v>
      </c>
      <c r="G120" s="28">
        <v>8</v>
      </c>
      <c r="H120" t="s">
        <v>29</v>
      </c>
      <c r="I120" t="s">
        <v>30</v>
      </c>
      <c r="K120" t="s">
        <v>31</v>
      </c>
      <c r="L120" s="29">
        <v>-984.15</v>
      </c>
      <c r="M120" t="s">
        <v>317</v>
      </c>
      <c r="N120" t="s">
        <v>32</v>
      </c>
      <c r="O120" t="s">
        <v>33</v>
      </c>
      <c r="P120" t="s">
        <v>34</v>
      </c>
      <c r="Q120" t="s">
        <v>35</v>
      </c>
      <c r="R120" t="s">
        <v>36</v>
      </c>
      <c r="U120" t="s">
        <v>37</v>
      </c>
      <c r="V120" s="30">
        <v>2022</v>
      </c>
      <c r="W120" s="31">
        <v>44806</v>
      </c>
      <c r="X120" s="32">
        <v>44806.468865740739</v>
      </c>
      <c r="Y120" t="s">
        <v>38</v>
      </c>
    </row>
    <row r="121" spans="1:25">
      <c r="A121" t="s">
        <v>25</v>
      </c>
      <c r="B121" t="s">
        <v>293</v>
      </c>
      <c r="C121" s="27">
        <v>44788</v>
      </c>
      <c r="D121" t="s">
        <v>27</v>
      </c>
      <c r="E121" t="s">
        <v>28</v>
      </c>
      <c r="F121" t="s">
        <v>316</v>
      </c>
      <c r="G121" s="28">
        <v>8</v>
      </c>
      <c r="H121" t="s">
        <v>29</v>
      </c>
      <c r="I121" t="s">
        <v>30</v>
      </c>
      <c r="K121" t="s">
        <v>31</v>
      </c>
      <c r="L121" s="29">
        <v>-2060.0100000000002</v>
      </c>
      <c r="M121" t="s">
        <v>317</v>
      </c>
      <c r="N121" t="s">
        <v>32</v>
      </c>
      <c r="O121" t="s">
        <v>33</v>
      </c>
      <c r="P121" t="s">
        <v>34</v>
      </c>
      <c r="Q121" t="s">
        <v>35</v>
      </c>
      <c r="R121" t="s">
        <v>36</v>
      </c>
      <c r="U121" t="s">
        <v>37</v>
      </c>
      <c r="V121" s="30">
        <v>2022</v>
      </c>
      <c r="W121" s="31">
        <v>44804</v>
      </c>
      <c r="X121" s="32">
        <v>44804.478159722225</v>
      </c>
      <c r="Y121" t="s">
        <v>38</v>
      </c>
    </row>
    <row r="122" spans="1:25">
      <c r="A122" t="s">
        <v>25</v>
      </c>
      <c r="B122" t="s">
        <v>315</v>
      </c>
      <c r="C122" s="27">
        <v>44788</v>
      </c>
      <c r="D122" t="s">
        <v>27</v>
      </c>
      <c r="E122" t="s">
        <v>28</v>
      </c>
      <c r="F122" t="s">
        <v>316</v>
      </c>
      <c r="G122" s="28">
        <v>8</v>
      </c>
      <c r="H122" t="s">
        <v>29</v>
      </c>
      <c r="I122" t="s">
        <v>30</v>
      </c>
      <c r="K122" t="s">
        <v>31</v>
      </c>
      <c r="L122" s="29">
        <v>-1383.92</v>
      </c>
      <c r="M122" t="s">
        <v>317</v>
      </c>
      <c r="N122" t="s">
        <v>32</v>
      </c>
      <c r="O122" t="s">
        <v>33</v>
      </c>
      <c r="P122" t="s">
        <v>34</v>
      </c>
      <c r="Q122" t="s">
        <v>35</v>
      </c>
      <c r="R122" t="s">
        <v>36</v>
      </c>
      <c r="U122" t="s">
        <v>37</v>
      </c>
      <c r="V122" s="30">
        <v>2022</v>
      </c>
      <c r="W122" s="31">
        <v>44806</v>
      </c>
      <c r="X122" s="32">
        <v>44806.468854166669</v>
      </c>
      <c r="Y122" t="s">
        <v>38</v>
      </c>
    </row>
    <row r="123" spans="1:25">
      <c r="A123" t="s">
        <v>25</v>
      </c>
      <c r="B123" t="s">
        <v>318</v>
      </c>
      <c r="C123" s="27">
        <v>44804</v>
      </c>
      <c r="D123" t="s">
        <v>27</v>
      </c>
      <c r="E123" t="s">
        <v>28</v>
      </c>
      <c r="F123" t="s">
        <v>316</v>
      </c>
      <c r="G123" s="28">
        <v>8</v>
      </c>
      <c r="H123" t="s">
        <v>319</v>
      </c>
      <c r="I123" t="s">
        <v>320</v>
      </c>
      <c r="K123" t="s">
        <v>31</v>
      </c>
      <c r="L123" s="29">
        <v>1436.74</v>
      </c>
      <c r="M123" t="s">
        <v>321</v>
      </c>
      <c r="N123" t="s">
        <v>322</v>
      </c>
      <c r="O123" t="s">
        <v>33</v>
      </c>
      <c r="P123" t="s">
        <v>34</v>
      </c>
      <c r="Q123" t="s">
        <v>323</v>
      </c>
      <c r="R123" t="s">
        <v>36</v>
      </c>
      <c r="U123" t="s">
        <v>324</v>
      </c>
      <c r="V123" s="30">
        <v>2022</v>
      </c>
      <c r="W123" s="31">
        <v>44812</v>
      </c>
      <c r="X123" s="32">
        <v>44812.370046296295</v>
      </c>
      <c r="Y123" t="s">
        <v>341</v>
      </c>
    </row>
    <row r="124" spans="1:25">
      <c r="A124" t="s">
        <v>349</v>
      </c>
      <c r="B124" t="s">
        <v>357</v>
      </c>
      <c r="C124" s="27">
        <v>44804</v>
      </c>
      <c r="D124" t="s">
        <v>27</v>
      </c>
      <c r="E124" t="s">
        <v>28</v>
      </c>
      <c r="F124" t="s">
        <v>316</v>
      </c>
      <c r="G124" s="28">
        <v>8</v>
      </c>
      <c r="H124" t="s">
        <v>351</v>
      </c>
      <c r="I124" t="s">
        <v>30</v>
      </c>
      <c r="K124" t="s">
        <v>31</v>
      </c>
      <c r="L124" s="29">
        <v>-74.02</v>
      </c>
      <c r="M124" t="s">
        <v>358</v>
      </c>
      <c r="N124" t="s">
        <v>32</v>
      </c>
      <c r="O124" t="s">
        <v>353</v>
      </c>
      <c r="P124" t="s">
        <v>34</v>
      </c>
      <c r="Q124" t="s">
        <v>323</v>
      </c>
      <c r="R124" t="s">
        <v>354</v>
      </c>
      <c r="U124" t="s">
        <v>355</v>
      </c>
      <c r="V124" s="30">
        <v>2022</v>
      </c>
      <c r="W124" s="31">
        <v>44804</v>
      </c>
      <c r="X124" s="32">
        <v>44804.722175925926</v>
      </c>
      <c r="Y124" t="s">
        <v>360</v>
      </c>
    </row>
    <row r="125" spans="1:25">
      <c r="A125" t="s">
        <v>349</v>
      </c>
      <c r="B125" t="s">
        <v>350</v>
      </c>
      <c r="C125" s="27">
        <v>44804</v>
      </c>
      <c r="D125" t="s">
        <v>27</v>
      </c>
      <c r="E125" t="s">
        <v>28</v>
      </c>
      <c r="F125" t="s">
        <v>316</v>
      </c>
      <c r="G125" s="28">
        <v>8</v>
      </c>
      <c r="H125" t="s">
        <v>351</v>
      </c>
      <c r="I125" t="s">
        <v>30</v>
      </c>
      <c r="K125" t="s">
        <v>31</v>
      </c>
      <c r="L125" s="29">
        <v>0</v>
      </c>
      <c r="M125" t="s">
        <v>352</v>
      </c>
      <c r="N125" t="s">
        <v>32</v>
      </c>
      <c r="O125" t="s">
        <v>353</v>
      </c>
      <c r="P125" t="s">
        <v>34</v>
      </c>
      <c r="Q125" t="s">
        <v>323</v>
      </c>
      <c r="R125" t="s">
        <v>354</v>
      </c>
      <c r="U125" t="s">
        <v>355</v>
      </c>
      <c r="V125" s="30">
        <v>2022</v>
      </c>
      <c r="W125" s="31">
        <v>44804</v>
      </c>
      <c r="X125" s="32">
        <v>44804.721631944441</v>
      </c>
      <c r="Y125" t="s">
        <v>356</v>
      </c>
    </row>
    <row r="126" spans="1:25">
      <c r="A126" t="s">
        <v>25</v>
      </c>
      <c r="B126" t="s">
        <v>326</v>
      </c>
      <c r="C126" s="27">
        <v>44816</v>
      </c>
      <c r="D126" t="s">
        <v>27</v>
      </c>
      <c r="E126" t="s">
        <v>28</v>
      </c>
      <c r="F126" t="s">
        <v>316</v>
      </c>
      <c r="G126" s="28">
        <v>9</v>
      </c>
      <c r="H126" t="s">
        <v>327</v>
      </c>
      <c r="I126" t="s">
        <v>320</v>
      </c>
      <c r="K126" t="s">
        <v>31</v>
      </c>
      <c r="L126" s="29">
        <v>-100</v>
      </c>
      <c r="M126" t="s">
        <v>328</v>
      </c>
      <c r="N126" t="s">
        <v>322</v>
      </c>
      <c r="O126" t="s">
        <v>33</v>
      </c>
      <c r="Q126" t="s">
        <v>35</v>
      </c>
      <c r="R126" t="s">
        <v>329</v>
      </c>
      <c r="U126" t="s">
        <v>37</v>
      </c>
      <c r="V126" s="30">
        <v>2022</v>
      </c>
      <c r="W126" s="31">
        <v>44817</v>
      </c>
      <c r="X126" s="32">
        <v>44817.301932870374</v>
      </c>
      <c r="Y126" t="s">
        <v>328</v>
      </c>
    </row>
    <row r="127" spans="1:25">
      <c r="A127" t="s">
        <v>25</v>
      </c>
      <c r="B127" t="s">
        <v>26</v>
      </c>
      <c r="C127" s="27">
        <v>44819</v>
      </c>
      <c r="D127" t="s">
        <v>27</v>
      </c>
      <c r="E127" t="s">
        <v>28</v>
      </c>
      <c r="F127" t="s">
        <v>316</v>
      </c>
      <c r="G127" s="28">
        <v>9</v>
      </c>
      <c r="H127" t="s">
        <v>29</v>
      </c>
      <c r="I127" t="s">
        <v>30</v>
      </c>
      <c r="K127" t="s">
        <v>31</v>
      </c>
      <c r="L127" s="29">
        <v>-956.1</v>
      </c>
      <c r="M127" t="s">
        <v>317</v>
      </c>
      <c r="N127" t="s">
        <v>32</v>
      </c>
      <c r="O127" t="s">
        <v>33</v>
      </c>
      <c r="P127" t="s">
        <v>34</v>
      </c>
      <c r="Q127" t="s">
        <v>35</v>
      </c>
      <c r="R127" t="s">
        <v>36</v>
      </c>
      <c r="U127" t="s">
        <v>37</v>
      </c>
      <c r="V127" s="30">
        <v>2022</v>
      </c>
      <c r="W127" s="31">
        <v>44825</v>
      </c>
      <c r="X127" s="32">
        <v>44825.691423611112</v>
      </c>
      <c r="Y127" t="s">
        <v>38</v>
      </c>
    </row>
    <row r="128" spans="1:25">
      <c r="A128" t="s">
        <v>25</v>
      </c>
      <c r="B128" t="s">
        <v>47</v>
      </c>
      <c r="C128" s="27">
        <v>44819</v>
      </c>
      <c r="D128" t="s">
        <v>27</v>
      </c>
      <c r="E128" t="s">
        <v>28</v>
      </c>
      <c r="F128" t="s">
        <v>316</v>
      </c>
      <c r="G128" s="28">
        <v>9</v>
      </c>
      <c r="H128" t="s">
        <v>29</v>
      </c>
      <c r="I128" t="s">
        <v>30</v>
      </c>
      <c r="K128" t="s">
        <v>31</v>
      </c>
      <c r="L128" s="29">
        <v>-928.7</v>
      </c>
      <c r="M128" t="s">
        <v>317</v>
      </c>
      <c r="N128" t="s">
        <v>32</v>
      </c>
      <c r="O128" t="s">
        <v>33</v>
      </c>
      <c r="P128" t="s">
        <v>34</v>
      </c>
      <c r="Q128" t="s">
        <v>35</v>
      </c>
      <c r="R128" t="s">
        <v>36</v>
      </c>
      <c r="U128" t="s">
        <v>37</v>
      </c>
      <c r="V128" s="30">
        <v>2022</v>
      </c>
      <c r="W128" s="31">
        <v>44837</v>
      </c>
      <c r="X128" s="32">
        <v>44837.28765046296</v>
      </c>
      <c r="Y128" t="s">
        <v>38</v>
      </c>
    </row>
    <row r="129" spans="1:25">
      <c r="A129" t="s">
        <v>25</v>
      </c>
      <c r="B129" t="s">
        <v>61</v>
      </c>
      <c r="C129" s="27">
        <v>44819</v>
      </c>
      <c r="D129" t="s">
        <v>27</v>
      </c>
      <c r="E129" t="s">
        <v>28</v>
      </c>
      <c r="F129" t="s">
        <v>316</v>
      </c>
      <c r="G129" s="28">
        <v>9</v>
      </c>
      <c r="H129" t="s">
        <v>29</v>
      </c>
      <c r="I129" t="s">
        <v>30</v>
      </c>
      <c r="K129" t="s">
        <v>31</v>
      </c>
      <c r="L129" s="29">
        <v>-844.95</v>
      </c>
      <c r="M129" t="s">
        <v>317</v>
      </c>
      <c r="N129" t="s">
        <v>32</v>
      </c>
      <c r="O129" t="s">
        <v>33</v>
      </c>
      <c r="P129" t="s">
        <v>34</v>
      </c>
      <c r="Q129" t="s">
        <v>35</v>
      </c>
      <c r="R129" t="s">
        <v>36</v>
      </c>
      <c r="U129" t="s">
        <v>37</v>
      </c>
      <c r="V129" s="30">
        <v>2022</v>
      </c>
      <c r="W129" s="31">
        <v>44837</v>
      </c>
      <c r="X129" s="32">
        <v>44837.287662037037</v>
      </c>
      <c r="Y129" t="s">
        <v>38</v>
      </c>
    </row>
    <row r="130" spans="1:25">
      <c r="A130" t="s">
        <v>25</v>
      </c>
      <c r="B130" t="s">
        <v>207</v>
      </c>
      <c r="C130" s="27">
        <v>44819</v>
      </c>
      <c r="D130" t="s">
        <v>27</v>
      </c>
      <c r="E130" t="s">
        <v>28</v>
      </c>
      <c r="F130" t="s">
        <v>316</v>
      </c>
      <c r="G130" s="28">
        <v>9</v>
      </c>
      <c r="H130" t="s">
        <v>29</v>
      </c>
      <c r="I130" t="s">
        <v>30</v>
      </c>
      <c r="K130" t="s">
        <v>31</v>
      </c>
      <c r="L130" s="29">
        <v>-1402.75</v>
      </c>
      <c r="M130" t="s">
        <v>317</v>
      </c>
      <c r="N130" t="s">
        <v>32</v>
      </c>
      <c r="O130" t="s">
        <v>33</v>
      </c>
      <c r="P130" t="s">
        <v>34</v>
      </c>
      <c r="Q130" t="s">
        <v>35</v>
      </c>
      <c r="R130" t="s">
        <v>36</v>
      </c>
      <c r="U130" t="s">
        <v>37</v>
      </c>
      <c r="V130" s="30">
        <v>2022</v>
      </c>
      <c r="W130" s="31">
        <v>44837</v>
      </c>
      <c r="X130" s="32">
        <v>44837.287708333337</v>
      </c>
      <c r="Y130" t="s">
        <v>38</v>
      </c>
    </row>
    <row r="131" spans="1:25">
      <c r="A131" t="s">
        <v>25</v>
      </c>
      <c r="B131" t="s">
        <v>208</v>
      </c>
      <c r="C131" s="27">
        <v>44819</v>
      </c>
      <c r="D131" t="s">
        <v>27</v>
      </c>
      <c r="E131" t="s">
        <v>28</v>
      </c>
      <c r="F131" t="s">
        <v>316</v>
      </c>
      <c r="G131" s="28">
        <v>9</v>
      </c>
      <c r="H131" t="s">
        <v>29</v>
      </c>
      <c r="I131" t="s">
        <v>30</v>
      </c>
      <c r="K131" t="s">
        <v>31</v>
      </c>
      <c r="L131" s="29">
        <v>-2230.4699999999998</v>
      </c>
      <c r="M131" t="s">
        <v>317</v>
      </c>
      <c r="N131" t="s">
        <v>32</v>
      </c>
      <c r="O131" t="s">
        <v>33</v>
      </c>
      <c r="P131" t="s">
        <v>34</v>
      </c>
      <c r="Q131" t="s">
        <v>35</v>
      </c>
      <c r="R131" t="s">
        <v>36</v>
      </c>
      <c r="U131" t="s">
        <v>37</v>
      </c>
      <c r="V131" s="30">
        <v>2022</v>
      </c>
      <c r="W131" s="31">
        <v>44837</v>
      </c>
      <c r="X131" s="32">
        <v>44837.287708333337</v>
      </c>
      <c r="Y131" t="s">
        <v>38</v>
      </c>
    </row>
    <row r="132" spans="1:25">
      <c r="A132" t="s">
        <v>25</v>
      </c>
      <c r="B132" t="s">
        <v>226</v>
      </c>
      <c r="C132" s="27">
        <v>44819</v>
      </c>
      <c r="D132" t="s">
        <v>27</v>
      </c>
      <c r="E132" t="s">
        <v>28</v>
      </c>
      <c r="F132" t="s">
        <v>316</v>
      </c>
      <c r="G132" s="28">
        <v>9</v>
      </c>
      <c r="H132" t="s">
        <v>29</v>
      </c>
      <c r="I132" t="s">
        <v>30</v>
      </c>
      <c r="K132" t="s">
        <v>31</v>
      </c>
      <c r="L132" s="29">
        <v>-1411.57</v>
      </c>
      <c r="M132" t="s">
        <v>317</v>
      </c>
      <c r="N132" t="s">
        <v>32</v>
      </c>
      <c r="O132" t="s">
        <v>33</v>
      </c>
      <c r="P132" t="s">
        <v>34</v>
      </c>
      <c r="Q132" t="s">
        <v>35</v>
      </c>
      <c r="R132" t="s">
        <v>36</v>
      </c>
      <c r="U132" t="s">
        <v>37</v>
      </c>
      <c r="V132" s="30">
        <v>2022</v>
      </c>
      <c r="W132" s="31">
        <v>44825</v>
      </c>
      <c r="X132" s="32">
        <v>44825.691412037035</v>
      </c>
      <c r="Y132" t="s">
        <v>38</v>
      </c>
    </row>
    <row r="133" spans="1:25">
      <c r="A133" t="s">
        <v>25</v>
      </c>
      <c r="B133" t="s">
        <v>240</v>
      </c>
      <c r="C133" s="27">
        <v>44819</v>
      </c>
      <c r="D133" t="s">
        <v>27</v>
      </c>
      <c r="E133" t="s">
        <v>28</v>
      </c>
      <c r="F133" t="s">
        <v>316</v>
      </c>
      <c r="G133" s="28">
        <v>9</v>
      </c>
      <c r="H133" t="s">
        <v>29</v>
      </c>
      <c r="I133" t="s">
        <v>30</v>
      </c>
      <c r="K133" t="s">
        <v>31</v>
      </c>
      <c r="L133" s="29">
        <v>-2432.0700000000002</v>
      </c>
      <c r="M133" t="s">
        <v>317</v>
      </c>
      <c r="N133" t="s">
        <v>32</v>
      </c>
      <c r="O133" t="s">
        <v>33</v>
      </c>
      <c r="P133" t="s">
        <v>34</v>
      </c>
      <c r="Q133" t="s">
        <v>35</v>
      </c>
      <c r="R133" t="s">
        <v>36</v>
      </c>
      <c r="U133" t="s">
        <v>37</v>
      </c>
      <c r="V133" s="30">
        <v>2022</v>
      </c>
      <c r="W133" s="31">
        <v>44837</v>
      </c>
      <c r="X133" s="32">
        <v>44837.287673611114</v>
      </c>
      <c r="Y133" t="s">
        <v>38</v>
      </c>
    </row>
    <row r="134" spans="1:25">
      <c r="A134" t="s">
        <v>25</v>
      </c>
      <c r="B134" t="s">
        <v>241</v>
      </c>
      <c r="C134" s="27">
        <v>44819</v>
      </c>
      <c r="D134" t="s">
        <v>27</v>
      </c>
      <c r="E134" t="s">
        <v>28</v>
      </c>
      <c r="F134" t="s">
        <v>316</v>
      </c>
      <c r="G134" s="28">
        <v>9</v>
      </c>
      <c r="H134" t="s">
        <v>29</v>
      </c>
      <c r="I134" t="s">
        <v>30</v>
      </c>
      <c r="K134" t="s">
        <v>31</v>
      </c>
      <c r="L134" s="29">
        <v>-732.5</v>
      </c>
      <c r="M134" t="s">
        <v>317</v>
      </c>
      <c r="N134" t="s">
        <v>32</v>
      </c>
      <c r="O134" t="s">
        <v>33</v>
      </c>
      <c r="P134" t="s">
        <v>34</v>
      </c>
      <c r="Q134" t="s">
        <v>35</v>
      </c>
      <c r="R134" t="s">
        <v>36</v>
      </c>
      <c r="U134" t="s">
        <v>37</v>
      </c>
      <c r="V134" s="30">
        <v>2022</v>
      </c>
      <c r="W134" s="31">
        <v>44837</v>
      </c>
      <c r="X134" s="32">
        <v>44837.287685185183</v>
      </c>
      <c r="Y134" t="s">
        <v>38</v>
      </c>
    </row>
    <row r="135" spans="1:25">
      <c r="A135" t="s">
        <v>25</v>
      </c>
      <c r="B135" t="s">
        <v>242</v>
      </c>
      <c r="C135" s="27">
        <v>44819</v>
      </c>
      <c r="D135" t="s">
        <v>27</v>
      </c>
      <c r="E135" t="s">
        <v>28</v>
      </c>
      <c r="F135" t="s">
        <v>316</v>
      </c>
      <c r="G135" s="28">
        <v>9</v>
      </c>
      <c r="H135" t="s">
        <v>29</v>
      </c>
      <c r="I135" t="s">
        <v>30</v>
      </c>
      <c r="K135" t="s">
        <v>31</v>
      </c>
      <c r="L135" s="29">
        <v>-1519.72</v>
      </c>
      <c r="M135" t="s">
        <v>317</v>
      </c>
      <c r="N135" t="s">
        <v>32</v>
      </c>
      <c r="O135" t="s">
        <v>33</v>
      </c>
      <c r="P135" t="s">
        <v>34</v>
      </c>
      <c r="Q135" t="s">
        <v>35</v>
      </c>
      <c r="R135" t="s">
        <v>36</v>
      </c>
      <c r="U135" t="s">
        <v>37</v>
      </c>
      <c r="V135" s="30">
        <v>2022</v>
      </c>
      <c r="W135" s="31">
        <v>44837</v>
      </c>
      <c r="X135" s="32">
        <v>44837.287673611114</v>
      </c>
      <c r="Y135" t="s">
        <v>38</v>
      </c>
    </row>
    <row r="136" spans="1:25">
      <c r="A136" t="s">
        <v>25</v>
      </c>
      <c r="B136" t="s">
        <v>243</v>
      </c>
      <c r="C136" s="27">
        <v>44819</v>
      </c>
      <c r="D136" t="s">
        <v>27</v>
      </c>
      <c r="E136" t="s">
        <v>28</v>
      </c>
      <c r="F136" t="s">
        <v>316</v>
      </c>
      <c r="G136" s="28">
        <v>9</v>
      </c>
      <c r="H136" t="s">
        <v>29</v>
      </c>
      <c r="I136" t="s">
        <v>30</v>
      </c>
      <c r="K136" t="s">
        <v>31</v>
      </c>
      <c r="L136" s="29">
        <v>-1097.22</v>
      </c>
      <c r="M136" t="s">
        <v>317</v>
      </c>
      <c r="N136" t="s">
        <v>32</v>
      </c>
      <c r="O136" t="s">
        <v>33</v>
      </c>
      <c r="P136" t="s">
        <v>34</v>
      </c>
      <c r="Q136" t="s">
        <v>35</v>
      </c>
      <c r="R136" t="s">
        <v>36</v>
      </c>
      <c r="U136" t="s">
        <v>37</v>
      </c>
      <c r="V136" s="30">
        <v>2022</v>
      </c>
      <c r="W136" s="31">
        <v>44837</v>
      </c>
      <c r="X136" s="32">
        <v>44837.287673611114</v>
      </c>
      <c r="Y136" t="s">
        <v>38</v>
      </c>
    </row>
    <row r="137" spans="1:25">
      <c r="A137" t="s">
        <v>25</v>
      </c>
      <c r="B137" t="s">
        <v>237</v>
      </c>
      <c r="C137" s="27">
        <v>44819</v>
      </c>
      <c r="D137" t="s">
        <v>27</v>
      </c>
      <c r="E137" t="s">
        <v>28</v>
      </c>
      <c r="F137" t="s">
        <v>316</v>
      </c>
      <c r="G137" s="28">
        <v>9</v>
      </c>
      <c r="H137" t="s">
        <v>29</v>
      </c>
      <c r="I137" t="s">
        <v>30</v>
      </c>
      <c r="K137" t="s">
        <v>31</v>
      </c>
      <c r="L137" s="29">
        <v>-2807.07</v>
      </c>
      <c r="M137" t="s">
        <v>317</v>
      </c>
      <c r="N137" t="s">
        <v>32</v>
      </c>
      <c r="O137" t="s">
        <v>33</v>
      </c>
      <c r="P137" t="s">
        <v>34</v>
      </c>
      <c r="Q137" t="s">
        <v>35</v>
      </c>
      <c r="R137" t="s">
        <v>36</v>
      </c>
      <c r="U137" t="s">
        <v>37</v>
      </c>
      <c r="V137" s="30">
        <v>2022</v>
      </c>
      <c r="W137" s="31">
        <v>44837</v>
      </c>
      <c r="X137" s="32">
        <v>44837.287685185183</v>
      </c>
      <c r="Y137" t="s">
        <v>38</v>
      </c>
    </row>
    <row r="138" spans="1:25">
      <c r="A138" t="s">
        <v>25</v>
      </c>
      <c r="B138" t="s">
        <v>247</v>
      </c>
      <c r="C138" s="27">
        <v>44819</v>
      </c>
      <c r="D138" t="s">
        <v>27</v>
      </c>
      <c r="E138" t="s">
        <v>28</v>
      </c>
      <c r="F138" t="s">
        <v>316</v>
      </c>
      <c r="G138" s="28">
        <v>9</v>
      </c>
      <c r="H138" t="s">
        <v>29</v>
      </c>
      <c r="I138" t="s">
        <v>30</v>
      </c>
      <c r="K138" t="s">
        <v>31</v>
      </c>
      <c r="L138" s="29">
        <v>-937</v>
      </c>
      <c r="M138" t="s">
        <v>317</v>
      </c>
      <c r="N138" t="s">
        <v>32</v>
      </c>
      <c r="O138" t="s">
        <v>33</v>
      </c>
      <c r="P138" t="s">
        <v>34</v>
      </c>
      <c r="Q138" t="s">
        <v>35</v>
      </c>
      <c r="R138" t="s">
        <v>36</v>
      </c>
      <c r="U138" t="s">
        <v>37</v>
      </c>
      <c r="V138" s="30">
        <v>2022</v>
      </c>
      <c r="W138" s="31">
        <v>44837</v>
      </c>
      <c r="X138" s="32">
        <v>44837.28769675926</v>
      </c>
      <c r="Y138" t="s">
        <v>38</v>
      </c>
    </row>
    <row r="139" spans="1:25">
      <c r="A139" t="s">
        <v>25</v>
      </c>
      <c r="B139" t="s">
        <v>255</v>
      </c>
      <c r="C139" s="27">
        <v>44819</v>
      </c>
      <c r="D139" t="s">
        <v>27</v>
      </c>
      <c r="E139" t="s">
        <v>28</v>
      </c>
      <c r="F139" t="s">
        <v>316</v>
      </c>
      <c r="G139" s="28">
        <v>9</v>
      </c>
      <c r="H139" t="s">
        <v>29</v>
      </c>
      <c r="I139" t="s">
        <v>30</v>
      </c>
      <c r="K139" t="s">
        <v>31</v>
      </c>
      <c r="L139" s="29">
        <v>-1565.86</v>
      </c>
      <c r="M139" t="s">
        <v>317</v>
      </c>
      <c r="N139" t="s">
        <v>32</v>
      </c>
      <c r="O139" t="s">
        <v>33</v>
      </c>
      <c r="P139" t="s">
        <v>34</v>
      </c>
      <c r="Q139" t="s">
        <v>35</v>
      </c>
      <c r="R139" t="s">
        <v>36</v>
      </c>
      <c r="U139" t="s">
        <v>37</v>
      </c>
      <c r="V139" s="30">
        <v>2022</v>
      </c>
      <c r="W139" s="31">
        <v>44837</v>
      </c>
      <c r="X139" s="32">
        <v>44837.287719907406</v>
      </c>
      <c r="Y139" t="s">
        <v>38</v>
      </c>
    </row>
    <row r="140" spans="1:25">
      <c r="A140" t="s">
        <v>25</v>
      </c>
      <c r="B140" t="s">
        <v>256</v>
      </c>
      <c r="C140" s="27">
        <v>44819</v>
      </c>
      <c r="D140" t="s">
        <v>27</v>
      </c>
      <c r="E140" t="s">
        <v>28</v>
      </c>
      <c r="F140" t="s">
        <v>316</v>
      </c>
      <c r="G140" s="28">
        <v>9</v>
      </c>
      <c r="H140" t="s">
        <v>29</v>
      </c>
      <c r="I140" t="s">
        <v>30</v>
      </c>
      <c r="K140" t="s">
        <v>31</v>
      </c>
      <c r="L140" s="29">
        <v>-1332.42</v>
      </c>
      <c r="M140" t="s">
        <v>317</v>
      </c>
      <c r="N140" t="s">
        <v>32</v>
      </c>
      <c r="O140" t="s">
        <v>33</v>
      </c>
      <c r="P140" t="s">
        <v>34</v>
      </c>
      <c r="Q140" t="s">
        <v>35</v>
      </c>
      <c r="R140" t="s">
        <v>36</v>
      </c>
      <c r="U140" t="s">
        <v>37</v>
      </c>
      <c r="V140" s="30">
        <v>2022</v>
      </c>
      <c r="W140" s="31">
        <v>44837</v>
      </c>
      <c r="X140" s="32">
        <v>44837.597407407404</v>
      </c>
      <c r="Y140" t="s">
        <v>38</v>
      </c>
    </row>
    <row r="141" spans="1:25">
      <c r="A141" t="s">
        <v>25</v>
      </c>
      <c r="B141" t="s">
        <v>258</v>
      </c>
      <c r="C141" s="27">
        <v>44819</v>
      </c>
      <c r="D141" t="s">
        <v>27</v>
      </c>
      <c r="E141" t="s">
        <v>28</v>
      </c>
      <c r="F141" t="s">
        <v>316</v>
      </c>
      <c r="G141" s="28">
        <v>9</v>
      </c>
      <c r="H141" t="s">
        <v>29</v>
      </c>
      <c r="I141" t="s">
        <v>30</v>
      </c>
      <c r="K141" t="s">
        <v>31</v>
      </c>
      <c r="L141" s="29">
        <v>-1878.81</v>
      </c>
      <c r="M141" t="s">
        <v>317</v>
      </c>
      <c r="N141" t="s">
        <v>32</v>
      </c>
      <c r="O141" t="s">
        <v>33</v>
      </c>
      <c r="P141" t="s">
        <v>34</v>
      </c>
      <c r="Q141" t="s">
        <v>35</v>
      </c>
      <c r="R141" t="s">
        <v>36</v>
      </c>
      <c r="U141" t="s">
        <v>37</v>
      </c>
      <c r="V141" s="30">
        <v>2022</v>
      </c>
      <c r="W141" s="31">
        <v>44837</v>
      </c>
      <c r="X141" s="32">
        <v>44837.287708333337</v>
      </c>
      <c r="Y141" t="s">
        <v>38</v>
      </c>
    </row>
    <row r="142" spans="1:25">
      <c r="A142" t="s">
        <v>25</v>
      </c>
      <c r="B142" t="s">
        <v>262</v>
      </c>
      <c r="C142" s="27">
        <v>44819</v>
      </c>
      <c r="D142" t="s">
        <v>27</v>
      </c>
      <c r="E142" t="s">
        <v>28</v>
      </c>
      <c r="F142" t="s">
        <v>316</v>
      </c>
      <c r="G142" s="28">
        <v>9</v>
      </c>
      <c r="H142" t="s">
        <v>29</v>
      </c>
      <c r="I142" t="s">
        <v>30</v>
      </c>
      <c r="K142" t="s">
        <v>31</v>
      </c>
      <c r="L142" s="29">
        <v>-965.7</v>
      </c>
      <c r="M142" t="s">
        <v>317</v>
      </c>
      <c r="N142" t="s">
        <v>32</v>
      </c>
      <c r="O142" t="s">
        <v>33</v>
      </c>
      <c r="P142" t="s">
        <v>34</v>
      </c>
      <c r="Q142" t="s">
        <v>35</v>
      </c>
      <c r="R142" t="s">
        <v>36</v>
      </c>
      <c r="U142" t="s">
        <v>37</v>
      </c>
      <c r="V142" s="30">
        <v>2022</v>
      </c>
      <c r="W142" s="31">
        <v>44825</v>
      </c>
      <c r="X142" s="32">
        <v>44825.691400462965</v>
      </c>
      <c r="Y142" t="s">
        <v>38</v>
      </c>
    </row>
    <row r="143" spans="1:25">
      <c r="A143" t="s">
        <v>25</v>
      </c>
      <c r="B143" t="s">
        <v>282</v>
      </c>
      <c r="C143" s="27">
        <v>44819</v>
      </c>
      <c r="D143" t="s">
        <v>27</v>
      </c>
      <c r="E143" t="s">
        <v>28</v>
      </c>
      <c r="F143" t="s">
        <v>316</v>
      </c>
      <c r="G143" s="28">
        <v>9</v>
      </c>
      <c r="H143" t="s">
        <v>29</v>
      </c>
      <c r="I143" t="s">
        <v>30</v>
      </c>
      <c r="K143" t="s">
        <v>31</v>
      </c>
      <c r="L143" s="29">
        <v>-1245.07</v>
      </c>
      <c r="M143" t="s">
        <v>317</v>
      </c>
      <c r="N143" t="s">
        <v>32</v>
      </c>
      <c r="O143" t="s">
        <v>33</v>
      </c>
      <c r="P143" t="s">
        <v>34</v>
      </c>
      <c r="Q143" t="s">
        <v>35</v>
      </c>
      <c r="R143" t="s">
        <v>36</v>
      </c>
      <c r="U143" t="s">
        <v>37</v>
      </c>
      <c r="V143" s="30">
        <v>2022</v>
      </c>
      <c r="W143" s="31">
        <v>44837</v>
      </c>
      <c r="X143" s="32">
        <v>44837.28769675926</v>
      </c>
      <c r="Y143" t="s">
        <v>38</v>
      </c>
    </row>
    <row r="144" spans="1:25">
      <c r="A144" t="s">
        <v>25</v>
      </c>
      <c r="B144" t="s">
        <v>276</v>
      </c>
      <c r="C144" s="27">
        <v>44819</v>
      </c>
      <c r="D144" t="s">
        <v>27</v>
      </c>
      <c r="E144" t="s">
        <v>28</v>
      </c>
      <c r="F144" t="s">
        <v>316</v>
      </c>
      <c r="G144" s="28">
        <v>9</v>
      </c>
      <c r="H144" t="s">
        <v>29</v>
      </c>
      <c r="I144" t="s">
        <v>30</v>
      </c>
      <c r="K144" t="s">
        <v>31</v>
      </c>
      <c r="L144" s="29">
        <v>-1526.07</v>
      </c>
      <c r="M144" t="s">
        <v>317</v>
      </c>
      <c r="N144" t="s">
        <v>32</v>
      </c>
      <c r="O144" t="s">
        <v>33</v>
      </c>
      <c r="P144" t="s">
        <v>34</v>
      </c>
      <c r="Q144" t="s">
        <v>35</v>
      </c>
      <c r="R144" t="s">
        <v>36</v>
      </c>
      <c r="U144" t="s">
        <v>37</v>
      </c>
      <c r="V144" s="30">
        <v>2022</v>
      </c>
      <c r="W144" s="31">
        <v>44825</v>
      </c>
      <c r="X144" s="32">
        <v>44825.691412037035</v>
      </c>
      <c r="Y144" t="s">
        <v>38</v>
      </c>
    </row>
    <row r="145" spans="1:25">
      <c r="A145" t="s">
        <v>25</v>
      </c>
      <c r="B145" t="s">
        <v>290</v>
      </c>
      <c r="C145" s="27">
        <v>44819</v>
      </c>
      <c r="D145" t="s">
        <v>27</v>
      </c>
      <c r="E145" t="s">
        <v>28</v>
      </c>
      <c r="F145" t="s">
        <v>316</v>
      </c>
      <c r="G145" s="28">
        <v>9</v>
      </c>
      <c r="H145" t="s">
        <v>29</v>
      </c>
      <c r="I145" t="s">
        <v>30</v>
      </c>
      <c r="K145" t="s">
        <v>31</v>
      </c>
      <c r="L145" s="29">
        <v>-1355.87</v>
      </c>
      <c r="M145" t="s">
        <v>317</v>
      </c>
      <c r="N145" t="s">
        <v>32</v>
      </c>
      <c r="O145" t="s">
        <v>33</v>
      </c>
      <c r="P145" t="s">
        <v>34</v>
      </c>
      <c r="Q145" t="s">
        <v>35</v>
      </c>
      <c r="R145" t="s">
        <v>36</v>
      </c>
      <c r="U145" t="s">
        <v>37</v>
      </c>
      <c r="V145" s="30">
        <v>2022</v>
      </c>
      <c r="W145" s="31">
        <v>44837</v>
      </c>
      <c r="X145" s="32">
        <v>44837.28769675926</v>
      </c>
      <c r="Y145" t="s">
        <v>38</v>
      </c>
    </row>
    <row r="146" spans="1:25">
      <c r="A146" t="s">
        <v>25</v>
      </c>
      <c r="B146" t="s">
        <v>296</v>
      </c>
      <c r="C146" s="27">
        <v>44819</v>
      </c>
      <c r="D146" t="s">
        <v>27</v>
      </c>
      <c r="E146" t="s">
        <v>28</v>
      </c>
      <c r="F146" t="s">
        <v>316</v>
      </c>
      <c r="G146" s="28">
        <v>9</v>
      </c>
      <c r="H146" t="s">
        <v>29</v>
      </c>
      <c r="I146" t="s">
        <v>30</v>
      </c>
      <c r="K146" t="s">
        <v>31</v>
      </c>
      <c r="L146" s="29">
        <v>-1136.55</v>
      </c>
      <c r="M146" t="s">
        <v>317</v>
      </c>
      <c r="N146" t="s">
        <v>32</v>
      </c>
      <c r="O146" t="s">
        <v>33</v>
      </c>
      <c r="P146" t="s">
        <v>34</v>
      </c>
      <c r="Q146" t="s">
        <v>35</v>
      </c>
      <c r="R146" t="s">
        <v>36</v>
      </c>
      <c r="U146" t="s">
        <v>37</v>
      </c>
      <c r="V146" s="30">
        <v>2022</v>
      </c>
      <c r="W146" s="31">
        <v>44837</v>
      </c>
      <c r="X146" s="32">
        <v>44837.287719907406</v>
      </c>
      <c r="Y146" t="s">
        <v>38</v>
      </c>
    </row>
    <row r="147" spans="1:25">
      <c r="A147" t="s">
        <v>25</v>
      </c>
      <c r="B147" t="s">
        <v>298</v>
      </c>
      <c r="C147" s="27">
        <v>44819</v>
      </c>
      <c r="D147" t="s">
        <v>27</v>
      </c>
      <c r="E147" t="s">
        <v>28</v>
      </c>
      <c r="F147" t="s">
        <v>316</v>
      </c>
      <c r="G147" s="28">
        <v>9</v>
      </c>
      <c r="H147" t="s">
        <v>29</v>
      </c>
      <c r="I147" t="s">
        <v>30</v>
      </c>
      <c r="K147" t="s">
        <v>31</v>
      </c>
      <c r="L147" s="29">
        <v>-1172</v>
      </c>
      <c r="M147" t="s">
        <v>317</v>
      </c>
      <c r="N147" t="s">
        <v>32</v>
      </c>
      <c r="O147" t="s">
        <v>33</v>
      </c>
      <c r="P147" t="s">
        <v>34</v>
      </c>
      <c r="Q147" t="s">
        <v>35</v>
      </c>
      <c r="R147" t="s">
        <v>36</v>
      </c>
      <c r="U147" t="s">
        <v>37</v>
      </c>
      <c r="V147" s="30">
        <v>2022</v>
      </c>
      <c r="W147" s="31">
        <v>44825</v>
      </c>
      <c r="X147" s="32">
        <v>44825.691412037035</v>
      </c>
      <c r="Y147" t="s">
        <v>38</v>
      </c>
    </row>
    <row r="148" spans="1:25">
      <c r="A148" t="s">
        <v>25</v>
      </c>
      <c r="B148" t="s">
        <v>318</v>
      </c>
      <c r="C148" s="27">
        <v>44834</v>
      </c>
      <c r="D148" t="s">
        <v>27</v>
      </c>
      <c r="E148" t="s">
        <v>28</v>
      </c>
      <c r="F148" t="s">
        <v>316</v>
      </c>
      <c r="G148" s="28">
        <v>9</v>
      </c>
      <c r="H148" t="s">
        <v>319</v>
      </c>
      <c r="I148" t="s">
        <v>320</v>
      </c>
      <c r="K148" t="s">
        <v>31</v>
      </c>
      <c r="L148" s="29">
        <v>19355.63</v>
      </c>
      <c r="M148" t="s">
        <v>321</v>
      </c>
      <c r="N148" t="s">
        <v>322</v>
      </c>
      <c r="O148" t="s">
        <v>33</v>
      </c>
      <c r="P148" t="s">
        <v>34</v>
      </c>
      <c r="Q148" t="s">
        <v>323</v>
      </c>
      <c r="R148" t="s">
        <v>36</v>
      </c>
      <c r="U148" t="s">
        <v>324</v>
      </c>
      <c r="V148" s="30">
        <v>2022</v>
      </c>
      <c r="W148" s="31">
        <v>44841</v>
      </c>
      <c r="X148" s="32">
        <v>44841.458321759259</v>
      </c>
      <c r="Y148" t="s">
        <v>342</v>
      </c>
    </row>
    <row r="149" spans="1:25">
      <c r="A149" t="s">
        <v>349</v>
      </c>
      <c r="B149" t="s">
        <v>350</v>
      </c>
      <c r="C149" s="27">
        <v>44834</v>
      </c>
      <c r="D149" t="s">
        <v>27</v>
      </c>
      <c r="E149" t="s">
        <v>28</v>
      </c>
      <c r="F149" t="s">
        <v>316</v>
      </c>
      <c r="G149" s="28">
        <v>9</v>
      </c>
      <c r="H149" t="s">
        <v>351</v>
      </c>
      <c r="I149" t="s">
        <v>30</v>
      </c>
      <c r="K149" t="s">
        <v>31</v>
      </c>
      <c r="L149" s="29">
        <v>0</v>
      </c>
      <c r="M149" t="s">
        <v>352</v>
      </c>
      <c r="N149" t="s">
        <v>32</v>
      </c>
      <c r="O149" t="s">
        <v>353</v>
      </c>
      <c r="P149" t="s">
        <v>34</v>
      </c>
      <c r="Q149" t="s">
        <v>323</v>
      </c>
      <c r="R149" t="s">
        <v>354</v>
      </c>
      <c r="U149" t="s">
        <v>355</v>
      </c>
      <c r="V149" s="30">
        <v>2022</v>
      </c>
      <c r="W149" s="31">
        <v>44834</v>
      </c>
      <c r="X149" s="32">
        <v>44834.718368055554</v>
      </c>
      <c r="Y149" t="s">
        <v>356</v>
      </c>
    </row>
    <row r="150" spans="1:25">
      <c r="A150" t="s">
        <v>349</v>
      </c>
      <c r="B150" t="s">
        <v>357</v>
      </c>
      <c r="C150" s="27">
        <v>44834</v>
      </c>
      <c r="D150" t="s">
        <v>27</v>
      </c>
      <c r="E150" t="s">
        <v>28</v>
      </c>
      <c r="F150" t="s">
        <v>316</v>
      </c>
      <c r="G150" s="28">
        <v>9</v>
      </c>
      <c r="H150" t="s">
        <v>351</v>
      </c>
      <c r="I150" t="s">
        <v>30</v>
      </c>
      <c r="K150" t="s">
        <v>31</v>
      </c>
      <c r="L150" s="29">
        <v>-74.02</v>
      </c>
      <c r="M150" t="s">
        <v>358</v>
      </c>
      <c r="N150" t="s">
        <v>32</v>
      </c>
      <c r="O150" t="s">
        <v>353</v>
      </c>
      <c r="P150" t="s">
        <v>34</v>
      </c>
      <c r="Q150" t="s">
        <v>323</v>
      </c>
      <c r="R150" t="s">
        <v>354</v>
      </c>
      <c r="U150" t="s">
        <v>355</v>
      </c>
      <c r="V150" s="30">
        <v>2022</v>
      </c>
      <c r="W150" s="31">
        <v>44834</v>
      </c>
      <c r="X150" s="32">
        <v>44834.719282407408</v>
      </c>
      <c r="Y150" t="s">
        <v>360</v>
      </c>
    </row>
    <row r="151" spans="1:25">
      <c r="A151" t="s">
        <v>25</v>
      </c>
      <c r="B151" t="s">
        <v>344</v>
      </c>
      <c r="C151" s="27">
        <v>44845</v>
      </c>
      <c r="D151" t="s">
        <v>27</v>
      </c>
      <c r="E151" t="s">
        <v>28</v>
      </c>
      <c r="F151" t="s">
        <v>316</v>
      </c>
      <c r="G151" s="28">
        <v>10</v>
      </c>
      <c r="H151" t="s">
        <v>327</v>
      </c>
      <c r="I151" t="s">
        <v>320</v>
      </c>
      <c r="K151" t="s">
        <v>31</v>
      </c>
      <c r="L151" s="29">
        <v>-200</v>
      </c>
      <c r="M151" t="s">
        <v>328</v>
      </c>
      <c r="N151" t="s">
        <v>322</v>
      </c>
      <c r="O151" t="s">
        <v>33</v>
      </c>
      <c r="Q151" t="s">
        <v>35</v>
      </c>
      <c r="R151" t="s">
        <v>329</v>
      </c>
      <c r="U151" t="s">
        <v>37</v>
      </c>
      <c r="V151" s="30">
        <v>2022</v>
      </c>
      <c r="W151" s="31">
        <v>44846</v>
      </c>
      <c r="X151" s="32">
        <v>44846.240243055552</v>
      </c>
      <c r="Y151" t="s">
        <v>328</v>
      </c>
    </row>
    <row r="152" spans="1:25">
      <c r="A152" t="s">
        <v>25</v>
      </c>
      <c r="B152" t="s">
        <v>39</v>
      </c>
      <c r="C152" s="27">
        <v>44849</v>
      </c>
      <c r="D152" t="s">
        <v>27</v>
      </c>
      <c r="E152" t="s">
        <v>28</v>
      </c>
      <c r="F152" t="s">
        <v>316</v>
      </c>
      <c r="G152" s="28">
        <v>10</v>
      </c>
      <c r="H152" t="s">
        <v>29</v>
      </c>
      <c r="I152" t="s">
        <v>30</v>
      </c>
      <c r="K152" t="s">
        <v>31</v>
      </c>
      <c r="L152" s="29">
        <v>-1346.63</v>
      </c>
      <c r="M152" t="s">
        <v>317</v>
      </c>
      <c r="N152" t="s">
        <v>32</v>
      </c>
      <c r="O152" t="s">
        <v>33</v>
      </c>
      <c r="P152" t="s">
        <v>34</v>
      </c>
      <c r="Q152" t="s">
        <v>35</v>
      </c>
      <c r="R152" t="s">
        <v>36</v>
      </c>
      <c r="U152" t="s">
        <v>37</v>
      </c>
      <c r="V152" s="30">
        <v>2022</v>
      </c>
      <c r="W152" s="31">
        <v>44866</v>
      </c>
      <c r="X152" s="32">
        <v>44866.248761574076</v>
      </c>
      <c r="Y152" t="s">
        <v>38</v>
      </c>
    </row>
    <row r="153" spans="1:25">
      <c r="A153" t="s">
        <v>25</v>
      </c>
      <c r="B153" t="s">
        <v>67</v>
      </c>
      <c r="C153" s="27">
        <v>44849</v>
      </c>
      <c r="D153" t="s">
        <v>27</v>
      </c>
      <c r="E153" t="s">
        <v>28</v>
      </c>
      <c r="F153" t="s">
        <v>316</v>
      </c>
      <c r="G153" s="28">
        <v>10</v>
      </c>
      <c r="H153" t="s">
        <v>29</v>
      </c>
      <c r="I153" t="s">
        <v>30</v>
      </c>
      <c r="K153" t="s">
        <v>31</v>
      </c>
      <c r="L153" s="29">
        <v>-1580.09</v>
      </c>
      <c r="M153" t="s">
        <v>317</v>
      </c>
      <c r="N153" t="s">
        <v>32</v>
      </c>
      <c r="O153" t="s">
        <v>33</v>
      </c>
      <c r="P153" t="s">
        <v>34</v>
      </c>
      <c r="Q153" t="s">
        <v>35</v>
      </c>
      <c r="R153" t="s">
        <v>36</v>
      </c>
      <c r="U153" t="s">
        <v>37</v>
      </c>
      <c r="V153" s="30">
        <v>2022</v>
      </c>
      <c r="W153" s="31">
        <v>44848</v>
      </c>
      <c r="X153" s="32">
        <v>44848.044363425928</v>
      </c>
      <c r="Y153" t="s">
        <v>38</v>
      </c>
    </row>
    <row r="154" spans="1:25">
      <c r="A154" t="s">
        <v>25</v>
      </c>
      <c r="B154" t="s">
        <v>82</v>
      </c>
      <c r="C154" s="27">
        <v>44849</v>
      </c>
      <c r="D154" t="s">
        <v>27</v>
      </c>
      <c r="E154" t="s">
        <v>28</v>
      </c>
      <c r="F154" t="s">
        <v>316</v>
      </c>
      <c r="G154" s="28">
        <v>10</v>
      </c>
      <c r="H154" t="s">
        <v>29</v>
      </c>
      <c r="I154" t="s">
        <v>30</v>
      </c>
      <c r="K154" t="s">
        <v>31</v>
      </c>
      <c r="L154" s="29">
        <v>-1282.7</v>
      </c>
      <c r="M154" t="s">
        <v>317</v>
      </c>
      <c r="N154" t="s">
        <v>32</v>
      </c>
      <c r="O154" t="s">
        <v>33</v>
      </c>
      <c r="P154" t="s">
        <v>34</v>
      </c>
      <c r="Q154" t="s">
        <v>35</v>
      </c>
      <c r="R154" t="s">
        <v>36</v>
      </c>
      <c r="U154" t="s">
        <v>37</v>
      </c>
      <c r="V154" s="30">
        <v>2022</v>
      </c>
      <c r="W154" s="31">
        <v>44866</v>
      </c>
      <c r="X154" s="32">
        <v>44866.248680555553</v>
      </c>
      <c r="Y154" t="s">
        <v>38</v>
      </c>
    </row>
    <row r="155" spans="1:25">
      <c r="A155" t="s">
        <v>25</v>
      </c>
      <c r="B155" t="s">
        <v>103</v>
      </c>
      <c r="C155" s="27">
        <v>44849</v>
      </c>
      <c r="D155" t="s">
        <v>27</v>
      </c>
      <c r="E155" t="s">
        <v>28</v>
      </c>
      <c r="F155" t="s">
        <v>316</v>
      </c>
      <c r="G155" s="28">
        <v>10</v>
      </c>
      <c r="H155" t="s">
        <v>29</v>
      </c>
      <c r="I155" t="s">
        <v>30</v>
      </c>
      <c r="K155" t="s">
        <v>31</v>
      </c>
      <c r="L155" s="29">
        <v>-1196.3599999999999</v>
      </c>
      <c r="M155" t="s">
        <v>317</v>
      </c>
      <c r="N155" t="s">
        <v>32</v>
      </c>
      <c r="O155" t="s">
        <v>33</v>
      </c>
      <c r="P155" t="s">
        <v>34</v>
      </c>
      <c r="Q155" t="s">
        <v>35</v>
      </c>
      <c r="R155" t="s">
        <v>36</v>
      </c>
      <c r="U155" t="s">
        <v>37</v>
      </c>
      <c r="V155" s="30">
        <v>2022</v>
      </c>
      <c r="W155" s="31">
        <v>44866</v>
      </c>
      <c r="X155" s="32">
        <v>44866.248761574076</v>
      </c>
      <c r="Y155" t="s">
        <v>38</v>
      </c>
    </row>
    <row r="156" spans="1:25">
      <c r="A156" t="s">
        <v>25</v>
      </c>
      <c r="B156" t="s">
        <v>130</v>
      </c>
      <c r="C156" s="27">
        <v>44849</v>
      </c>
      <c r="D156" t="s">
        <v>27</v>
      </c>
      <c r="E156" t="s">
        <v>28</v>
      </c>
      <c r="F156" t="s">
        <v>316</v>
      </c>
      <c r="G156" s="28">
        <v>10</v>
      </c>
      <c r="H156" t="s">
        <v>29</v>
      </c>
      <c r="I156" t="s">
        <v>30</v>
      </c>
      <c r="K156" t="s">
        <v>31</v>
      </c>
      <c r="L156" s="29">
        <v>-1113.5</v>
      </c>
      <c r="M156" t="s">
        <v>317</v>
      </c>
      <c r="N156" t="s">
        <v>32</v>
      </c>
      <c r="O156" t="s">
        <v>33</v>
      </c>
      <c r="P156" t="s">
        <v>34</v>
      </c>
      <c r="Q156" t="s">
        <v>35</v>
      </c>
      <c r="R156" t="s">
        <v>36</v>
      </c>
      <c r="U156" t="s">
        <v>37</v>
      </c>
      <c r="V156" s="30">
        <v>2022</v>
      </c>
      <c r="W156" s="31">
        <v>44867</v>
      </c>
      <c r="X156" s="32">
        <v>44867.445937500001</v>
      </c>
      <c r="Y156" t="s">
        <v>38</v>
      </c>
    </row>
    <row r="157" spans="1:25">
      <c r="A157" t="s">
        <v>25</v>
      </c>
      <c r="B157" t="s">
        <v>132</v>
      </c>
      <c r="C157" s="27">
        <v>44849</v>
      </c>
      <c r="D157" t="s">
        <v>27</v>
      </c>
      <c r="E157" t="s">
        <v>28</v>
      </c>
      <c r="F157" t="s">
        <v>316</v>
      </c>
      <c r="G157" s="28">
        <v>10</v>
      </c>
      <c r="H157" t="s">
        <v>29</v>
      </c>
      <c r="I157" t="s">
        <v>30</v>
      </c>
      <c r="K157" t="s">
        <v>31</v>
      </c>
      <c r="L157" s="29">
        <v>-1006.35</v>
      </c>
      <c r="M157" t="s">
        <v>317</v>
      </c>
      <c r="N157" t="s">
        <v>32</v>
      </c>
      <c r="O157" t="s">
        <v>33</v>
      </c>
      <c r="P157" t="s">
        <v>34</v>
      </c>
      <c r="Q157" t="s">
        <v>35</v>
      </c>
      <c r="R157" t="s">
        <v>36</v>
      </c>
      <c r="U157" t="s">
        <v>37</v>
      </c>
      <c r="V157" s="30">
        <v>2022</v>
      </c>
      <c r="W157" s="31">
        <v>44867</v>
      </c>
      <c r="X157" s="32">
        <v>44867.445937500001</v>
      </c>
      <c r="Y157" t="s">
        <v>38</v>
      </c>
    </row>
    <row r="158" spans="1:25">
      <c r="A158" t="s">
        <v>25</v>
      </c>
      <c r="B158" t="s">
        <v>159</v>
      </c>
      <c r="C158" s="27">
        <v>44849</v>
      </c>
      <c r="D158" t="s">
        <v>27</v>
      </c>
      <c r="E158" t="s">
        <v>28</v>
      </c>
      <c r="F158" t="s">
        <v>316</v>
      </c>
      <c r="G158" s="28">
        <v>10</v>
      </c>
      <c r="H158" t="s">
        <v>29</v>
      </c>
      <c r="I158" t="s">
        <v>30</v>
      </c>
      <c r="K158" t="s">
        <v>31</v>
      </c>
      <c r="L158" s="29">
        <v>-1503.37</v>
      </c>
      <c r="M158" t="s">
        <v>317</v>
      </c>
      <c r="N158" t="s">
        <v>32</v>
      </c>
      <c r="O158" t="s">
        <v>33</v>
      </c>
      <c r="P158" t="s">
        <v>34</v>
      </c>
      <c r="Q158" t="s">
        <v>35</v>
      </c>
      <c r="R158" t="s">
        <v>36</v>
      </c>
      <c r="U158" t="s">
        <v>37</v>
      </c>
      <c r="V158" s="30">
        <v>2022</v>
      </c>
      <c r="W158" s="31">
        <v>44866</v>
      </c>
      <c r="X158" s="32">
        <v>44866.248807870368</v>
      </c>
      <c r="Y158" t="s">
        <v>38</v>
      </c>
    </row>
    <row r="159" spans="1:25">
      <c r="A159" t="s">
        <v>25</v>
      </c>
      <c r="B159" t="s">
        <v>177</v>
      </c>
      <c r="C159" s="27">
        <v>44849</v>
      </c>
      <c r="D159" t="s">
        <v>27</v>
      </c>
      <c r="E159" t="s">
        <v>28</v>
      </c>
      <c r="F159" t="s">
        <v>316</v>
      </c>
      <c r="G159" s="28">
        <v>10</v>
      </c>
      <c r="H159" t="s">
        <v>29</v>
      </c>
      <c r="I159" t="s">
        <v>30</v>
      </c>
      <c r="K159" t="s">
        <v>31</v>
      </c>
      <c r="L159" s="29">
        <v>-940.7</v>
      </c>
      <c r="M159" t="s">
        <v>317</v>
      </c>
      <c r="N159" t="s">
        <v>32</v>
      </c>
      <c r="O159" t="s">
        <v>33</v>
      </c>
      <c r="P159" t="s">
        <v>34</v>
      </c>
      <c r="Q159" t="s">
        <v>35</v>
      </c>
      <c r="R159" t="s">
        <v>36</v>
      </c>
      <c r="U159" t="s">
        <v>37</v>
      </c>
      <c r="V159" s="30">
        <v>2022</v>
      </c>
      <c r="W159" s="31">
        <v>44866</v>
      </c>
      <c r="X159" s="32">
        <v>44866.248692129629</v>
      </c>
      <c r="Y159" t="s">
        <v>38</v>
      </c>
    </row>
    <row r="160" spans="1:25">
      <c r="A160" t="s">
        <v>25</v>
      </c>
      <c r="B160" t="s">
        <v>178</v>
      </c>
      <c r="C160" s="27">
        <v>44849</v>
      </c>
      <c r="D160" t="s">
        <v>27</v>
      </c>
      <c r="E160" t="s">
        <v>28</v>
      </c>
      <c r="F160" t="s">
        <v>316</v>
      </c>
      <c r="G160" s="28">
        <v>10</v>
      </c>
      <c r="H160" t="s">
        <v>29</v>
      </c>
      <c r="I160" t="s">
        <v>30</v>
      </c>
      <c r="K160" t="s">
        <v>31</v>
      </c>
      <c r="L160" s="29">
        <v>-1841.54</v>
      </c>
      <c r="M160" t="s">
        <v>317</v>
      </c>
      <c r="N160" t="s">
        <v>32</v>
      </c>
      <c r="O160" t="s">
        <v>33</v>
      </c>
      <c r="P160" t="s">
        <v>34</v>
      </c>
      <c r="Q160" t="s">
        <v>35</v>
      </c>
      <c r="R160" t="s">
        <v>36</v>
      </c>
      <c r="U160" t="s">
        <v>37</v>
      </c>
      <c r="V160" s="30">
        <v>2022</v>
      </c>
      <c r="W160" s="31">
        <v>44866</v>
      </c>
      <c r="X160" s="32">
        <v>44866.248703703706</v>
      </c>
      <c r="Y160" t="s">
        <v>38</v>
      </c>
    </row>
    <row r="161" spans="1:25">
      <c r="A161" t="s">
        <v>25</v>
      </c>
      <c r="B161" t="s">
        <v>197</v>
      </c>
      <c r="C161" s="27">
        <v>44849</v>
      </c>
      <c r="D161" t="s">
        <v>27</v>
      </c>
      <c r="E161" t="s">
        <v>28</v>
      </c>
      <c r="F161" t="s">
        <v>316</v>
      </c>
      <c r="G161" s="28">
        <v>10</v>
      </c>
      <c r="H161" t="s">
        <v>29</v>
      </c>
      <c r="I161" t="s">
        <v>30</v>
      </c>
      <c r="K161" t="s">
        <v>31</v>
      </c>
      <c r="L161" s="29">
        <v>-1255.3</v>
      </c>
      <c r="M161" t="s">
        <v>317</v>
      </c>
      <c r="N161" t="s">
        <v>32</v>
      </c>
      <c r="O161" t="s">
        <v>33</v>
      </c>
      <c r="P161" t="s">
        <v>34</v>
      </c>
      <c r="Q161" t="s">
        <v>35</v>
      </c>
      <c r="R161" t="s">
        <v>36</v>
      </c>
      <c r="U161" t="s">
        <v>37</v>
      </c>
      <c r="V161" s="30">
        <v>2022</v>
      </c>
      <c r="W161" s="31">
        <v>44848</v>
      </c>
      <c r="X161" s="32">
        <v>44848.044363425928</v>
      </c>
      <c r="Y161" t="s">
        <v>38</v>
      </c>
    </row>
    <row r="162" spans="1:25">
      <c r="A162" t="s">
        <v>25</v>
      </c>
      <c r="B162" t="s">
        <v>202</v>
      </c>
      <c r="C162" s="27">
        <v>44849</v>
      </c>
      <c r="D162" t="s">
        <v>27</v>
      </c>
      <c r="E162" t="s">
        <v>28</v>
      </c>
      <c r="F162" t="s">
        <v>316</v>
      </c>
      <c r="G162" s="28">
        <v>10</v>
      </c>
      <c r="H162" t="s">
        <v>29</v>
      </c>
      <c r="I162" t="s">
        <v>30</v>
      </c>
      <c r="K162" t="s">
        <v>31</v>
      </c>
      <c r="L162" s="29">
        <v>-1841.95</v>
      </c>
      <c r="M162" t="s">
        <v>317</v>
      </c>
      <c r="N162" t="s">
        <v>32</v>
      </c>
      <c r="O162" t="s">
        <v>33</v>
      </c>
      <c r="P162" t="s">
        <v>34</v>
      </c>
      <c r="Q162" t="s">
        <v>35</v>
      </c>
      <c r="R162" t="s">
        <v>36</v>
      </c>
      <c r="U162" t="s">
        <v>37</v>
      </c>
      <c r="V162" s="30">
        <v>2022</v>
      </c>
      <c r="W162" s="31">
        <v>44848</v>
      </c>
      <c r="X162" s="32">
        <v>44848.044363425928</v>
      </c>
      <c r="Y162" t="s">
        <v>38</v>
      </c>
    </row>
    <row r="163" spans="1:25">
      <c r="A163" t="s">
        <v>25</v>
      </c>
      <c r="B163" t="s">
        <v>205</v>
      </c>
      <c r="C163" s="27">
        <v>44849</v>
      </c>
      <c r="D163" t="s">
        <v>27</v>
      </c>
      <c r="E163" t="s">
        <v>28</v>
      </c>
      <c r="F163" t="s">
        <v>316</v>
      </c>
      <c r="G163" s="28">
        <v>10</v>
      </c>
      <c r="H163" t="s">
        <v>29</v>
      </c>
      <c r="I163" t="s">
        <v>30</v>
      </c>
      <c r="K163" t="s">
        <v>31</v>
      </c>
      <c r="L163" s="29">
        <v>-1283.5</v>
      </c>
      <c r="M163" t="s">
        <v>317</v>
      </c>
      <c r="N163" t="s">
        <v>32</v>
      </c>
      <c r="O163" t="s">
        <v>33</v>
      </c>
      <c r="P163" t="s">
        <v>34</v>
      </c>
      <c r="Q163" t="s">
        <v>35</v>
      </c>
      <c r="R163" t="s">
        <v>36</v>
      </c>
      <c r="U163" t="s">
        <v>37</v>
      </c>
      <c r="V163" s="30">
        <v>2022</v>
      </c>
      <c r="W163" s="31">
        <v>44866</v>
      </c>
      <c r="X163" s="32">
        <v>44866.248796296299</v>
      </c>
      <c r="Y163" t="s">
        <v>38</v>
      </c>
    </row>
    <row r="164" spans="1:25">
      <c r="A164" t="s">
        <v>25</v>
      </c>
      <c r="B164" t="s">
        <v>209</v>
      </c>
      <c r="C164" s="27">
        <v>44849</v>
      </c>
      <c r="D164" t="s">
        <v>27</v>
      </c>
      <c r="E164" t="s">
        <v>28</v>
      </c>
      <c r="F164" t="s">
        <v>316</v>
      </c>
      <c r="G164" s="28">
        <v>10</v>
      </c>
      <c r="H164" t="s">
        <v>29</v>
      </c>
      <c r="I164" t="s">
        <v>30</v>
      </c>
      <c r="K164" t="s">
        <v>31</v>
      </c>
      <c r="L164" s="29">
        <v>-824.95</v>
      </c>
      <c r="M164" t="s">
        <v>317</v>
      </c>
      <c r="N164" t="s">
        <v>32</v>
      </c>
      <c r="O164" t="s">
        <v>33</v>
      </c>
      <c r="P164" t="s">
        <v>34</v>
      </c>
      <c r="Q164" t="s">
        <v>35</v>
      </c>
      <c r="R164" t="s">
        <v>36</v>
      </c>
      <c r="U164" t="s">
        <v>37</v>
      </c>
      <c r="V164" s="30">
        <v>2022</v>
      </c>
      <c r="W164" s="31">
        <v>44866</v>
      </c>
      <c r="X164" s="32">
        <v>44866.248715277776</v>
      </c>
      <c r="Y164" t="s">
        <v>38</v>
      </c>
    </row>
    <row r="165" spans="1:25">
      <c r="A165" t="s">
        <v>25</v>
      </c>
      <c r="B165" t="s">
        <v>211</v>
      </c>
      <c r="C165" s="27">
        <v>44849</v>
      </c>
      <c r="D165" t="s">
        <v>27</v>
      </c>
      <c r="E165" t="s">
        <v>28</v>
      </c>
      <c r="F165" t="s">
        <v>316</v>
      </c>
      <c r="G165" s="28">
        <v>10</v>
      </c>
      <c r="H165" t="s">
        <v>29</v>
      </c>
      <c r="I165" t="s">
        <v>30</v>
      </c>
      <c r="K165" t="s">
        <v>31</v>
      </c>
      <c r="L165" s="29">
        <v>-1456.92</v>
      </c>
      <c r="M165" t="s">
        <v>317</v>
      </c>
      <c r="N165" t="s">
        <v>32</v>
      </c>
      <c r="O165" t="s">
        <v>33</v>
      </c>
      <c r="P165" t="s">
        <v>34</v>
      </c>
      <c r="Q165" t="s">
        <v>35</v>
      </c>
      <c r="R165" t="s">
        <v>36</v>
      </c>
      <c r="U165" t="s">
        <v>37</v>
      </c>
      <c r="V165" s="30">
        <v>2022</v>
      </c>
      <c r="W165" s="31">
        <v>44866</v>
      </c>
      <c r="X165" s="32">
        <v>44866.248773148145</v>
      </c>
      <c r="Y165" t="s">
        <v>38</v>
      </c>
    </row>
    <row r="166" spans="1:25">
      <c r="A166" t="s">
        <v>25</v>
      </c>
      <c r="B166" t="s">
        <v>229</v>
      </c>
      <c r="C166" s="27">
        <v>44849</v>
      </c>
      <c r="D166" t="s">
        <v>27</v>
      </c>
      <c r="E166" t="s">
        <v>28</v>
      </c>
      <c r="F166" t="s">
        <v>316</v>
      </c>
      <c r="G166" s="28">
        <v>10</v>
      </c>
      <c r="H166" t="s">
        <v>29</v>
      </c>
      <c r="I166" t="s">
        <v>30</v>
      </c>
      <c r="K166" t="s">
        <v>31</v>
      </c>
      <c r="L166" s="29">
        <v>-1166.3900000000001</v>
      </c>
      <c r="M166" t="s">
        <v>317</v>
      </c>
      <c r="N166" t="s">
        <v>32</v>
      </c>
      <c r="O166" t="s">
        <v>33</v>
      </c>
      <c r="P166" t="s">
        <v>34</v>
      </c>
      <c r="Q166" t="s">
        <v>35</v>
      </c>
      <c r="R166" t="s">
        <v>36</v>
      </c>
      <c r="U166" t="s">
        <v>37</v>
      </c>
      <c r="V166" s="30">
        <v>2022</v>
      </c>
      <c r="W166" s="31">
        <v>44866</v>
      </c>
      <c r="X166" s="32">
        <v>44866.248749999999</v>
      </c>
      <c r="Y166" t="s">
        <v>38</v>
      </c>
    </row>
    <row r="167" spans="1:25">
      <c r="A167" t="s">
        <v>25</v>
      </c>
      <c r="B167" t="s">
        <v>230</v>
      </c>
      <c r="C167" s="27">
        <v>44849</v>
      </c>
      <c r="D167" t="s">
        <v>27</v>
      </c>
      <c r="E167" t="s">
        <v>28</v>
      </c>
      <c r="F167" t="s">
        <v>316</v>
      </c>
      <c r="G167" s="28">
        <v>10</v>
      </c>
      <c r="H167" t="s">
        <v>29</v>
      </c>
      <c r="I167" t="s">
        <v>30</v>
      </c>
      <c r="K167" t="s">
        <v>31</v>
      </c>
      <c r="L167" s="29">
        <v>-1341.51</v>
      </c>
      <c r="M167" t="s">
        <v>317</v>
      </c>
      <c r="N167" t="s">
        <v>32</v>
      </c>
      <c r="O167" t="s">
        <v>33</v>
      </c>
      <c r="P167" t="s">
        <v>34</v>
      </c>
      <c r="Q167" t="s">
        <v>35</v>
      </c>
      <c r="R167" t="s">
        <v>36</v>
      </c>
      <c r="U167" t="s">
        <v>37</v>
      </c>
      <c r="V167" s="30">
        <v>2022</v>
      </c>
      <c r="W167" s="31">
        <v>44866</v>
      </c>
      <c r="X167" s="32">
        <v>44866.248738425929</v>
      </c>
      <c r="Y167" t="s">
        <v>38</v>
      </c>
    </row>
    <row r="168" spans="1:25">
      <c r="A168" t="s">
        <v>25</v>
      </c>
      <c r="B168" t="s">
        <v>246</v>
      </c>
      <c r="C168" s="27">
        <v>44849</v>
      </c>
      <c r="D168" t="s">
        <v>27</v>
      </c>
      <c r="E168" t="s">
        <v>28</v>
      </c>
      <c r="F168" t="s">
        <v>316</v>
      </c>
      <c r="G168" s="28">
        <v>10</v>
      </c>
      <c r="H168" t="s">
        <v>29</v>
      </c>
      <c r="I168" t="s">
        <v>30</v>
      </c>
      <c r="K168" t="s">
        <v>31</v>
      </c>
      <c r="L168" s="29">
        <v>-1645.84</v>
      </c>
      <c r="M168" t="s">
        <v>317</v>
      </c>
      <c r="N168" t="s">
        <v>32</v>
      </c>
      <c r="O168" t="s">
        <v>33</v>
      </c>
      <c r="P168" t="s">
        <v>34</v>
      </c>
      <c r="Q168" t="s">
        <v>35</v>
      </c>
      <c r="R168" t="s">
        <v>36</v>
      </c>
      <c r="U168" t="s">
        <v>37</v>
      </c>
      <c r="V168" s="30">
        <v>2022</v>
      </c>
      <c r="W168" s="31">
        <v>44848</v>
      </c>
      <c r="X168" s="32">
        <v>44848.044363425928</v>
      </c>
      <c r="Y168" t="s">
        <v>38</v>
      </c>
    </row>
    <row r="169" spans="1:25">
      <c r="A169" t="s">
        <v>25</v>
      </c>
      <c r="B169" t="s">
        <v>227</v>
      </c>
      <c r="C169" s="27">
        <v>44849</v>
      </c>
      <c r="D169" t="s">
        <v>27</v>
      </c>
      <c r="E169" t="s">
        <v>28</v>
      </c>
      <c r="F169" t="s">
        <v>316</v>
      </c>
      <c r="G169" s="28">
        <v>10</v>
      </c>
      <c r="H169" t="s">
        <v>29</v>
      </c>
      <c r="I169" t="s">
        <v>30</v>
      </c>
      <c r="K169" t="s">
        <v>31</v>
      </c>
      <c r="L169" s="29">
        <v>-2004.53</v>
      </c>
      <c r="M169" t="s">
        <v>317</v>
      </c>
      <c r="N169" t="s">
        <v>32</v>
      </c>
      <c r="O169" t="s">
        <v>33</v>
      </c>
      <c r="P169" t="s">
        <v>34</v>
      </c>
      <c r="Q169" t="s">
        <v>35</v>
      </c>
      <c r="R169" t="s">
        <v>36</v>
      </c>
      <c r="U169" t="s">
        <v>37</v>
      </c>
      <c r="V169" s="30">
        <v>2022</v>
      </c>
      <c r="W169" s="31">
        <v>44866</v>
      </c>
      <c r="X169" s="32">
        <v>44866.248749999999</v>
      </c>
      <c r="Y169" t="s">
        <v>38</v>
      </c>
    </row>
    <row r="170" spans="1:25">
      <c r="A170" t="s">
        <v>25</v>
      </c>
      <c r="B170" t="s">
        <v>251</v>
      </c>
      <c r="C170" s="27">
        <v>44849</v>
      </c>
      <c r="D170" t="s">
        <v>27</v>
      </c>
      <c r="E170" t="s">
        <v>28</v>
      </c>
      <c r="F170" t="s">
        <v>316</v>
      </c>
      <c r="G170" s="28">
        <v>10</v>
      </c>
      <c r="H170" t="s">
        <v>29</v>
      </c>
      <c r="I170" t="s">
        <v>30</v>
      </c>
      <c r="K170" t="s">
        <v>31</v>
      </c>
      <c r="L170" s="29">
        <v>-1140.0999999999999</v>
      </c>
      <c r="M170" t="s">
        <v>317</v>
      </c>
      <c r="N170" t="s">
        <v>32</v>
      </c>
      <c r="O170" t="s">
        <v>33</v>
      </c>
      <c r="P170" t="s">
        <v>34</v>
      </c>
      <c r="Q170" t="s">
        <v>35</v>
      </c>
      <c r="R170" t="s">
        <v>36</v>
      </c>
      <c r="U170" t="s">
        <v>37</v>
      </c>
      <c r="V170" s="30">
        <v>2022</v>
      </c>
      <c r="W170" s="31">
        <v>44866</v>
      </c>
      <c r="X170" s="32">
        <v>44866.248784722222</v>
      </c>
      <c r="Y170" t="s">
        <v>38</v>
      </c>
    </row>
    <row r="171" spans="1:25">
      <c r="A171" t="s">
        <v>25</v>
      </c>
      <c r="B171" t="s">
        <v>263</v>
      </c>
      <c r="C171" s="27">
        <v>44849</v>
      </c>
      <c r="D171" t="s">
        <v>27</v>
      </c>
      <c r="E171" t="s">
        <v>28</v>
      </c>
      <c r="F171" t="s">
        <v>316</v>
      </c>
      <c r="G171" s="28">
        <v>10</v>
      </c>
      <c r="H171" t="s">
        <v>29</v>
      </c>
      <c r="I171" t="s">
        <v>30</v>
      </c>
      <c r="K171" t="s">
        <v>31</v>
      </c>
      <c r="L171" s="29">
        <v>-1642.16</v>
      </c>
      <c r="M171" t="s">
        <v>317</v>
      </c>
      <c r="N171" t="s">
        <v>32</v>
      </c>
      <c r="O171" t="s">
        <v>33</v>
      </c>
      <c r="P171" t="s">
        <v>34</v>
      </c>
      <c r="Q171" t="s">
        <v>35</v>
      </c>
      <c r="R171" t="s">
        <v>36</v>
      </c>
      <c r="U171" t="s">
        <v>37</v>
      </c>
      <c r="V171" s="30">
        <v>2022</v>
      </c>
      <c r="W171" s="31">
        <v>44866</v>
      </c>
      <c r="X171" s="32">
        <v>44866.248726851853</v>
      </c>
      <c r="Y171" t="s">
        <v>38</v>
      </c>
    </row>
    <row r="172" spans="1:25">
      <c r="A172" t="s">
        <v>25</v>
      </c>
      <c r="B172" t="s">
        <v>292</v>
      </c>
      <c r="C172" s="27">
        <v>44849</v>
      </c>
      <c r="D172" t="s">
        <v>27</v>
      </c>
      <c r="E172" t="s">
        <v>28</v>
      </c>
      <c r="F172" t="s">
        <v>316</v>
      </c>
      <c r="G172" s="28">
        <v>10</v>
      </c>
      <c r="H172" t="s">
        <v>29</v>
      </c>
      <c r="I172" t="s">
        <v>30</v>
      </c>
      <c r="K172" t="s">
        <v>31</v>
      </c>
      <c r="L172" s="29">
        <v>-2053.35</v>
      </c>
      <c r="M172" t="s">
        <v>317</v>
      </c>
      <c r="N172" t="s">
        <v>32</v>
      </c>
      <c r="O172" t="s">
        <v>33</v>
      </c>
      <c r="P172" t="s">
        <v>34</v>
      </c>
      <c r="Q172" t="s">
        <v>35</v>
      </c>
      <c r="R172" t="s">
        <v>36</v>
      </c>
      <c r="U172" t="s">
        <v>37</v>
      </c>
      <c r="V172" s="30">
        <v>2022</v>
      </c>
      <c r="W172" s="31">
        <v>44866</v>
      </c>
      <c r="X172" s="32">
        <v>44866.248796296299</v>
      </c>
      <c r="Y172" t="s">
        <v>38</v>
      </c>
    </row>
    <row r="173" spans="1:25">
      <c r="A173" t="s">
        <v>25</v>
      </c>
      <c r="B173" t="s">
        <v>318</v>
      </c>
      <c r="C173" s="27">
        <v>44865</v>
      </c>
      <c r="D173" t="s">
        <v>27</v>
      </c>
      <c r="E173" t="s">
        <v>28</v>
      </c>
      <c r="F173" t="s">
        <v>316</v>
      </c>
      <c r="G173" s="28">
        <v>10</v>
      </c>
      <c r="H173" t="s">
        <v>319</v>
      </c>
      <c r="I173" t="s">
        <v>320</v>
      </c>
      <c r="K173" t="s">
        <v>31</v>
      </c>
      <c r="L173" s="29">
        <v>15175.67</v>
      </c>
      <c r="M173" t="s">
        <v>321</v>
      </c>
      <c r="N173" t="s">
        <v>322</v>
      </c>
      <c r="O173" t="s">
        <v>33</v>
      </c>
      <c r="P173" t="s">
        <v>34</v>
      </c>
      <c r="Q173" t="s">
        <v>323</v>
      </c>
      <c r="R173" t="s">
        <v>36</v>
      </c>
      <c r="U173" t="s">
        <v>347</v>
      </c>
      <c r="V173" s="30">
        <v>2022</v>
      </c>
      <c r="W173" s="31">
        <v>44872</v>
      </c>
      <c r="X173" s="32">
        <v>44872.419722222221</v>
      </c>
      <c r="Y173" t="s">
        <v>348</v>
      </c>
    </row>
    <row r="174" spans="1:25">
      <c r="A174" t="s">
        <v>349</v>
      </c>
      <c r="B174" t="s">
        <v>357</v>
      </c>
      <c r="C174" s="27">
        <v>44865</v>
      </c>
      <c r="D174" t="s">
        <v>27</v>
      </c>
      <c r="E174" t="s">
        <v>28</v>
      </c>
      <c r="F174" t="s">
        <v>316</v>
      </c>
      <c r="G174" s="28">
        <v>10</v>
      </c>
      <c r="H174" t="s">
        <v>351</v>
      </c>
      <c r="I174" t="s">
        <v>30</v>
      </c>
      <c r="K174" t="s">
        <v>31</v>
      </c>
      <c r="L174" s="29">
        <v>-74.02</v>
      </c>
      <c r="M174" t="s">
        <v>358</v>
      </c>
      <c r="N174" t="s">
        <v>32</v>
      </c>
      <c r="O174" t="s">
        <v>353</v>
      </c>
      <c r="P174" t="s">
        <v>34</v>
      </c>
      <c r="Q174" t="s">
        <v>323</v>
      </c>
      <c r="R174" t="s">
        <v>354</v>
      </c>
      <c r="U174" t="s">
        <v>355</v>
      </c>
      <c r="V174" s="30">
        <v>2022</v>
      </c>
      <c r="W174" s="31">
        <v>44866</v>
      </c>
      <c r="X174" s="32">
        <v>44866.49486111111</v>
      </c>
      <c r="Y174" t="s">
        <v>360</v>
      </c>
    </row>
    <row r="175" spans="1:25">
      <c r="A175" t="s">
        <v>349</v>
      </c>
      <c r="B175" t="s">
        <v>350</v>
      </c>
      <c r="C175" s="27">
        <v>44865</v>
      </c>
      <c r="D175" t="s">
        <v>27</v>
      </c>
      <c r="E175" t="s">
        <v>28</v>
      </c>
      <c r="F175" t="s">
        <v>316</v>
      </c>
      <c r="G175" s="28">
        <v>10</v>
      </c>
      <c r="H175" t="s">
        <v>351</v>
      </c>
      <c r="I175" t="s">
        <v>30</v>
      </c>
      <c r="K175" t="s">
        <v>31</v>
      </c>
      <c r="L175" s="29">
        <v>0</v>
      </c>
      <c r="M175" t="s">
        <v>352</v>
      </c>
      <c r="N175" t="s">
        <v>32</v>
      </c>
      <c r="O175" t="s">
        <v>353</v>
      </c>
      <c r="P175" t="s">
        <v>34</v>
      </c>
      <c r="Q175" t="s">
        <v>323</v>
      </c>
      <c r="R175" t="s">
        <v>354</v>
      </c>
      <c r="U175" t="s">
        <v>355</v>
      </c>
      <c r="V175" s="30">
        <v>2022</v>
      </c>
      <c r="W175" s="31">
        <v>44866</v>
      </c>
      <c r="X175" s="32">
        <v>44866.494629629633</v>
      </c>
      <c r="Y175" t="s">
        <v>356</v>
      </c>
    </row>
    <row r="176" spans="1:25">
      <c r="A176" t="s">
        <v>25</v>
      </c>
      <c r="B176" t="s">
        <v>66</v>
      </c>
      <c r="C176" s="27">
        <v>44880</v>
      </c>
      <c r="D176" t="s">
        <v>27</v>
      </c>
      <c r="E176" t="s">
        <v>28</v>
      </c>
      <c r="F176" t="s">
        <v>316</v>
      </c>
      <c r="G176" s="28">
        <v>11</v>
      </c>
      <c r="H176" t="s">
        <v>29</v>
      </c>
      <c r="I176" t="s">
        <v>30</v>
      </c>
      <c r="K176" t="s">
        <v>31</v>
      </c>
      <c r="L176" s="29">
        <v>-1278.95</v>
      </c>
      <c r="M176" t="s">
        <v>317</v>
      </c>
      <c r="N176" t="s">
        <v>32</v>
      </c>
      <c r="O176" t="s">
        <v>33</v>
      </c>
      <c r="P176" t="s">
        <v>34</v>
      </c>
      <c r="Q176" t="s">
        <v>35</v>
      </c>
      <c r="R176" t="s">
        <v>36</v>
      </c>
      <c r="U176" t="s">
        <v>37</v>
      </c>
      <c r="V176" s="30">
        <v>2022</v>
      </c>
      <c r="W176" s="31">
        <v>44895</v>
      </c>
      <c r="X176" s="32">
        <v>44895.648668981485</v>
      </c>
      <c r="Y176" t="s">
        <v>38</v>
      </c>
    </row>
    <row r="177" spans="1:25">
      <c r="A177" t="s">
        <v>25</v>
      </c>
      <c r="B177" t="s">
        <v>70</v>
      </c>
      <c r="C177" s="27">
        <v>44880</v>
      </c>
      <c r="D177" t="s">
        <v>27</v>
      </c>
      <c r="E177" t="s">
        <v>28</v>
      </c>
      <c r="F177" t="s">
        <v>316</v>
      </c>
      <c r="G177" s="28">
        <v>11</v>
      </c>
      <c r="H177" t="s">
        <v>29</v>
      </c>
      <c r="I177" t="s">
        <v>30</v>
      </c>
      <c r="K177" t="s">
        <v>31</v>
      </c>
      <c r="L177" s="29">
        <v>-706.36</v>
      </c>
      <c r="M177" t="s">
        <v>317</v>
      </c>
      <c r="N177" t="s">
        <v>32</v>
      </c>
      <c r="O177" t="s">
        <v>33</v>
      </c>
      <c r="P177" t="s">
        <v>34</v>
      </c>
      <c r="Q177" t="s">
        <v>35</v>
      </c>
      <c r="R177" t="s">
        <v>36</v>
      </c>
      <c r="U177" t="s">
        <v>37</v>
      </c>
      <c r="V177" s="30">
        <v>2022</v>
      </c>
      <c r="W177" s="31">
        <v>44896</v>
      </c>
      <c r="X177" s="32">
        <v>44896.393101851849</v>
      </c>
      <c r="Y177" t="s">
        <v>38</v>
      </c>
    </row>
    <row r="178" spans="1:25">
      <c r="A178" t="s">
        <v>25</v>
      </c>
      <c r="B178" t="s">
        <v>104</v>
      </c>
      <c r="C178" s="27">
        <v>44880</v>
      </c>
      <c r="D178" t="s">
        <v>27</v>
      </c>
      <c r="E178" t="s">
        <v>28</v>
      </c>
      <c r="F178" t="s">
        <v>316</v>
      </c>
      <c r="G178" s="28">
        <v>11</v>
      </c>
      <c r="H178" t="s">
        <v>29</v>
      </c>
      <c r="I178" t="s">
        <v>30</v>
      </c>
      <c r="K178" t="s">
        <v>31</v>
      </c>
      <c r="L178" s="29">
        <v>-374.45</v>
      </c>
      <c r="M178" t="s">
        <v>317</v>
      </c>
      <c r="N178" t="s">
        <v>32</v>
      </c>
      <c r="O178" t="s">
        <v>33</v>
      </c>
      <c r="P178" t="s">
        <v>34</v>
      </c>
      <c r="Q178" t="s">
        <v>35</v>
      </c>
      <c r="R178" t="s">
        <v>36</v>
      </c>
      <c r="U178" t="s">
        <v>37</v>
      </c>
      <c r="V178" s="30">
        <v>2022</v>
      </c>
      <c r="W178" s="31">
        <v>44895</v>
      </c>
      <c r="X178" s="32">
        <v>44895.648657407408</v>
      </c>
      <c r="Y178" t="s">
        <v>38</v>
      </c>
    </row>
    <row r="179" spans="1:25">
      <c r="A179" t="s">
        <v>25</v>
      </c>
      <c r="B179" t="s">
        <v>114</v>
      </c>
      <c r="C179" s="27">
        <v>44880</v>
      </c>
      <c r="D179" t="s">
        <v>27</v>
      </c>
      <c r="E179" t="s">
        <v>28</v>
      </c>
      <c r="F179" t="s">
        <v>316</v>
      </c>
      <c r="G179" s="28">
        <v>11</v>
      </c>
      <c r="H179" t="s">
        <v>29</v>
      </c>
      <c r="I179" t="s">
        <v>30</v>
      </c>
      <c r="K179" t="s">
        <v>31</v>
      </c>
      <c r="L179" s="29">
        <v>-888.27</v>
      </c>
      <c r="M179" t="s">
        <v>317</v>
      </c>
      <c r="N179" t="s">
        <v>32</v>
      </c>
      <c r="O179" t="s">
        <v>33</v>
      </c>
      <c r="P179" t="s">
        <v>34</v>
      </c>
      <c r="Q179" t="s">
        <v>35</v>
      </c>
      <c r="R179" t="s">
        <v>36</v>
      </c>
      <c r="U179" t="s">
        <v>37</v>
      </c>
      <c r="V179" s="30">
        <v>2022</v>
      </c>
      <c r="W179" s="31">
        <v>44896</v>
      </c>
      <c r="X179" s="32">
        <v>44896.393113425926</v>
      </c>
      <c r="Y179" t="s">
        <v>38</v>
      </c>
    </row>
    <row r="180" spans="1:25">
      <c r="A180" t="s">
        <v>25</v>
      </c>
      <c r="B180" t="s">
        <v>131</v>
      </c>
      <c r="C180" s="27">
        <v>44880</v>
      </c>
      <c r="D180" t="s">
        <v>27</v>
      </c>
      <c r="E180" t="s">
        <v>28</v>
      </c>
      <c r="F180" t="s">
        <v>316</v>
      </c>
      <c r="G180" s="28">
        <v>11</v>
      </c>
      <c r="H180" t="s">
        <v>29</v>
      </c>
      <c r="I180" t="s">
        <v>30</v>
      </c>
      <c r="K180" t="s">
        <v>31</v>
      </c>
      <c r="L180" s="29">
        <v>-1039.0999999999999</v>
      </c>
      <c r="M180" t="s">
        <v>317</v>
      </c>
      <c r="N180" t="s">
        <v>32</v>
      </c>
      <c r="O180" t="s">
        <v>33</v>
      </c>
      <c r="P180" t="s">
        <v>34</v>
      </c>
      <c r="Q180" t="s">
        <v>35</v>
      </c>
      <c r="R180" t="s">
        <v>36</v>
      </c>
      <c r="U180" t="s">
        <v>37</v>
      </c>
      <c r="V180" s="30">
        <v>2022</v>
      </c>
      <c r="W180" s="31">
        <v>44879</v>
      </c>
      <c r="X180" s="32">
        <v>44879.640752314815</v>
      </c>
      <c r="Y180" t="s">
        <v>38</v>
      </c>
    </row>
    <row r="181" spans="1:25">
      <c r="A181" t="s">
        <v>25</v>
      </c>
      <c r="B181" t="s">
        <v>156</v>
      </c>
      <c r="C181" s="27">
        <v>44880</v>
      </c>
      <c r="D181" t="s">
        <v>27</v>
      </c>
      <c r="E181" t="s">
        <v>28</v>
      </c>
      <c r="F181" t="s">
        <v>316</v>
      </c>
      <c r="G181" s="28">
        <v>11</v>
      </c>
      <c r="H181" t="s">
        <v>29</v>
      </c>
      <c r="I181" t="s">
        <v>30</v>
      </c>
      <c r="K181" t="s">
        <v>31</v>
      </c>
      <c r="L181" s="29">
        <v>-1476.78</v>
      </c>
      <c r="M181" t="s">
        <v>317</v>
      </c>
      <c r="N181" t="s">
        <v>32</v>
      </c>
      <c r="O181" t="s">
        <v>33</v>
      </c>
      <c r="P181" t="s">
        <v>34</v>
      </c>
      <c r="Q181" t="s">
        <v>35</v>
      </c>
      <c r="R181" t="s">
        <v>36</v>
      </c>
      <c r="U181" t="s">
        <v>37</v>
      </c>
      <c r="V181" s="30">
        <v>2022</v>
      </c>
      <c r="W181" s="31">
        <v>44879</v>
      </c>
      <c r="X181" s="32">
        <v>44879.640775462962</v>
      </c>
      <c r="Y181" t="s">
        <v>38</v>
      </c>
    </row>
    <row r="182" spans="1:25">
      <c r="A182" t="s">
        <v>25</v>
      </c>
      <c r="B182" t="s">
        <v>164</v>
      </c>
      <c r="C182" s="27">
        <v>44880</v>
      </c>
      <c r="D182" t="s">
        <v>27</v>
      </c>
      <c r="E182" t="s">
        <v>28</v>
      </c>
      <c r="F182" t="s">
        <v>316</v>
      </c>
      <c r="G182" s="28">
        <v>11</v>
      </c>
      <c r="H182" t="s">
        <v>29</v>
      </c>
      <c r="I182" t="s">
        <v>30</v>
      </c>
      <c r="K182" t="s">
        <v>31</v>
      </c>
      <c r="L182" s="29">
        <v>-189.35</v>
      </c>
      <c r="M182" t="s">
        <v>317</v>
      </c>
      <c r="N182" t="s">
        <v>32</v>
      </c>
      <c r="O182" t="s">
        <v>33</v>
      </c>
      <c r="P182" t="s">
        <v>34</v>
      </c>
      <c r="Q182" t="s">
        <v>35</v>
      </c>
      <c r="R182" t="s">
        <v>36</v>
      </c>
      <c r="U182" t="s">
        <v>37</v>
      </c>
      <c r="V182" s="30">
        <v>2022</v>
      </c>
      <c r="W182" s="31">
        <v>44895</v>
      </c>
      <c r="X182" s="32">
        <v>44895.648645833331</v>
      </c>
      <c r="Y182" t="s">
        <v>38</v>
      </c>
    </row>
    <row r="183" spans="1:25">
      <c r="A183" t="s">
        <v>25</v>
      </c>
      <c r="B183" t="s">
        <v>210</v>
      </c>
      <c r="C183" s="27">
        <v>44880</v>
      </c>
      <c r="D183" t="s">
        <v>27</v>
      </c>
      <c r="E183" t="s">
        <v>28</v>
      </c>
      <c r="F183" t="s">
        <v>316</v>
      </c>
      <c r="G183" s="28">
        <v>11</v>
      </c>
      <c r="H183" t="s">
        <v>29</v>
      </c>
      <c r="I183" t="s">
        <v>30</v>
      </c>
      <c r="K183" t="s">
        <v>31</v>
      </c>
      <c r="L183" s="29">
        <v>-1209.03</v>
      </c>
      <c r="M183" t="s">
        <v>317</v>
      </c>
      <c r="N183" t="s">
        <v>32</v>
      </c>
      <c r="O183" t="s">
        <v>33</v>
      </c>
      <c r="P183" t="s">
        <v>34</v>
      </c>
      <c r="Q183" t="s">
        <v>35</v>
      </c>
      <c r="R183" t="s">
        <v>36</v>
      </c>
      <c r="U183" t="s">
        <v>37</v>
      </c>
      <c r="V183" s="30">
        <v>2022</v>
      </c>
      <c r="W183" s="31">
        <v>44895</v>
      </c>
      <c r="X183" s="32">
        <v>44895.648634259262</v>
      </c>
      <c r="Y183" t="s">
        <v>38</v>
      </c>
    </row>
    <row r="184" spans="1:25">
      <c r="A184" t="s">
        <v>25</v>
      </c>
      <c r="B184" t="s">
        <v>224</v>
      </c>
      <c r="C184" s="27">
        <v>44880</v>
      </c>
      <c r="D184" t="s">
        <v>27</v>
      </c>
      <c r="E184" t="s">
        <v>28</v>
      </c>
      <c r="F184" t="s">
        <v>316</v>
      </c>
      <c r="G184" s="28">
        <v>11</v>
      </c>
      <c r="H184" t="s">
        <v>29</v>
      </c>
      <c r="I184" t="s">
        <v>30</v>
      </c>
      <c r="K184" t="s">
        <v>31</v>
      </c>
      <c r="L184" s="29">
        <v>-1098.19</v>
      </c>
      <c r="M184" t="s">
        <v>317</v>
      </c>
      <c r="N184" t="s">
        <v>32</v>
      </c>
      <c r="O184" t="s">
        <v>33</v>
      </c>
      <c r="P184" t="s">
        <v>34</v>
      </c>
      <c r="Q184" t="s">
        <v>35</v>
      </c>
      <c r="R184" t="s">
        <v>36</v>
      </c>
      <c r="U184" t="s">
        <v>37</v>
      </c>
      <c r="V184" s="30">
        <v>2022</v>
      </c>
      <c r="W184" s="31">
        <v>44879</v>
      </c>
      <c r="X184" s="32">
        <v>44879.640752314815</v>
      </c>
      <c r="Y184" t="s">
        <v>38</v>
      </c>
    </row>
    <row r="185" spans="1:25">
      <c r="A185" t="s">
        <v>25</v>
      </c>
      <c r="B185" t="s">
        <v>231</v>
      </c>
      <c r="C185" s="27">
        <v>44880</v>
      </c>
      <c r="D185" t="s">
        <v>27</v>
      </c>
      <c r="E185" t="s">
        <v>28</v>
      </c>
      <c r="F185" t="s">
        <v>316</v>
      </c>
      <c r="G185" s="28">
        <v>11</v>
      </c>
      <c r="H185" t="s">
        <v>29</v>
      </c>
      <c r="I185" t="s">
        <v>30</v>
      </c>
      <c r="K185" t="s">
        <v>31</v>
      </c>
      <c r="L185" s="29">
        <v>-745.9</v>
      </c>
      <c r="M185" t="s">
        <v>317</v>
      </c>
      <c r="N185" t="s">
        <v>32</v>
      </c>
      <c r="O185" t="s">
        <v>33</v>
      </c>
      <c r="P185" t="s">
        <v>34</v>
      </c>
      <c r="Q185" t="s">
        <v>35</v>
      </c>
      <c r="R185" t="s">
        <v>36</v>
      </c>
      <c r="U185" t="s">
        <v>37</v>
      </c>
      <c r="V185" s="30">
        <v>2022</v>
      </c>
      <c r="W185" s="31">
        <v>44897</v>
      </c>
      <c r="X185" s="32">
        <v>44897.360474537039</v>
      </c>
      <c r="Y185" t="s">
        <v>38</v>
      </c>
    </row>
    <row r="186" spans="1:25">
      <c r="A186" t="s">
        <v>25</v>
      </c>
      <c r="B186" t="s">
        <v>233</v>
      </c>
      <c r="C186" s="27">
        <v>44880</v>
      </c>
      <c r="D186" t="s">
        <v>27</v>
      </c>
      <c r="E186" t="s">
        <v>28</v>
      </c>
      <c r="F186" t="s">
        <v>316</v>
      </c>
      <c r="G186" s="28">
        <v>11</v>
      </c>
      <c r="H186" t="s">
        <v>29</v>
      </c>
      <c r="I186" t="s">
        <v>30</v>
      </c>
      <c r="K186" t="s">
        <v>31</v>
      </c>
      <c r="L186" s="29">
        <v>-2470.58</v>
      </c>
      <c r="M186" t="s">
        <v>317</v>
      </c>
      <c r="N186" t="s">
        <v>32</v>
      </c>
      <c r="O186" t="s">
        <v>33</v>
      </c>
      <c r="P186" t="s">
        <v>34</v>
      </c>
      <c r="Q186" t="s">
        <v>35</v>
      </c>
      <c r="R186" t="s">
        <v>36</v>
      </c>
      <c r="U186" t="s">
        <v>37</v>
      </c>
      <c r="V186" s="30">
        <v>2022</v>
      </c>
      <c r="W186" s="31">
        <v>44896</v>
      </c>
      <c r="X186" s="32">
        <v>44896.393113425926</v>
      </c>
      <c r="Y186" t="s">
        <v>38</v>
      </c>
    </row>
    <row r="187" spans="1:25">
      <c r="A187" t="s">
        <v>25</v>
      </c>
      <c r="B187" t="s">
        <v>291</v>
      </c>
      <c r="C187" s="27">
        <v>44880</v>
      </c>
      <c r="D187" t="s">
        <v>27</v>
      </c>
      <c r="E187" t="s">
        <v>28</v>
      </c>
      <c r="F187" t="s">
        <v>316</v>
      </c>
      <c r="G187" s="28">
        <v>11</v>
      </c>
      <c r="H187" t="s">
        <v>29</v>
      </c>
      <c r="I187" t="s">
        <v>30</v>
      </c>
      <c r="K187" t="s">
        <v>31</v>
      </c>
      <c r="L187" s="29">
        <v>-613.29999999999995</v>
      </c>
      <c r="M187" t="s">
        <v>317</v>
      </c>
      <c r="N187" t="s">
        <v>32</v>
      </c>
      <c r="O187" t="s">
        <v>33</v>
      </c>
      <c r="P187" t="s">
        <v>34</v>
      </c>
      <c r="Q187" t="s">
        <v>35</v>
      </c>
      <c r="R187" t="s">
        <v>36</v>
      </c>
      <c r="U187" t="s">
        <v>37</v>
      </c>
      <c r="V187" s="30">
        <v>2022</v>
      </c>
      <c r="W187" s="31">
        <v>44895</v>
      </c>
      <c r="X187" s="32">
        <v>44895.648599537039</v>
      </c>
      <c r="Y187" t="s">
        <v>38</v>
      </c>
    </row>
    <row r="188" spans="1:25">
      <c r="A188" t="s">
        <v>25</v>
      </c>
      <c r="B188" t="s">
        <v>297</v>
      </c>
      <c r="C188" s="27">
        <v>44880</v>
      </c>
      <c r="D188" t="s">
        <v>27</v>
      </c>
      <c r="E188" t="s">
        <v>28</v>
      </c>
      <c r="F188" t="s">
        <v>316</v>
      </c>
      <c r="G188" s="28">
        <v>11</v>
      </c>
      <c r="H188" t="s">
        <v>29</v>
      </c>
      <c r="I188" t="s">
        <v>30</v>
      </c>
      <c r="K188" t="s">
        <v>31</v>
      </c>
      <c r="L188" s="29">
        <v>-458.5</v>
      </c>
      <c r="M188" t="s">
        <v>317</v>
      </c>
      <c r="N188" t="s">
        <v>32</v>
      </c>
      <c r="O188" t="s">
        <v>33</v>
      </c>
      <c r="P188" t="s">
        <v>34</v>
      </c>
      <c r="Q188" t="s">
        <v>35</v>
      </c>
      <c r="R188" t="s">
        <v>36</v>
      </c>
      <c r="U188" t="s">
        <v>37</v>
      </c>
      <c r="V188" s="30">
        <v>2022</v>
      </c>
      <c r="W188" s="31">
        <v>44895</v>
      </c>
      <c r="X188" s="32">
        <v>44895.648657407408</v>
      </c>
      <c r="Y188" t="s">
        <v>38</v>
      </c>
    </row>
    <row r="189" spans="1:25">
      <c r="A189" t="s">
        <v>25</v>
      </c>
      <c r="B189" t="s">
        <v>299</v>
      </c>
      <c r="C189" s="27">
        <v>44880</v>
      </c>
      <c r="D189" t="s">
        <v>27</v>
      </c>
      <c r="E189" t="s">
        <v>28</v>
      </c>
      <c r="F189" t="s">
        <v>316</v>
      </c>
      <c r="G189" s="28">
        <v>11</v>
      </c>
      <c r="H189" t="s">
        <v>29</v>
      </c>
      <c r="I189" t="s">
        <v>30</v>
      </c>
      <c r="K189" t="s">
        <v>31</v>
      </c>
      <c r="L189" s="29">
        <v>-1876.63</v>
      </c>
      <c r="M189" t="s">
        <v>317</v>
      </c>
      <c r="N189" t="s">
        <v>32</v>
      </c>
      <c r="O189" t="s">
        <v>33</v>
      </c>
      <c r="P189" t="s">
        <v>34</v>
      </c>
      <c r="Q189" t="s">
        <v>35</v>
      </c>
      <c r="R189" t="s">
        <v>36</v>
      </c>
      <c r="U189" t="s">
        <v>37</v>
      </c>
      <c r="V189" s="30">
        <v>2022</v>
      </c>
      <c r="W189" s="31">
        <v>44895</v>
      </c>
      <c r="X189" s="32">
        <v>44895.648611111108</v>
      </c>
      <c r="Y189" t="s">
        <v>38</v>
      </c>
    </row>
    <row r="190" spans="1:25">
      <c r="A190" t="s">
        <v>25</v>
      </c>
      <c r="B190" t="s">
        <v>300</v>
      </c>
      <c r="C190" s="27">
        <v>44880</v>
      </c>
      <c r="D190" t="s">
        <v>27</v>
      </c>
      <c r="E190" t="s">
        <v>28</v>
      </c>
      <c r="F190" t="s">
        <v>316</v>
      </c>
      <c r="G190" s="28">
        <v>11</v>
      </c>
      <c r="H190" t="s">
        <v>29</v>
      </c>
      <c r="I190" t="s">
        <v>30</v>
      </c>
      <c r="K190" t="s">
        <v>31</v>
      </c>
      <c r="L190" s="29">
        <v>-715.85</v>
      </c>
      <c r="M190" t="s">
        <v>317</v>
      </c>
      <c r="N190" t="s">
        <v>32</v>
      </c>
      <c r="O190" t="s">
        <v>33</v>
      </c>
      <c r="P190" t="s">
        <v>34</v>
      </c>
      <c r="Q190" t="s">
        <v>35</v>
      </c>
      <c r="R190" t="s">
        <v>36</v>
      </c>
      <c r="U190" t="s">
        <v>37</v>
      </c>
      <c r="V190" s="30">
        <v>2022</v>
      </c>
      <c r="W190" s="31">
        <v>44895</v>
      </c>
      <c r="X190" s="32">
        <v>44895.648622685185</v>
      </c>
      <c r="Y190" t="s">
        <v>38</v>
      </c>
    </row>
    <row r="191" spans="1:25">
      <c r="A191" t="s">
        <v>25</v>
      </c>
      <c r="B191" t="s">
        <v>303</v>
      </c>
      <c r="C191" s="27">
        <v>44880</v>
      </c>
      <c r="D191" t="s">
        <v>27</v>
      </c>
      <c r="E191" t="s">
        <v>28</v>
      </c>
      <c r="F191" t="s">
        <v>316</v>
      </c>
      <c r="G191" s="28">
        <v>11</v>
      </c>
      <c r="H191" t="s">
        <v>29</v>
      </c>
      <c r="I191" t="s">
        <v>30</v>
      </c>
      <c r="K191" t="s">
        <v>31</v>
      </c>
      <c r="L191" s="29">
        <v>-1020.5</v>
      </c>
      <c r="M191" t="s">
        <v>317</v>
      </c>
      <c r="N191" t="s">
        <v>32</v>
      </c>
      <c r="O191" t="s">
        <v>33</v>
      </c>
      <c r="P191" t="s">
        <v>34</v>
      </c>
      <c r="Q191" t="s">
        <v>35</v>
      </c>
      <c r="R191" t="s">
        <v>36</v>
      </c>
      <c r="U191" t="s">
        <v>37</v>
      </c>
      <c r="V191" s="30">
        <v>2022</v>
      </c>
      <c r="W191" s="31">
        <v>44879</v>
      </c>
      <c r="X191" s="32">
        <v>44879.640775462962</v>
      </c>
      <c r="Y191" t="s">
        <v>38</v>
      </c>
    </row>
    <row r="192" spans="1:25">
      <c r="A192" t="s">
        <v>25</v>
      </c>
      <c r="B192" t="s">
        <v>304</v>
      </c>
      <c r="C192" s="27">
        <v>44880</v>
      </c>
      <c r="D192" t="s">
        <v>27</v>
      </c>
      <c r="E192" t="s">
        <v>28</v>
      </c>
      <c r="F192" t="s">
        <v>316</v>
      </c>
      <c r="G192" s="28">
        <v>11</v>
      </c>
      <c r="H192" t="s">
        <v>29</v>
      </c>
      <c r="I192" t="s">
        <v>30</v>
      </c>
      <c r="K192" t="s">
        <v>31</v>
      </c>
      <c r="L192" s="29">
        <v>-773.75</v>
      </c>
      <c r="M192" t="s">
        <v>317</v>
      </c>
      <c r="N192" t="s">
        <v>32</v>
      </c>
      <c r="O192" t="s">
        <v>33</v>
      </c>
      <c r="P192" t="s">
        <v>34</v>
      </c>
      <c r="Q192" t="s">
        <v>35</v>
      </c>
      <c r="R192" t="s">
        <v>36</v>
      </c>
      <c r="U192" t="s">
        <v>37</v>
      </c>
      <c r="V192" s="30">
        <v>2022</v>
      </c>
      <c r="W192" s="31">
        <v>44879</v>
      </c>
      <c r="X192" s="32">
        <v>44879.640763888892</v>
      </c>
      <c r="Y192" t="s">
        <v>38</v>
      </c>
    </row>
    <row r="193" spans="1:25">
      <c r="A193" t="s">
        <v>25</v>
      </c>
      <c r="B193" t="s">
        <v>305</v>
      </c>
      <c r="C193" s="27">
        <v>44880</v>
      </c>
      <c r="D193" t="s">
        <v>27</v>
      </c>
      <c r="E193" t="s">
        <v>28</v>
      </c>
      <c r="F193" t="s">
        <v>316</v>
      </c>
      <c r="G193" s="28">
        <v>11</v>
      </c>
      <c r="H193" t="s">
        <v>29</v>
      </c>
      <c r="I193" t="s">
        <v>30</v>
      </c>
      <c r="K193" t="s">
        <v>31</v>
      </c>
      <c r="L193" s="29">
        <v>-1031.1500000000001</v>
      </c>
      <c r="M193" t="s">
        <v>317</v>
      </c>
      <c r="N193" t="s">
        <v>32</v>
      </c>
      <c r="O193" t="s">
        <v>33</v>
      </c>
      <c r="P193" t="s">
        <v>34</v>
      </c>
      <c r="Q193" t="s">
        <v>35</v>
      </c>
      <c r="R193" t="s">
        <v>36</v>
      </c>
      <c r="U193" t="s">
        <v>37</v>
      </c>
      <c r="V193" s="30">
        <v>2022</v>
      </c>
      <c r="W193" s="31">
        <v>44879</v>
      </c>
      <c r="X193" s="32">
        <v>44879.640763888892</v>
      </c>
      <c r="Y193" t="s">
        <v>38</v>
      </c>
    </row>
    <row r="194" spans="1:25">
      <c r="A194" t="s">
        <v>25</v>
      </c>
      <c r="B194" t="s">
        <v>308</v>
      </c>
      <c r="C194" s="27">
        <v>44880</v>
      </c>
      <c r="D194" t="s">
        <v>27</v>
      </c>
      <c r="E194" t="s">
        <v>28</v>
      </c>
      <c r="F194" t="s">
        <v>316</v>
      </c>
      <c r="G194" s="28">
        <v>11</v>
      </c>
      <c r="H194" t="s">
        <v>29</v>
      </c>
      <c r="I194" t="s">
        <v>30</v>
      </c>
      <c r="K194" t="s">
        <v>31</v>
      </c>
      <c r="L194" s="29">
        <v>-1089.8399999999999</v>
      </c>
      <c r="M194" t="s">
        <v>317</v>
      </c>
      <c r="N194" t="s">
        <v>32</v>
      </c>
      <c r="O194" t="s">
        <v>33</v>
      </c>
      <c r="P194" t="s">
        <v>34</v>
      </c>
      <c r="Q194" t="s">
        <v>35</v>
      </c>
      <c r="R194" t="s">
        <v>36</v>
      </c>
      <c r="U194" t="s">
        <v>37</v>
      </c>
      <c r="V194" s="30">
        <v>2022</v>
      </c>
      <c r="W194" s="31">
        <v>44895</v>
      </c>
      <c r="X194" s="32">
        <v>44895.648645833331</v>
      </c>
      <c r="Y194" t="s">
        <v>38</v>
      </c>
    </row>
    <row r="195" spans="1:25">
      <c r="A195" t="s">
        <v>25</v>
      </c>
      <c r="B195" t="s">
        <v>313</v>
      </c>
      <c r="C195" s="27">
        <v>44880</v>
      </c>
      <c r="D195" t="s">
        <v>27</v>
      </c>
      <c r="E195" t="s">
        <v>28</v>
      </c>
      <c r="F195" t="s">
        <v>316</v>
      </c>
      <c r="G195" s="28">
        <v>11</v>
      </c>
      <c r="H195" t="s">
        <v>29</v>
      </c>
      <c r="I195" t="s">
        <v>30</v>
      </c>
      <c r="K195" t="s">
        <v>31</v>
      </c>
      <c r="L195" s="29">
        <v>-1340.69</v>
      </c>
      <c r="M195" t="s">
        <v>317</v>
      </c>
      <c r="N195" t="s">
        <v>32</v>
      </c>
      <c r="O195" t="s">
        <v>33</v>
      </c>
      <c r="P195" t="s">
        <v>34</v>
      </c>
      <c r="Q195" t="s">
        <v>35</v>
      </c>
      <c r="R195" t="s">
        <v>36</v>
      </c>
      <c r="U195" t="s">
        <v>37</v>
      </c>
      <c r="V195" s="30">
        <v>2022</v>
      </c>
      <c r="W195" s="31">
        <v>44895</v>
      </c>
      <c r="X195" s="32">
        <v>44895.648634259262</v>
      </c>
      <c r="Y195" t="s">
        <v>38</v>
      </c>
    </row>
    <row r="196" spans="1:25">
      <c r="A196" t="s">
        <v>25</v>
      </c>
      <c r="B196" t="s">
        <v>318</v>
      </c>
      <c r="C196" s="27">
        <v>44895</v>
      </c>
      <c r="D196" t="s">
        <v>27</v>
      </c>
      <c r="E196" t="s">
        <v>28</v>
      </c>
      <c r="F196" t="s">
        <v>316</v>
      </c>
      <c r="G196" s="28">
        <v>11</v>
      </c>
      <c r="H196" t="s">
        <v>319</v>
      </c>
      <c r="I196" t="s">
        <v>320</v>
      </c>
      <c r="K196" t="s">
        <v>31</v>
      </c>
      <c r="L196" s="29">
        <v>15355.9</v>
      </c>
      <c r="M196" t="s">
        <v>321</v>
      </c>
      <c r="N196" t="s">
        <v>322</v>
      </c>
      <c r="O196" t="s">
        <v>33</v>
      </c>
      <c r="P196" t="s">
        <v>34</v>
      </c>
      <c r="Q196" t="s">
        <v>323</v>
      </c>
      <c r="R196" t="s">
        <v>36</v>
      </c>
      <c r="U196" t="s">
        <v>331</v>
      </c>
      <c r="V196" s="30">
        <v>2022</v>
      </c>
      <c r="W196" s="31">
        <v>44902</v>
      </c>
      <c r="X196" s="32">
        <v>44902.293993055559</v>
      </c>
      <c r="Y196" t="s">
        <v>337</v>
      </c>
    </row>
    <row r="197" spans="1:25">
      <c r="A197" t="s">
        <v>349</v>
      </c>
      <c r="B197" t="s">
        <v>350</v>
      </c>
      <c r="C197" s="27">
        <v>44895</v>
      </c>
      <c r="D197" t="s">
        <v>27</v>
      </c>
      <c r="E197" t="s">
        <v>28</v>
      </c>
      <c r="F197" t="s">
        <v>316</v>
      </c>
      <c r="G197" s="28">
        <v>11</v>
      </c>
      <c r="H197" t="s">
        <v>351</v>
      </c>
      <c r="I197" t="s">
        <v>30</v>
      </c>
      <c r="K197" t="s">
        <v>31</v>
      </c>
      <c r="L197" s="29">
        <v>0</v>
      </c>
      <c r="M197" t="s">
        <v>352</v>
      </c>
      <c r="N197" t="s">
        <v>32</v>
      </c>
      <c r="O197" t="s">
        <v>353</v>
      </c>
      <c r="P197" t="s">
        <v>34</v>
      </c>
      <c r="Q197" t="s">
        <v>323</v>
      </c>
      <c r="R197" t="s">
        <v>354</v>
      </c>
      <c r="U197" t="s">
        <v>355</v>
      </c>
      <c r="V197" s="30">
        <v>2022</v>
      </c>
      <c r="W197" s="31">
        <v>44895</v>
      </c>
      <c r="X197" s="32">
        <v>44895.699791666666</v>
      </c>
      <c r="Y197" t="s">
        <v>356</v>
      </c>
    </row>
    <row r="198" spans="1:25">
      <c r="A198" t="s">
        <v>349</v>
      </c>
      <c r="B198" t="s">
        <v>357</v>
      </c>
      <c r="C198" s="27">
        <v>44895</v>
      </c>
      <c r="D198" t="s">
        <v>27</v>
      </c>
      <c r="E198" t="s">
        <v>28</v>
      </c>
      <c r="F198" t="s">
        <v>316</v>
      </c>
      <c r="G198" s="28">
        <v>11</v>
      </c>
      <c r="H198" t="s">
        <v>351</v>
      </c>
      <c r="I198" t="s">
        <v>30</v>
      </c>
      <c r="K198" t="s">
        <v>31</v>
      </c>
      <c r="L198" s="29">
        <v>-74.02</v>
      </c>
      <c r="M198" t="s">
        <v>358</v>
      </c>
      <c r="N198" t="s">
        <v>32</v>
      </c>
      <c r="O198" t="s">
        <v>353</v>
      </c>
      <c r="P198" t="s">
        <v>34</v>
      </c>
      <c r="Q198" t="s">
        <v>323</v>
      </c>
      <c r="R198" t="s">
        <v>354</v>
      </c>
      <c r="U198" t="s">
        <v>355</v>
      </c>
      <c r="V198" s="30">
        <v>2022</v>
      </c>
      <c r="W198" s="31">
        <v>44895</v>
      </c>
      <c r="X198" s="32">
        <v>44895.700150462966</v>
      </c>
      <c r="Y198" t="s">
        <v>360</v>
      </c>
    </row>
    <row r="199" spans="1:25">
      <c r="A199" t="s">
        <v>25</v>
      </c>
      <c r="B199" t="s">
        <v>52</v>
      </c>
      <c r="C199" s="27">
        <v>44910</v>
      </c>
      <c r="D199" t="s">
        <v>27</v>
      </c>
      <c r="E199" t="s">
        <v>28</v>
      </c>
      <c r="F199" t="s">
        <v>316</v>
      </c>
      <c r="G199" s="28">
        <v>12</v>
      </c>
      <c r="H199" t="s">
        <v>29</v>
      </c>
      <c r="I199" t="s">
        <v>30</v>
      </c>
      <c r="K199" t="s">
        <v>31</v>
      </c>
      <c r="L199" s="29">
        <v>-1117.42</v>
      </c>
      <c r="M199" t="s">
        <v>317</v>
      </c>
      <c r="N199" t="s">
        <v>32</v>
      </c>
      <c r="O199" t="s">
        <v>33</v>
      </c>
      <c r="P199" t="s">
        <v>34</v>
      </c>
      <c r="Q199" t="s">
        <v>35</v>
      </c>
      <c r="R199" t="s">
        <v>36</v>
      </c>
      <c r="U199" t="s">
        <v>37</v>
      </c>
      <c r="V199" s="30">
        <v>2022</v>
      </c>
      <c r="W199" s="31">
        <v>44929</v>
      </c>
      <c r="X199" s="32">
        <v>44929.371527777781</v>
      </c>
      <c r="Y199" t="s">
        <v>38</v>
      </c>
    </row>
    <row r="200" spans="1:25">
      <c r="A200" t="s">
        <v>25</v>
      </c>
      <c r="B200" t="s">
        <v>71</v>
      </c>
      <c r="C200" s="27">
        <v>44910</v>
      </c>
      <c r="D200" t="s">
        <v>27</v>
      </c>
      <c r="E200" t="s">
        <v>28</v>
      </c>
      <c r="F200" t="s">
        <v>316</v>
      </c>
      <c r="G200" s="28">
        <v>12</v>
      </c>
      <c r="H200" t="s">
        <v>29</v>
      </c>
      <c r="I200" t="s">
        <v>30</v>
      </c>
      <c r="K200" t="s">
        <v>31</v>
      </c>
      <c r="L200" s="29">
        <v>-866.15</v>
      </c>
      <c r="M200" t="s">
        <v>317</v>
      </c>
      <c r="N200" t="s">
        <v>32</v>
      </c>
      <c r="O200" t="s">
        <v>33</v>
      </c>
      <c r="P200" t="s">
        <v>34</v>
      </c>
      <c r="Q200" t="s">
        <v>35</v>
      </c>
      <c r="R200" t="s">
        <v>36</v>
      </c>
      <c r="U200" t="s">
        <v>37</v>
      </c>
      <c r="V200" s="30">
        <v>2022</v>
      </c>
      <c r="W200" s="31">
        <v>44929</v>
      </c>
      <c r="X200" s="32">
        <v>44929.371516203704</v>
      </c>
      <c r="Y200" t="s">
        <v>38</v>
      </c>
    </row>
    <row r="201" spans="1:25">
      <c r="A201" t="s">
        <v>25</v>
      </c>
      <c r="B201" t="s">
        <v>106</v>
      </c>
      <c r="C201" s="27">
        <v>44910</v>
      </c>
      <c r="D201" t="s">
        <v>27</v>
      </c>
      <c r="E201" t="s">
        <v>28</v>
      </c>
      <c r="F201" t="s">
        <v>316</v>
      </c>
      <c r="G201" s="28">
        <v>12</v>
      </c>
      <c r="H201" t="s">
        <v>29</v>
      </c>
      <c r="I201" t="s">
        <v>30</v>
      </c>
      <c r="K201" t="s">
        <v>31</v>
      </c>
      <c r="L201" s="29">
        <v>-1178.92</v>
      </c>
      <c r="M201" t="s">
        <v>317</v>
      </c>
      <c r="N201" t="s">
        <v>32</v>
      </c>
      <c r="O201" t="s">
        <v>33</v>
      </c>
      <c r="P201" t="s">
        <v>34</v>
      </c>
      <c r="Q201" t="s">
        <v>35</v>
      </c>
      <c r="R201" t="s">
        <v>36</v>
      </c>
      <c r="U201" t="s">
        <v>37</v>
      </c>
      <c r="V201" s="30">
        <v>2022</v>
      </c>
      <c r="W201" s="31">
        <v>44923</v>
      </c>
      <c r="X201" s="32">
        <v>44923.280150462961</v>
      </c>
      <c r="Y201" t="s">
        <v>38</v>
      </c>
    </row>
    <row r="202" spans="1:25">
      <c r="A202" t="s">
        <v>25</v>
      </c>
      <c r="B202" t="s">
        <v>151</v>
      </c>
      <c r="C202" s="27">
        <v>44910</v>
      </c>
      <c r="D202" t="s">
        <v>27</v>
      </c>
      <c r="E202" t="s">
        <v>28</v>
      </c>
      <c r="F202" t="s">
        <v>316</v>
      </c>
      <c r="G202" s="28">
        <v>12</v>
      </c>
      <c r="H202" t="s">
        <v>29</v>
      </c>
      <c r="I202" t="s">
        <v>30</v>
      </c>
      <c r="K202" t="s">
        <v>31</v>
      </c>
      <c r="L202" s="29">
        <v>-840.12</v>
      </c>
      <c r="M202" t="s">
        <v>317</v>
      </c>
      <c r="N202" t="s">
        <v>32</v>
      </c>
      <c r="O202" t="s">
        <v>33</v>
      </c>
      <c r="P202" t="s">
        <v>34</v>
      </c>
      <c r="Q202" t="s">
        <v>35</v>
      </c>
      <c r="R202" t="s">
        <v>36</v>
      </c>
      <c r="U202" t="s">
        <v>37</v>
      </c>
      <c r="V202" s="30">
        <v>2022</v>
      </c>
      <c r="W202" s="31">
        <v>44923</v>
      </c>
      <c r="X202" s="32">
        <v>44923.251909722225</v>
      </c>
      <c r="Y202" t="s">
        <v>38</v>
      </c>
    </row>
    <row r="203" spans="1:25">
      <c r="A203" t="s">
        <v>25</v>
      </c>
      <c r="B203" t="s">
        <v>154</v>
      </c>
      <c r="C203" s="27">
        <v>44910</v>
      </c>
      <c r="D203" t="s">
        <v>27</v>
      </c>
      <c r="E203" t="s">
        <v>28</v>
      </c>
      <c r="F203" t="s">
        <v>316</v>
      </c>
      <c r="G203" s="28">
        <v>12</v>
      </c>
      <c r="H203" t="s">
        <v>29</v>
      </c>
      <c r="I203" t="s">
        <v>30</v>
      </c>
      <c r="K203" t="s">
        <v>31</v>
      </c>
      <c r="L203" s="29">
        <v>-327</v>
      </c>
      <c r="M203" t="s">
        <v>317</v>
      </c>
      <c r="N203" t="s">
        <v>32</v>
      </c>
      <c r="O203" t="s">
        <v>33</v>
      </c>
      <c r="P203" t="s">
        <v>34</v>
      </c>
      <c r="Q203" t="s">
        <v>35</v>
      </c>
      <c r="R203" t="s">
        <v>36</v>
      </c>
      <c r="U203" t="s">
        <v>37</v>
      </c>
      <c r="V203" s="30">
        <v>2022</v>
      </c>
      <c r="W203" s="31">
        <v>44929</v>
      </c>
      <c r="X203" s="32">
        <v>44929.371550925927</v>
      </c>
      <c r="Y203" t="s">
        <v>38</v>
      </c>
    </row>
    <row r="204" spans="1:25">
      <c r="A204" t="s">
        <v>25</v>
      </c>
      <c r="B204" t="s">
        <v>153</v>
      </c>
      <c r="C204" s="27">
        <v>44910</v>
      </c>
      <c r="D204" t="s">
        <v>27</v>
      </c>
      <c r="E204" t="s">
        <v>28</v>
      </c>
      <c r="F204" t="s">
        <v>316</v>
      </c>
      <c r="G204" s="28">
        <v>12</v>
      </c>
      <c r="H204" t="s">
        <v>29</v>
      </c>
      <c r="I204" t="s">
        <v>30</v>
      </c>
      <c r="K204" t="s">
        <v>31</v>
      </c>
      <c r="L204" s="29">
        <v>-362.75</v>
      </c>
      <c r="M204" t="s">
        <v>317</v>
      </c>
      <c r="N204" t="s">
        <v>32</v>
      </c>
      <c r="O204" t="s">
        <v>33</v>
      </c>
      <c r="P204" t="s">
        <v>34</v>
      </c>
      <c r="Q204" t="s">
        <v>35</v>
      </c>
      <c r="R204" t="s">
        <v>36</v>
      </c>
      <c r="U204" t="s">
        <v>37</v>
      </c>
      <c r="V204" s="30">
        <v>2022</v>
      </c>
      <c r="W204" s="31">
        <v>44929</v>
      </c>
      <c r="X204" s="32">
        <v>44929.371539351851</v>
      </c>
      <c r="Y204" t="s">
        <v>38</v>
      </c>
    </row>
    <row r="205" spans="1:25">
      <c r="A205" t="s">
        <v>25</v>
      </c>
      <c r="B205" t="s">
        <v>157</v>
      </c>
      <c r="C205" s="27">
        <v>44910</v>
      </c>
      <c r="D205" t="s">
        <v>27</v>
      </c>
      <c r="E205" t="s">
        <v>28</v>
      </c>
      <c r="F205" t="s">
        <v>316</v>
      </c>
      <c r="G205" s="28">
        <v>12</v>
      </c>
      <c r="H205" t="s">
        <v>29</v>
      </c>
      <c r="I205" t="s">
        <v>30</v>
      </c>
      <c r="K205" t="s">
        <v>31</v>
      </c>
      <c r="L205" s="29">
        <v>-1103.77</v>
      </c>
      <c r="M205" t="s">
        <v>317</v>
      </c>
      <c r="N205" t="s">
        <v>32</v>
      </c>
      <c r="O205" t="s">
        <v>33</v>
      </c>
      <c r="P205" t="s">
        <v>34</v>
      </c>
      <c r="Q205" t="s">
        <v>35</v>
      </c>
      <c r="R205" t="s">
        <v>36</v>
      </c>
      <c r="U205" t="s">
        <v>37</v>
      </c>
      <c r="V205" s="30">
        <v>2022</v>
      </c>
      <c r="W205" s="31">
        <v>44929</v>
      </c>
      <c r="X205" s="32">
        <v>44929.371539351851</v>
      </c>
      <c r="Y205" t="s">
        <v>38</v>
      </c>
    </row>
    <row r="206" spans="1:25">
      <c r="A206" t="s">
        <v>25</v>
      </c>
      <c r="B206" t="s">
        <v>160</v>
      </c>
      <c r="C206" s="27">
        <v>44910</v>
      </c>
      <c r="D206" t="s">
        <v>27</v>
      </c>
      <c r="E206" t="s">
        <v>28</v>
      </c>
      <c r="F206" t="s">
        <v>316</v>
      </c>
      <c r="G206" s="28">
        <v>12</v>
      </c>
      <c r="H206" t="s">
        <v>29</v>
      </c>
      <c r="I206" t="s">
        <v>30</v>
      </c>
      <c r="K206" t="s">
        <v>31</v>
      </c>
      <c r="L206" s="29">
        <v>-541.45000000000005</v>
      </c>
      <c r="M206" t="s">
        <v>317</v>
      </c>
      <c r="N206" t="s">
        <v>32</v>
      </c>
      <c r="O206" t="s">
        <v>33</v>
      </c>
      <c r="P206" t="s">
        <v>34</v>
      </c>
      <c r="Q206" t="s">
        <v>35</v>
      </c>
      <c r="R206" t="s">
        <v>36</v>
      </c>
      <c r="U206" t="s">
        <v>37</v>
      </c>
      <c r="V206" s="30">
        <v>2022</v>
      </c>
      <c r="W206" s="31">
        <v>44923</v>
      </c>
      <c r="X206" s="32">
        <v>44923.280138888891</v>
      </c>
      <c r="Y206" t="s">
        <v>38</v>
      </c>
    </row>
    <row r="207" spans="1:25">
      <c r="A207" t="s">
        <v>25</v>
      </c>
      <c r="B207" t="s">
        <v>174</v>
      </c>
      <c r="C207" s="27">
        <v>44910</v>
      </c>
      <c r="D207" t="s">
        <v>27</v>
      </c>
      <c r="E207" t="s">
        <v>28</v>
      </c>
      <c r="F207" t="s">
        <v>316</v>
      </c>
      <c r="G207" s="28">
        <v>12</v>
      </c>
      <c r="H207" t="s">
        <v>29</v>
      </c>
      <c r="I207" t="s">
        <v>30</v>
      </c>
      <c r="K207" t="s">
        <v>31</v>
      </c>
      <c r="L207" s="29">
        <v>-844.55</v>
      </c>
      <c r="M207" t="s">
        <v>317</v>
      </c>
      <c r="N207" t="s">
        <v>32</v>
      </c>
      <c r="O207" t="s">
        <v>33</v>
      </c>
      <c r="P207" t="s">
        <v>34</v>
      </c>
      <c r="Q207" t="s">
        <v>35</v>
      </c>
      <c r="R207" t="s">
        <v>36</v>
      </c>
      <c r="U207" t="s">
        <v>37</v>
      </c>
      <c r="V207" s="30">
        <v>2022</v>
      </c>
      <c r="W207" s="31">
        <v>44929</v>
      </c>
      <c r="X207" s="32">
        <v>44929.371550925927</v>
      </c>
      <c r="Y207" t="s">
        <v>38</v>
      </c>
    </row>
    <row r="208" spans="1:25">
      <c r="A208" t="s">
        <v>25</v>
      </c>
      <c r="B208" t="s">
        <v>201</v>
      </c>
      <c r="C208" s="27">
        <v>44910</v>
      </c>
      <c r="D208" t="s">
        <v>27</v>
      </c>
      <c r="E208" t="s">
        <v>28</v>
      </c>
      <c r="F208" t="s">
        <v>316</v>
      </c>
      <c r="G208" s="28">
        <v>12</v>
      </c>
      <c r="H208" t="s">
        <v>29</v>
      </c>
      <c r="I208" t="s">
        <v>30</v>
      </c>
      <c r="K208" t="s">
        <v>31</v>
      </c>
      <c r="L208" s="29">
        <v>-787.25</v>
      </c>
      <c r="M208" t="s">
        <v>317</v>
      </c>
      <c r="N208" t="s">
        <v>32</v>
      </c>
      <c r="O208" t="s">
        <v>33</v>
      </c>
      <c r="P208" t="s">
        <v>34</v>
      </c>
      <c r="Q208" t="s">
        <v>35</v>
      </c>
      <c r="R208" t="s">
        <v>36</v>
      </c>
      <c r="U208" t="s">
        <v>37</v>
      </c>
      <c r="V208" s="30">
        <v>2022</v>
      </c>
      <c r="W208" s="31">
        <v>44929</v>
      </c>
      <c r="X208" s="32">
        <v>44929.371562499997</v>
      </c>
      <c r="Y208" t="s">
        <v>38</v>
      </c>
    </row>
    <row r="209" spans="1:25">
      <c r="A209" t="s">
        <v>25</v>
      </c>
      <c r="B209" t="s">
        <v>206</v>
      </c>
      <c r="C209" s="27">
        <v>44910</v>
      </c>
      <c r="D209" t="s">
        <v>27</v>
      </c>
      <c r="E209" t="s">
        <v>28</v>
      </c>
      <c r="F209" t="s">
        <v>316</v>
      </c>
      <c r="G209" s="28">
        <v>12</v>
      </c>
      <c r="H209" t="s">
        <v>29</v>
      </c>
      <c r="I209" t="s">
        <v>30</v>
      </c>
      <c r="K209" t="s">
        <v>31</v>
      </c>
      <c r="L209" s="29">
        <v>-1037.81</v>
      </c>
      <c r="M209" t="s">
        <v>317</v>
      </c>
      <c r="N209" t="s">
        <v>32</v>
      </c>
      <c r="O209" t="s">
        <v>33</v>
      </c>
      <c r="P209" t="s">
        <v>34</v>
      </c>
      <c r="Q209" t="s">
        <v>35</v>
      </c>
      <c r="R209" t="s">
        <v>36</v>
      </c>
      <c r="U209" t="s">
        <v>37</v>
      </c>
      <c r="V209" s="30">
        <v>2022</v>
      </c>
      <c r="W209" s="31">
        <v>44923</v>
      </c>
      <c r="X209" s="32">
        <v>44923.280162037037</v>
      </c>
      <c r="Y209" t="s">
        <v>38</v>
      </c>
    </row>
    <row r="210" spans="1:25">
      <c r="A210" t="s">
        <v>25</v>
      </c>
      <c r="B210" t="s">
        <v>250</v>
      </c>
      <c r="C210" s="27">
        <v>44910</v>
      </c>
      <c r="D210" t="s">
        <v>27</v>
      </c>
      <c r="E210" t="s">
        <v>28</v>
      </c>
      <c r="F210" t="s">
        <v>316</v>
      </c>
      <c r="G210" s="28">
        <v>12</v>
      </c>
      <c r="H210" t="s">
        <v>29</v>
      </c>
      <c r="I210" t="s">
        <v>30</v>
      </c>
      <c r="K210" t="s">
        <v>31</v>
      </c>
      <c r="L210" s="29">
        <v>-432.22</v>
      </c>
      <c r="M210" t="s">
        <v>317</v>
      </c>
      <c r="N210" t="s">
        <v>32</v>
      </c>
      <c r="O210" t="s">
        <v>33</v>
      </c>
      <c r="P210" t="s">
        <v>34</v>
      </c>
      <c r="Q210" t="s">
        <v>35</v>
      </c>
      <c r="R210" t="s">
        <v>36</v>
      </c>
      <c r="U210" t="s">
        <v>37</v>
      </c>
      <c r="V210" s="30">
        <v>2022</v>
      </c>
      <c r="W210" s="31">
        <v>44930</v>
      </c>
      <c r="X210" s="32">
        <v>44930.269988425927</v>
      </c>
      <c r="Y210" t="s">
        <v>38</v>
      </c>
    </row>
    <row r="211" spans="1:25">
      <c r="A211" t="s">
        <v>25</v>
      </c>
      <c r="B211" t="s">
        <v>253</v>
      </c>
      <c r="C211" s="27">
        <v>44910</v>
      </c>
      <c r="D211" t="s">
        <v>27</v>
      </c>
      <c r="E211" t="s">
        <v>28</v>
      </c>
      <c r="F211" t="s">
        <v>316</v>
      </c>
      <c r="G211" s="28">
        <v>12</v>
      </c>
      <c r="H211" t="s">
        <v>29</v>
      </c>
      <c r="I211" t="s">
        <v>30</v>
      </c>
      <c r="K211" t="s">
        <v>31</v>
      </c>
      <c r="L211" s="29">
        <v>-427.65</v>
      </c>
      <c r="M211" t="s">
        <v>317</v>
      </c>
      <c r="N211" t="s">
        <v>32</v>
      </c>
      <c r="O211" t="s">
        <v>33</v>
      </c>
      <c r="P211" t="s">
        <v>34</v>
      </c>
      <c r="Q211" t="s">
        <v>35</v>
      </c>
      <c r="R211" t="s">
        <v>36</v>
      </c>
      <c r="U211" t="s">
        <v>37</v>
      </c>
      <c r="V211" s="30">
        <v>2022</v>
      </c>
      <c r="W211" s="31">
        <v>44929</v>
      </c>
      <c r="X211" s="32">
        <v>44929.371539351851</v>
      </c>
      <c r="Y211" t="s">
        <v>38</v>
      </c>
    </row>
    <row r="212" spans="1:25">
      <c r="A212" t="s">
        <v>25</v>
      </c>
      <c r="B212" t="s">
        <v>257</v>
      </c>
      <c r="C212" s="27">
        <v>44910</v>
      </c>
      <c r="D212" t="s">
        <v>27</v>
      </c>
      <c r="E212" t="s">
        <v>28</v>
      </c>
      <c r="F212" t="s">
        <v>316</v>
      </c>
      <c r="G212" s="28">
        <v>12</v>
      </c>
      <c r="H212" t="s">
        <v>29</v>
      </c>
      <c r="I212" t="s">
        <v>30</v>
      </c>
      <c r="K212" t="s">
        <v>31</v>
      </c>
      <c r="L212" s="29">
        <v>-594.65</v>
      </c>
      <c r="M212" t="s">
        <v>317</v>
      </c>
      <c r="N212" t="s">
        <v>32</v>
      </c>
      <c r="O212" t="s">
        <v>33</v>
      </c>
      <c r="P212" t="s">
        <v>34</v>
      </c>
      <c r="Q212" t="s">
        <v>35</v>
      </c>
      <c r="R212" t="s">
        <v>36</v>
      </c>
      <c r="U212" t="s">
        <v>37</v>
      </c>
      <c r="V212" s="30">
        <v>2022</v>
      </c>
      <c r="W212" s="31">
        <v>44923</v>
      </c>
      <c r="X212" s="32">
        <v>44923.280162037037</v>
      </c>
      <c r="Y212" t="s">
        <v>38</v>
      </c>
    </row>
    <row r="213" spans="1:25">
      <c r="A213" t="s">
        <v>25</v>
      </c>
      <c r="B213" t="s">
        <v>270</v>
      </c>
      <c r="C213" s="27">
        <v>44910</v>
      </c>
      <c r="D213" t="s">
        <v>27</v>
      </c>
      <c r="E213" t="s">
        <v>28</v>
      </c>
      <c r="F213" t="s">
        <v>316</v>
      </c>
      <c r="G213" s="28">
        <v>12</v>
      </c>
      <c r="H213" t="s">
        <v>29</v>
      </c>
      <c r="I213" t="s">
        <v>30</v>
      </c>
      <c r="K213" t="s">
        <v>31</v>
      </c>
      <c r="L213" s="29">
        <v>-865.52</v>
      </c>
      <c r="M213" t="s">
        <v>317</v>
      </c>
      <c r="N213" t="s">
        <v>32</v>
      </c>
      <c r="O213" t="s">
        <v>33</v>
      </c>
      <c r="P213" t="s">
        <v>34</v>
      </c>
      <c r="Q213" t="s">
        <v>35</v>
      </c>
      <c r="R213" t="s">
        <v>36</v>
      </c>
      <c r="U213" t="s">
        <v>37</v>
      </c>
      <c r="V213" s="30">
        <v>2022</v>
      </c>
      <c r="W213" s="31">
        <v>44929</v>
      </c>
      <c r="X213" s="32">
        <v>44929.371504629627</v>
      </c>
      <c r="Y213" t="s">
        <v>38</v>
      </c>
    </row>
    <row r="214" spans="1:25">
      <c r="A214" t="s">
        <v>25</v>
      </c>
      <c r="B214" t="s">
        <v>274</v>
      </c>
      <c r="C214" s="27">
        <v>44910</v>
      </c>
      <c r="D214" t="s">
        <v>27</v>
      </c>
      <c r="E214" t="s">
        <v>28</v>
      </c>
      <c r="F214" t="s">
        <v>316</v>
      </c>
      <c r="G214" s="28">
        <v>12</v>
      </c>
      <c r="H214" t="s">
        <v>29</v>
      </c>
      <c r="I214" t="s">
        <v>30</v>
      </c>
      <c r="K214" t="s">
        <v>31</v>
      </c>
      <c r="L214" s="29">
        <v>-532.45000000000005</v>
      </c>
      <c r="M214" t="s">
        <v>317</v>
      </c>
      <c r="N214" t="s">
        <v>32</v>
      </c>
      <c r="O214" t="s">
        <v>33</v>
      </c>
      <c r="P214" t="s">
        <v>34</v>
      </c>
      <c r="Q214" t="s">
        <v>35</v>
      </c>
      <c r="R214" t="s">
        <v>36</v>
      </c>
      <c r="U214" t="s">
        <v>37</v>
      </c>
      <c r="V214" s="30">
        <v>2022</v>
      </c>
      <c r="W214" s="31">
        <v>44929</v>
      </c>
      <c r="X214" s="32">
        <v>44929.371562499997</v>
      </c>
      <c r="Y214" t="s">
        <v>38</v>
      </c>
    </row>
    <row r="215" spans="1:25">
      <c r="A215" t="s">
        <v>25</v>
      </c>
      <c r="B215" t="s">
        <v>289</v>
      </c>
      <c r="C215" s="27">
        <v>44910</v>
      </c>
      <c r="D215" t="s">
        <v>27</v>
      </c>
      <c r="E215" t="s">
        <v>28</v>
      </c>
      <c r="F215" t="s">
        <v>316</v>
      </c>
      <c r="G215" s="28">
        <v>12</v>
      </c>
      <c r="H215" t="s">
        <v>29</v>
      </c>
      <c r="I215" t="s">
        <v>30</v>
      </c>
      <c r="K215" t="s">
        <v>31</v>
      </c>
      <c r="L215" s="29">
        <v>-311.82</v>
      </c>
      <c r="M215" t="s">
        <v>317</v>
      </c>
      <c r="N215" t="s">
        <v>32</v>
      </c>
      <c r="O215" t="s">
        <v>33</v>
      </c>
      <c r="P215" t="s">
        <v>34</v>
      </c>
      <c r="Q215" t="s">
        <v>35</v>
      </c>
      <c r="R215" t="s">
        <v>36</v>
      </c>
      <c r="U215" t="s">
        <v>37</v>
      </c>
      <c r="V215" s="30">
        <v>2022</v>
      </c>
      <c r="W215" s="31">
        <v>44923</v>
      </c>
      <c r="X215" s="32">
        <v>44923.251516203702</v>
      </c>
      <c r="Y215" t="s">
        <v>38</v>
      </c>
    </row>
    <row r="216" spans="1:25">
      <c r="A216" t="s">
        <v>25</v>
      </c>
      <c r="B216" t="s">
        <v>294</v>
      </c>
      <c r="C216" s="27">
        <v>44910</v>
      </c>
      <c r="D216" t="s">
        <v>27</v>
      </c>
      <c r="E216" t="s">
        <v>28</v>
      </c>
      <c r="F216" t="s">
        <v>316</v>
      </c>
      <c r="G216" s="28">
        <v>12</v>
      </c>
      <c r="H216" t="s">
        <v>29</v>
      </c>
      <c r="I216" t="s">
        <v>30</v>
      </c>
      <c r="K216" t="s">
        <v>31</v>
      </c>
      <c r="L216" s="29">
        <v>-859.42</v>
      </c>
      <c r="M216" t="s">
        <v>317</v>
      </c>
      <c r="N216" t="s">
        <v>32</v>
      </c>
      <c r="O216" t="s">
        <v>33</v>
      </c>
      <c r="P216" t="s">
        <v>34</v>
      </c>
      <c r="Q216" t="s">
        <v>35</v>
      </c>
      <c r="R216" t="s">
        <v>36</v>
      </c>
      <c r="U216" t="s">
        <v>37</v>
      </c>
      <c r="V216" s="30">
        <v>2022</v>
      </c>
      <c r="W216" s="31">
        <v>44923</v>
      </c>
      <c r="X216" s="32">
        <v>44923.280150462961</v>
      </c>
      <c r="Y216" t="s">
        <v>38</v>
      </c>
    </row>
    <row r="217" spans="1:25">
      <c r="A217" t="s">
        <v>25</v>
      </c>
      <c r="B217" t="s">
        <v>307</v>
      </c>
      <c r="C217" s="27">
        <v>44910</v>
      </c>
      <c r="D217" t="s">
        <v>27</v>
      </c>
      <c r="E217" t="s">
        <v>28</v>
      </c>
      <c r="F217" t="s">
        <v>316</v>
      </c>
      <c r="G217" s="28">
        <v>12</v>
      </c>
      <c r="H217" t="s">
        <v>29</v>
      </c>
      <c r="I217" t="s">
        <v>30</v>
      </c>
      <c r="K217" t="s">
        <v>31</v>
      </c>
      <c r="L217" s="29">
        <v>-1109.75</v>
      </c>
      <c r="M217" t="s">
        <v>317</v>
      </c>
      <c r="N217" t="s">
        <v>32</v>
      </c>
      <c r="O217" t="s">
        <v>33</v>
      </c>
      <c r="P217" t="s">
        <v>34</v>
      </c>
      <c r="Q217" t="s">
        <v>35</v>
      </c>
      <c r="R217" t="s">
        <v>36</v>
      </c>
      <c r="U217" t="s">
        <v>37</v>
      </c>
      <c r="V217" s="30">
        <v>2022</v>
      </c>
      <c r="W217" s="31">
        <v>44929</v>
      </c>
      <c r="X217" s="32">
        <v>44929.371527777781</v>
      </c>
      <c r="Y217" t="s">
        <v>38</v>
      </c>
    </row>
    <row r="218" spans="1:25">
      <c r="A218" t="s">
        <v>25</v>
      </c>
      <c r="B218" t="s">
        <v>309</v>
      </c>
      <c r="C218" s="27">
        <v>44910</v>
      </c>
      <c r="D218" t="s">
        <v>27</v>
      </c>
      <c r="E218" t="s">
        <v>28</v>
      </c>
      <c r="F218" t="s">
        <v>316</v>
      </c>
      <c r="G218" s="28">
        <v>12</v>
      </c>
      <c r="H218" t="s">
        <v>29</v>
      </c>
      <c r="I218" t="s">
        <v>30</v>
      </c>
      <c r="K218" t="s">
        <v>31</v>
      </c>
      <c r="L218" s="29">
        <v>-1105.67</v>
      </c>
      <c r="M218" t="s">
        <v>317</v>
      </c>
      <c r="N218" t="s">
        <v>32</v>
      </c>
      <c r="O218" t="s">
        <v>33</v>
      </c>
      <c r="P218" t="s">
        <v>34</v>
      </c>
      <c r="Q218" t="s">
        <v>35</v>
      </c>
      <c r="R218" t="s">
        <v>36</v>
      </c>
      <c r="U218" t="s">
        <v>37</v>
      </c>
      <c r="V218" s="30">
        <v>2022</v>
      </c>
      <c r="W218" s="31">
        <v>44929</v>
      </c>
      <c r="X218" s="32">
        <v>44929.371516203704</v>
      </c>
      <c r="Y218" t="s">
        <v>38</v>
      </c>
    </row>
    <row r="219" spans="1:25">
      <c r="A219" t="s">
        <v>25</v>
      </c>
      <c r="B219" t="s">
        <v>318</v>
      </c>
      <c r="C219" s="27">
        <v>44926</v>
      </c>
      <c r="D219" t="s">
        <v>27</v>
      </c>
      <c r="E219" t="s">
        <v>28</v>
      </c>
      <c r="F219" t="s">
        <v>316</v>
      </c>
      <c r="G219" s="28">
        <v>12</v>
      </c>
      <c r="H219" t="s">
        <v>319</v>
      </c>
      <c r="I219" t="s">
        <v>320</v>
      </c>
      <c r="K219" t="s">
        <v>31</v>
      </c>
      <c r="L219" s="29">
        <v>7358.27</v>
      </c>
      <c r="M219" t="s">
        <v>321</v>
      </c>
      <c r="N219" t="s">
        <v>322</v>
      </c>
      <c r="O219" t="s">
        <v>33</v>
      </c>
      <c r="P219" t="s">
        <v>34</v>
      </c>
      <c r="Q219" t="s">
        <v>323</v>
      </c>
      <c r="R219" t="s">
        <v>36</v>
      </c>
      <c r="U219" t="s">
        <v>331</v>
      </c>
      <c r="V219" s="30">
        <v>2022</v>
      </c>
      <c r="W219" s="31">
        <v>44933</v>
      </c>
      <c r="X219" s="32">
        <v>44933.53396990741</v>
      </c>
      <c r="Y219" t="s">
        <v>346</v>
      </c>
    </row>
    <row r="220" spans="1:25">
      <c r="A220" t="s">
        <v>349</v>
      </c>
      <c r="B220" t="s">
        <v>357</v>
      </c>
      <c r="C220" s="27">
        <v>44926</v>
      </c>
      <c r="D220" t="s">
        <v>27</v>
      </c>
      <c r="E220" t="s">
        <v>28</v>
      </c>
      <c r="F220" t="s">
        <v>316</v>
      </c>
      <c r="G220" s="28">
        <v>12</v>
      </c>
      <c r="H220" t="s">
        <v>351</v>
      </c>
      <c r="I220" t="s">
        <v>30</v>
      </c>
      <c r="K220" t="s">
        <v>31</v>
      </c>
      <c r="L220" s="29">
        <v>-74.02</v>
      </c>
      <c r="M220" t="s">
        <v>358</v>
      </c>
      <c r="N220" t="s">
        <v>32</v>
      </c>
      <c r="O220" t="s">
        <v>353</v>
      </c>
      <c r="P220" t="s">
        <v>34</v>
      </c>
      <c r="Q220" t="s">
        <v>323</v>
      </c>
      <c r="R220" t="s">
        <v>354</v>
      </c>
      <c r="U220" t="s">
        <v>355</v>
      </c>
      <c r="V220" s="30">
        <v>2022</v>
      </c>
      <c r="W220" s="31">
        <v>44925</v>
      </c>
      <c r="X220" s="32">
        <v>44925.687280092592</v>
      </c>
      <c r="Y220" t="s">
        <v>360</v>
      </c>
    </row>
    <row r="221" spans="1:25">
      <c r="A221" t="s">
        <v>349</v>
      </c>
      <c r="B221" t="s">
        <v>350</v>
      </c>
      <c r="C221" s="27">
        <v>44926</v>
      </c>
      <c r="D221" t="s">
        <v>27</v>
      </c>
      <c r="E221" t="s">
        <v>28</v>
      </c>
      <c r="F221" t="s">
        <v>316</v>
      </c>
      <c r="G221" s="28">
        <v>12</v>
      </c>
      <c r="H221" t="s">
        <v>351</v>
      </c>
      <c r="I221" t="s">
        <v>30</v>
      </c>
      <c r="K221" t="s">
        <v>31</v>
      </c>
      <c r="L221" s="29">
        <v>0</v>
      </c>
      <c r="M221" t="s">
        <v>352</v>
      </c>
      <c r="N221" t="s">
        <v>32</v>
      </c>
      <c r="O221" t="s">
        <v>353</v>
      </c>
      <c r="P221" t="s">
        <v>34</v>
      </c>
      <c r="Q221" t="s">
        <v>323</v>
      </c>
      <c r="R221" t="s">
        <v>354</v>
      </c>
      <c r="U221" t="s">
        <v>355</v>
      </c>
      <c r="V221" s="30">
        <v>2022</v>
      </c>
      <c r="W221" s="31">
        <v>44925</v>
      </c>
      <c r="X221" s="32">
        <v>44925.686909722222</v>
      </c>
      <c r="Y221" t="s">
        <v>356</v>
      </c>
    </row>
    <row r="222" spans="1:25">
      <c r="A222" t="s">
        <v>25</v>
      </c>
      <c r="B222" t="s">
        <v>68</v>
      </c>
      <c r="C222" s="27">
        <v>44941</v>
      </c>
      <c r="D222" t="s">
        <v>27</v>
      </c>
      <c r="E222" t="s">
        <v>28</v>
      </c>
      <c r="F222" t="s">
        <v>316</v>
      </c>
      <c r="G222" s="28">
        <v>1</v>
      </c>
      <c r="H222" t="s">
        <v>29</v>
      </c>
      <c r="I222" t="s">
        <v>30</v>
      </c>
      <c r="K222" t="s">
        <v>31</v>
      </c>
      <c r="L222" s="29">
        <v>-502.2</v>
      </c>
      <c r="M222" t="s">
        <v>317</v>
      </c>
      <c r="N222" t="s">
        <v>32</v>
      </c>
      <c r="O222" t="s">
        <v>33</v>
      </c>
      <c r="P222" t="s">
        <v>34</v>
      </c>
      <c r="Q222" t="s">
        <v>35</v>
      </c>
      <c r="R222" t="s">
        <v>36</v>
      </c>
      <c r="U222" t="s">
        <v>37</v>
      </c>
      <c r="V222" s="30">
        <v>2023</v>
      </c>
      <c r="W222" s="31">
        <v>44958</v>
      </c>
      <c r="X222" s="32">
        <v>44958.316805555558</v>
      </c>
      <c r="Y222" t="s">
        <v>38</v>
      </c>
    </row>
    <row r="223" spans="1:25">
      <c r="A223" t="s">
        <v>25</v>
      </c>
      <c r="B223" t="s">
        <v>75</v>
      </c>
      <c r="C223" s="27">
        <v>44941</v>
      </c>
      <c r="D223" t="s">
        <v>27</v>
      </c>
      <c r="E223" t="s">
        <v>28</v>
      </c>
      <c r="F223" t="s">
        <v>316</v>
      </c>
      <c r="G223" s="28">
        <v>1</v>
      </c>
      <c r="H223" t="s">
        <v>29</v>
      </c>
      <c r="I223" t="s">
        <v>30</v>
      </c>
      <c r="K223" t="s">
        <v>31</v>
      </c>
      <c r="L223" s="29">
        <v>-750.06</v>
      </c>
      <c r="M223" t="s">
        <v>317</v>
      </c>
      <c r="N223" t="s">
        <v>32</v>
      </c>
      <c r="O223" t="s">
        <v>33</v>
      </c>
      <c r="P223" t="s">
        <v>34</v>
      </c>
      <c r="Q223" t="s">
        <v>35</v>
      </c>
      <c r="R223" t="s">
        <v>36</v>
      </c>
      <c r="U223" t="s">
        <v>37</v>
      </c>
      <c r="V223" s="30">
        <v>2023</v>
      </c>
      <c r="W223" s="31">
        <v>44958</v>
      </c>
      <c r="X223" s="32">
        <v>44958.311273148145</v>
      </c>
      <c r="Y223" t="s">
        <v>38</v>
      </c>
    </row>
    <row r="224" spans="1:25">
      <c r="A224" t="s">
        <v>25</v>
      </c>
      <c r="B224" t="s">
        <v>111</v>
      </c>
      <c r="C224" s="27">
        <v>44941</v>
      </c>
      <c r="D224" t="s">
        <v>27</v>
      </c>
      <c r="E224" t="s">
        <v>28</v>
      </c>
      <c r="F224" t="s">
        <v>316</v>
      </c>
      <c r="G224" s="28">
        <v>1</v>
      </c>
      <c r="H224" t="s">
        <v>29</v>
      </c>
      <c r="I224" t="s">
        <v>30</v>
      </c>
      <c r="K224" t="s">
        <v>31</v>
      </c>
      <c r="L224" s="29">
        <v>-907.15</v>
      </c>
      <c r="M224" t="s">
        <v>317</v>
      </c>
      <c r="N224" t="s">
        <v>32</v>
      </c>
      <c r="O224" t="s">
        <v>33</v>
      </c>
      <c r="P224" t="s">
        <v>34</v>
      </c>
      <c r="Q224" t="s">
        <v>35</v>
      </c>
      <c r="R224" t="s">
        <v>36</v>
      </c>
      <c r="U224" t="s">
        <v>37</v>
      </c>
      <c r="V224" s="30">
        <v>2023</v>
      </c>
      <c r="W224" s="31">
        <v>44958</v>
      </c>
      <c r="X224" s="32">
        <v>44958.316805555558</v>
      </c>
      <c r="Y224" t="s">
        <v>38</v>
      </c>
    </row>
    <row r="225" spans="1:25">
      <c r="A225" t="s">
        <v>25</v>
      </c>
      <c r="B225" t="s">
        <v>134</v>
      </c>
      <c r="C225" s="27">
        <v>44941</v>
      </c>
      <c r="D225" t="s">
        <v>27</v>
      </c>
      <c r="E225" t="s">
        <v>28</v>
      </c>
      <c r="F225" t="s">
        <v>316</v>
      </c>
      <c r="G225" s="28">
        <v>1</v>
      </c>
      <c r="H225" t="s">
        <v>29</v>
      </c>
      <c r="I225" t="s">
        <v>30</v>
      </c>
      <c r="K225" t="s">
        <v>31</v>
      </c>
      <c r="L225" s="29">
        <v>-853.47</v>
      </c>
      <c r="M225" t="s">
        <v>317</v>
      </c>
      <c r="N225" t="s">
        <v>32</v>
      </c>
      <c r="O225" t="s">
        <v>33</v>
      </c>
      <c r="P225" t="s">
        <v>34</v>
      </c>
      <c r="Q225" t="s">
        <v>35</v>
      </c>
      <c r="R225" t="s">
        <v>36</v>
      </c>
      <c r="U225" t="s">
        <v>37</v>
      </c>
      <c r="V225" s="30">
        <v>2023</v>
      </c>
      <c r="W225" s="31">
        <v>44958</v>
      </c>
      <c r="X225" s="32">
        <v>44958.311284722222</v>
      </c>
      <c r="Y225" t="s">
        <v>38</v>
      </c>
    </row>
    <row r="226" spans="1:25">
      <c r="A226" t="s">
        <v>25</v>
      </c>
      <c r="B226" t="s">
        <v>112</v>
      </c>
      <c r="C226" s="27">
        <v>44941</v>
      </c>
      <c r="D226" t="s">
        <v>27</v>
      </c>
      <c r="E226" t="s">
        <v>28</v>
      </c>
      <c r="F226" t="s">
        <v>316</v>
      </c>
      <c r="G226" s="28">
        <v>1</v>
      </c>
      <c r="H226" t="s">
        <v>29</v>
      </c>
      <c r="I226" t="s">
        <v>30</v>
      </c>
      <c r="K226" t="s">
        <v>31</v>
      </c>
      <c r="L226" s="29">
        <v>-575.22</v>
      </c>
      <c r="M226" t="s">
        <v>317</v>
      </c>
      <c r="N226" t="s">
        <v>32</v>
      </c>
      <c r="O226" t="s">
        <v>33</v>
      </c>
      <c r="P226" t="s">
        <v>34</v>
      </c>
      <c r="Q226" t="s">
        <v>35</v>
      </c>
      <c r="R226" t="s">
        <v>36</v>
      </c>
      <c r="U226" t="s">
        <v>37</v>
      </c>
      <c r="V226" s="30">
        <v>2023</v>
      </c>
      <c r="W226" s="31">
        <v>44958</v>
      </c>
      <c r="X226" s="32">
        <v>44958.316817129627</v>
      </c>
      <c r="Y226" t="s">
        <v>38</v>
      </c>
    </row>
    <row r="227" spans="1:25">
      <c r="A227" t="s">
        <v>25</v>
      </c>
      <c r="B227" t="s">
        <v>155</v>
      </c>
      <c r="C227" s="27">
        <v>44941</v>
      </c>
      <c r="D227" t="s">
        <v>27</v>
      </c>
      <c r="E227" t="s">
        <v>28</v>
      </c>
      <c r="F227" t="s">
        <v>316</v>
      </c>
      <c r="G227" s="28">
        <v>1</v>
      </c>
      <c r="H227" t="s">
        <v>29</v>
      </c>
      <c r="I227" t="s">
        <v>30</v>
      </c>
      <c r="K227" t="s">
        <v>31</v>
      </c>
      <c r="L227" s="29">
        <v>-456.45</v>
      </c>
      <c r="M227" t="s">
        <v>317</v>
      </c>
      <c r="N227" t="s">
        <v>32</v>
      </c>
      <c r="O227" t="s">
        <v>33</v>
      </c>
      <c r="P227" t="s">
        <v>34</v>
      </c>
      <c r="Q227" t="s">
        <v>35</v>
      </c>
      <c r="R227" t="s">
        <v>36</v>
      </c>
      <c r="U227" t="s">
        <v>37</v>
      </c>
      <c r="V227" s="30">
        <v>2023</v>
      </c>
      <c r="W227" s="31">
        <v>44958</v>
      </c>
      <c r="X227" s="32">
        <v>44958.316817129627</v>
      </c>
      <c r="Y227" t="s">
        <v>38</v>
      </c>
    </row>
    <row r="228" spans="1:25">
      <c r="A228" t="s">
        <v>25</v>
      </c>
      <c r="B228" t="s">
        <v>182</v>
      </c>
      <c r="C228" s="27">
        <v>44941</v>
      </c>
      <c r="D228" t="s">
        <v>27</v>
      </c>
      <c r="E228" t="s">
        <v>28</v>
      </c>
      <c r="F228" t="s">
        <v>316</v>
      </c>
      <c r="G228" s="28">
        <v>1</v>
      </c>
      <c r="H228" t="s">
        <v>29</v>
      </c>
      <c r="I228" t="s">
        <v>30</v>
      </c>
      <c r="K228" t="s">
        <v>31</v>
      </c>
      <c r="L228" s="29">
        <v>-1264.92</v>
      </c>
      <c r="M228" t="s">
        <v>317</v>
      </c>
      <c r="N228" t="s">
        <v>32</v>
      </c>
      <c r="O228" t="s">
        <v>33</v>
      </c>
      <c r="P228" t="s">
        <v>34</v>
      </c>
      <c r="Q228" t="s">
        <v>35</v>
      </c>
      <c r="R228" t="s">
        <v>36</v>
      </c>
      <c r="U228" t="s">
        <v>37</v>
      </c>
      <c r="V228" s="30">
        <v>2023</v>
      </c>
      <c r="W228" s="31">
        <v>44937</v>
      </c>
      <c r="X228" s="32">
        <v>44937.419456018521</v>
      </c>
      <c r="Y228" t="s">
        <v>38</v>
      </c>
    </row>
    <row r="229" spans="1:25">
      <c r="A229" t="s">
        <v>25</v>
      </c>
      <c r="B229" t="s">
        <v>183</v>
      </c>
      <c r="C229" s="27">
        <v>44941</v>
      </c>
      <c r="D229" t="s">
        <v>27</v>
      </c>
      <c r="E229" t="s">
        <v>28</v>
      </c>
      <c r="F229" t="s">
        <v>316</v>
      </c>
      <c r="G229" s="28">
        <v>1</v>
      </c>
      <c r="H229" t="s">
        <v>29</v>
      </c>
      <c r="I229" t="s">
        <v>30</v>
      </c>
      <c r="K229" t="s">
        <v>31</v>
      </c>
      <c r="L229" s="29">
        <v>-580.35</v>
      </c>
      <c r="M229" t="s">
        <v>317</v>
      </c>
      <c r="N229" t="s">
        <v>32</v>
      </c>
      <c r="O229" t="s">
        <v>33</v>
      </c>
      <c r="P229" t="s">
        <v>34</v>
      </c>
      <c r="Q229" t="s">
        <v>35</v>
      </c>
      <c r="R229" t="s">
        <v>36</v>
      </c>
      <c r="U229" t="s">
        <v>37</v>
      </c>
      <c r="V229" s="30">
        <v>2023</v>
      </c>
      <c r="W229" s="31">
        <v>44958</v>
      </c>
      <c r="X229" s="32">
        <v>44958.311261574076</v>
      </c>
      <c r="Y229" t="s">
        <v>38</v>
      </c>
    </row>
    <row r="230" spans="1:25">
      <c r="A230" t="s">
        <v>25</v>
      </c>
      <c r="B230" t="s">
        <v>188</v>
      </c>
      <c r="C230" s="27">
        <v>44941</v>
      </c>
      <c r="D230" t="s">
        <v>27</v>
      </c>
      <c r="E230" t="s">
        <v>28</v>
      </c>
      <c r="F230" t="s">
        <v>316</v>
      </c>
      <c r="G230" s="28">
        <v>1</v>
      </c>
      <c r="H230" t="s">
        <v>29</v>
      </c>
      <c r="I230" t="s">
        <v>30</v>
      </c>
      <c r="K230" t="s">
        <v>31</v>
      </c>
      <c r="L230" s="29">
        <v>-1310.01</v>
      </c>
      <c r="M230" t="s">
        <v>317</v>
      </c>
      <c r="N230" t="s">
        <v>32</v>
      </c>
      <c r="O230" t="s">
        <v>33</v>
      </c>
      <c r="P230" t="s">
        <v>34</v>
      </c>
      <c r="Q230" t="s">
        <v>35</v>
      </c>
      <c r="R230" t="s">
        <v>36</v>
      </c>
      <c r="U230" t="s">
        <v>37</v>
      </c>
      <c r="V230" s="30">
        <v>2023</v>
      </c>
      <c r="W230" s="31">
        <v>44958</v>
      </c>
      <c r="X230" s="32">
        <v>44958.316828703704</v>
      </c>
      <c r="Y230" t="s">
        <v>38</v>
      </c>
    </row>
    <row r="231" spans="1:25">
      <c r="A231" t="s">
        <v>25</v>
      </c>
      <c r="B231" t="s">
        <v>204</v>
      </c>
      <c r="C231" s="27">
        <v>44941</v>
      </c>
      <c r="D231" t="s">
        <v>27</v>
      </c>
      <c r="E231" t="s">
        <v>28</v>
      </c>
      <c r="F231" t="s">
        <v>316</v>
      </c>
      <c r="G231" s="28">
        <v>1</v>
      </c>
      <c r="H231" t="s">
        <v>29</v>
      </c>
      <c r="I231" t="s">
        <v>30</v>
      </c>
      <c r="K231" t="s">
        <v>31</v>
      </c>
      <c r="L231" s="29">
        <v>-657.3</v>
      </c>
      <c r="M231" t="s">
        <v>317</v>
      </c>
      <c r="N231" t="s">
        <v>32</v>
      </c>
      <c r="O231" t="s">
        <v>33</v>
      </c>
      <c r="P231" t="s">
        <v>34</v>
      </c>
      <c r="Q231" t="s">
        <v>35</v>
      </c>
      <c r="R231" t="s">
        <v>36</v>
      </c>
      <c r="U231" t="s">
        <v>37</v>
      </c>
      <c r="V231" s="30">
        <v>2023</v>
      </c>
      <c r="W231" s="31">
        <v>44958</v>
      </c>
      <c r="X231" s="32">
        <v>44958.311261574076</v>
      </c>
      <c r="Y231" t="s">
        <v>38</v>
      </c>
    </row>
    <row r="232" spans="1:25">
      <c r="A232" t="s">
        <v>25</v>
      </c>
      <c r="B232" t="s">
        <v>234</v>
      </c>
      <c r="C232" s="27">
        <v>44941</v>
      </c>
      <c r="D232" t="s">
        <v>27</v>
      </c>
      <c r="E232" t="s">
        <v>28</v>
      </c>
      <c r="F232" t="s">
        <v>316</v>
      </c>
      <c r="G232" s="28">
        <v>1</v>
      </c>
      <c r="H232" t="s">
        <v>29</v>
      </c>
      <c r="I232" t="s">
        <v>30</v>
      </c>
      <c r="K232" t="s">
        <v>31</v>
      </c>
      <c r="L232" s="29">
        <v>-433.23</v>
      </c>
      <c r="M232" t="s">
        <v>317</v>
      </c>
      <c r="N232" t="s">
        <v>32</v>
      </c>
      <c r="O232" t="s">
        <v>33</v>
      </c>
      <c r="P232" t="s">
        <v>34</v>
      </c>
      <c r="Q232" t="s">
        <v>35</v>
      </c>
      <c r="R232" t="s">
        <v>36</v>
      </c>
      <c r="U232" t="s">
        <v>37</v>
      </c>
      <c r="V232" s="30">
        <v>2023</v>
      </c>
      <c r="W232" s="31">
        <v>44959</v>
      </c>
      <c r="X232" s="32">
        <v>44959.593425925923</v>
      </c>
      <c r="Y232" t="s">
        <v>38</v>
      </c>
    </row>
    <row r="233" spans="1:25">
      <c r="A233" t="s">
        <v>25</v>
      </c>
      <c r="B233" t="s">
        <v>137</v>
      </c>
      <c r="C233" s="27">
        <v>44941</v>
      </c>
      <c r="D233" t="s">
        <v>27</v>
      </c>
      <c r="E233" t="s">
        <v>28</v>
      </c>
      <c r="F233" t="s">
        <v>316</v>
      </c>
      <c r="G233" s="28">
        <v>1</v>
      </c>
      <c r="H233" t="s">
        <v>29</v>
      </c>
      <c r="I233" t="s">
        <v>30</v>
      </c>
      <c r="K233" t="s">
        <v>31</v>
      </c>
      <c r="L233" s="29">
        <v>-125.1</v>
      </c>
      <c r="M233" t="s">
        <v>317</v>
      </c>
      <c r="N233" t="s">
        <v>32</v>
      </c>
      <c r="O233" t="s">
        <v>33</v>
      </c>
      <c r="P233" t="s">
        <v>34</v>
      </c>
      <c r="Q233" t="s">
        <v>35</v>
      </c>
      <c r="R233" t="s">
        <v>36</v>
      </c>
      <c r="U233" t="s">
        <v>37</v>
      </c>
      <c r="V233" s="30">
        <v>2023</v>
      </c>
      <c r="W233" s="31">
        <v>44958</v>
      </c>
      <c r="X233" s="32">
        <v>44958.311284722222</v>
      </c>
      <c r="Y233" t="s">
        <v>38</v>
      </c>
    </row>
    <row r="234" spans="1:25">
      <c r="A234" t="s">
        <v>25</v>
      </c>
      <c r="B234" t="s">
        <v>235</v>
      </c>
      <c r="C234" s="27">
        <v>44941</v>
      </c>
      <c r="D234" t="s">
        <v>27</v>
      </c>
      <c r="E234" t="s">
        <v>28</v>
      </c>
      <c r="F234" t="s">
        <v>316</v>
      </c>
      <c r="G234" s="28">
        <v>1</v>
      </c>
      <c r="H234" t="s">
        <v>29</v>
      </c>
      <c r="I234" t="s">
        <v>30</v>
      </c>
      <c r="K234" t="s">
        <v>31</v>
      </c>
      <c r="L234" s="29">
        <v>-802.89</v>
      </c>
      <c r="M234" t="s">
        <v>317</v>
      </c>
      <c r="N234" t="s">
        <v>32</v>
      </c>
      <c r="O234" t="s">
        <v>33</v>
      </c>
      <c r="P234" t="s">
        <v>34</v>
      </c>
      <c r="Q234" t="s">
        <v>35</v>
      </c>
      <c r="R234" t="s">
        <v>36</v>
      </c>
      <c r="U234" t="s">
        <v>37</v>
      </c>
      <c r="V234" s="30">
        <v>2023</v>
      </c>
      <c r="W234" s="31">
        <v>44958</v>
      </c>
      <c r="X234" s="32">
        <v>44958.311296296299</v>
      </c>
      <c r="Y234" t="s">
        <v>38</v>
      </c>
    </row>
    <row r="235" spans="1:25">
      <c r="A235" t="s">
        <v>25</v>
      </c>
      <c r="B235" t="s">
        <v>228</v>
      </c>
      <c r="C235" s="27">
        <v>44941</v>
      </c>
      <c r="D235" t="s">
        <v>27</v>
      </c>
      <c r="E235" t="s">
        <v>28</v>
      </c>
      <c r="F235" t="s">
        <v>316</v>
      </c>
      <c r="G235" s="28">
        <v>1</v>
      </c>
      <c r="H235" t="s">
        <v>29</v>
      </c>
      <c r="I235" t="s">
        <v>30</v>
      </c>
      <c r="K235" t="s">
        <v>31</v>
      </c>
      <c r="L235" s="29">
        <v>-801.73</v>
      </c>
      <c r="M235" t="s">
        <v>317</v>
      </c>
      <c r="N235" t="s">
        <v>32</v>
      </c>
      <c r="O235" t="s">
        <v>33</v>
      </c>
      <c r="P235" t="s">
        <v>34</v>
      </c>
      <c r="Q235" t="s">
        <v>35</v>
      </c>
      <c r="R235" t="s">
        <v>36</v>
      </c>
      <c r="U235" t="s">
        <v>37</v>
      </c>
      <c r="V235" s="30">
        <v>2023</v>
      </c>
      <c r="W235" s="31">
        <v>44958</v>
      </c>
      <c r="X235" s="32">
        <v>44958.311284722222</v>
      </c>
      <c r="Y235" t="s">
        <v>38</v>
      </c>
    </row>
    <row r="236" spans="1:25">
      <c r="A236" t="s">
        <v>25</v>
      </c>
      <c r="B236" t="s">
        <v>252</v>
      </c>
      <c r="C236" s="27">
        <v>44941</v>
      </c>
      <c r="D236" t="s">
        <v>27</v>
      </c>
      <c r="E236" t="s">
        <v>28</v>
      </c>
      <c r="F236" t="s">
        <v>316</v>
      </c>
      <c r="G236" s="28">
        <v>1</v>
      </c>
      <c r="H236" t="s">
        <v>29</v>
      </c>
      <c r="I236" t="s">
        <v>30</v>
      </c>
      <c r="K236" t="s">
        <v>31</v>
      </c>
      <c r="L236" s="29">
        <v>-501.65</v>
      </c>
      <c r="M236" t="s">
        <v>317</v>
      </c>
      <c r="N236" t="s">
        <v>32</v>
      </c>
      <c r="O236" t="s">
        <v>33</v>
      </c>
      <c r="P236" t="s">
        <v>34</v>
      </c>
      <c r="Q236" t="s">
        <v>35</v>
      </c>
      <c r="R236" t="s">
        <v>36</v>
      </c>
      <c r="U236" t="s">
        <v>37</v>
      </c>
      <c r="V236" s="30">
        <v>2023</v>
      </c>
      <c r="W236" s="31">
        <v>44958</v>
      </c>
      <c r="X236" s="32">
        <v>44958.311284722222</v>
      </c>
      <c r="Y236" t="s">
        <v>38</v>
      </c>
    </row>
    <row r="237" spans="1:25">
      <c r="A237" t="s">
        <v>25</v>
      </c>
      <c r="B237" t="s">
        <v>260</v>
      </c>
      <c r="C237" s="27">
        <v>44941</v>
      </c>
      <c r="D237" t="s">
        <v>27</v>
      </c>
      <c r="E237" t="s">
        <v>28</v>
      </c>
      <c r="F237" t="s">
        <v>316</v>
      </c>
      <c r="G237" s="28">
        <v>1</v>
      </c>
      <c r="H237" t="s">
        <v>29</v>
      </c>
      <c r="I237" t="s">
        <v>30</v>
      </c>
      <c r="K237" t="s">
        <v>31</v>
      </c>
      <c r="L237" s="29">
        <v>-668.6</v>
      </c>
      <c r="M237" t="s">
        <v>317</v>
      </c>
      <c r="N237" t="s">
        <v>32</v>
      </c>
      <c r="O237" t="s">
        <v>33</v>
      </c>
      <c r="P237" t="s">
        <v>34</v>
      </c>
      <c r="Q237" t="s">
        <v>35</v>
      </c>
      <c r="R237" t="s">
        <v>36</v>
      </c>
      <c r="U237" t="s">
        <v>37</v>
      </c>
      <c r="V237" s="30">
        <v>2023</v>
      </c>
      <c r="W237" s="31">
        <v>44958</v>
      </c>
      <c r="X237" s="32">
        <v>44958.316840277781</v>
      </c>
      <c r="Y237" t="s">
        <v>38</v>
      </c>
    </row>
    <row r="238" spans="1:25">
      <c r="A238" t="s">
        <v>25</v>
      </c>
      <c r="B238" t="s">
        <v>272</v>
      </c>
      <c r="C238" s="27">
        <v>44941</v>
      </c>
      <c r="D238" t="s">
        <v>27</v>
      </c>
      <c r="E238" t="s">
        <v>28</v>
      </c>
      <c r="F238" t="s">
        <v>316</v>
      </c>
      <c r="G238" s="28">
        <v>1</v>
      </c>
      <c r="H238" t="s">
        <v>29</v>
      </c>
      <c r="I238" t="s">
        <v>30</v>
      </c>
      <c r="K238" t="s">
        <v>31</v>
      </c>
      <c r="L238" s="29">
        <v>-1004.6</v>
      </c>
      <c r="M238" t="s">
        <v>317</v>
      </c>
      <c r="N238" t="s">
        <v>32</v>
      </c>
      <c r="O238" t="s">
        <v>33</v>
      </c>
      <c r="P238" t="s">
        <v>34</v>
      </c>
      <c r="Q238" t="s">
        <v>35</v>
      </c>
      <c r="R238" t="s">
        <v>36</v>
      </c>
      <c r="U238" t="s">
        <v>37</v>
      </c>
      <c r="V238" s="30">
        <v>2023</v>
      </c>
      <c r="W238" s="31">
        <v>44958</v>
      </c>
      <c r="X238" s="32">
        <v>44958.311273148145</v>
      </c>
      <c r="Y238" t="s">
        <v>38</v>
      </c>
    </row>
    <row r="239" spans="1:25">
      <c r="A239" t="s">
        <v>25</v>
      </c>
      <c r="B239" t="s">
        <v>279</v>
      </c>
      <c r="C239" s="27">
        <v>44941</v>
      </c>
      <c r="D239" t="s">
        <v>27</v>
      </c>
      <c r="E239" t="s">
        <v>28</v>
      </c>
      <c r="F239" t="s">
        <v>316</v>
      </c>
      <c r="G239" s="28">
        <v>1</v>
      </c>
      <c r="H239" t="s">
        <v>29</v>
      </c>
      <c r="I239" t="s">
        <v>30</v>
      </c>
      <c r="K239" t="s">
        <v>31</v>
      </c>
      <c r="L239" s="29">
        <v>-655.83</v>
      </c>
      <c r="M239" t="s">
        <v>317</v>
      </c>
      <c r="N239" t="s">
        <v>32</v>
      </c>
      <c r="O239" t="s">
        <v>33</v>
      </c>
      <c r="P239" t="s">
        <v>34</v>
      </c>
      <c r="Q239" t="s">
        <v>35</v>
      </c>
      <c r="R239" t="s">
        <v>36</v>
      </c>
      <c r="U239" t="s">
        <v>37</v>
      </c>
      <c r="V239" s="30">
        <v>2023</v>
      </c>
      <c r="W239" s="31">
        <v>44958</v>
      </c>
      <c r="X239" s="32">
        <v>44958.316828703704</v>
      </c>
      <c r="Y239" t="s">
        <v>38</v>
      </c>
    </row>
    <row r="240" spans="1:25">
      <c r="A240" t="s">
        <v>25</v>
      </c>
      <c r="B240" t="s">
        <v>184</v>
      </c>
      <c r="C240" s="27">
        <v>44941</v>
      </c>
      <c r="D240" t="s">
        <v>27</v>
      </c>
      <c r="E240" t="s">
        <v>28</v>
      </c>
      <c r="F240" t="s">
        <v>316</v>
      </c>
      <c r="G240" s="28">
        <v>1</v>
      </c>
      <c r="H240" t="s">
        <v>29</v>
      </c>
      <c r="I240" t="s">
        <v>30</v>
      </c>
      <c r="K240" t="s">
        <v>31</v>
      </c>
      <c r="L240" s="29">
        <v>-618.25</v>
      </c>
      <c r="M240" t="s">
        <v>317</v>
      </c>
      <c r="N240" t="s">
        <v>32</v>
      </c>
      <c r="O240" t="s">
        <v>33</v>
      </c>
      <c r="P240" t="s">
        <v>34</v>
      </c>
      <c r="Q240" t="s">
        <v>35</v>
      </c>
      <c r="R240" t="s">
        <v>36</v>
      </c>
      <c r="U240" t="s">
        <v>37</v>
      </c>
      <c r="V240" s="30">
        <v>2023</v>
      </c>
      <c r="W240" s="31">
        <v>44958</v>
      </c>
      <c r="X240" s="32">
        <v>44958.316828703704</v>
      </c>
      <c r="Y240" t="s">
        <v>38</v>
      </c>
    </row>
    <row r="241" spans="1:25">
      <c r="A241" t="s">
        <v>25</v>
      </c>
      <c r="B241" t="s">
        <v>301</v>
      </c>
      <c r="C241" s="27">
        <v>44941</v>
      </c>
      <c r="D241" t="s">
        <v>27</v>
      </c>
      <c r="E241" t="s">
        <v>28</v>
      </c>
      <c r="F241" t="s">
        <v>316</v>
      </c>
      <c r="G241" s="28">
        <v>1</v>
      </c>
      <c r="H241" t="s">
        <v>29</v>
      </c>
      <c r="I241" t="s">
        <v>30</v>
      </c>
      <c r="K241" t="s">
        <v>31</v>
      </c>
      <c r="L241" s="29">
        <v>-952.8</v>
      </c>
      <c r="M241" t="s">
        <v>317</v>
      </c>
      <c r="N241" t="s">
        <v>32</v>
      </c>
      <c r="O241" t="s">
        <v>33</v>
      </c>
      <c r="P241" t="s">
        <v>34</v>
      </c>
      <c r="Q241" t="s">
        <v>35</v>
      </c>
      <c r="R241" t="s">
        <v>36</v>
      </c>
      <c r="U241" t="s">
        <v>37</v>
      </c>
      <c r="V241" s="30">
        <v>2023</v>
      </c>
      <c r="W241" s="31">
        <v>44937</v>
      </c>
      <c r="X241" s="32">
        <v>44937.419444444444</v>
      </c>
      <c r="Y241" t="s">
        <v>38</v>
      </c>
    </row>
    <row r="242" spans="1:25">
      <c r="A242" t="s">
        <v>25</v>
      </c>
      <c r="B242" t="s">
        <v>244</v>
      </c>
      <c r="C242" s="27">
        <v>44941</v>
      </c>
      <c r="D242" t="s">
        <v>27</v>
      </c>
      <c r="E242" t="s">
        <v>28</v>
      </c>
      <c r="F242" t="s">
        <v>316</v>
      </c>
      <c r="G242" s="28">
        <v>1</v>
      </c>
      <c r="H242" t="s">
        <v>29</v>
      </c>
      <c r="I242" t="s">
        <v>30</v>
      </c>
      <c r="K242" t="s">
        <v>31</v>
      </c>
      <c r="L242" s="29">
        <v>-1021.43</v>
      </c>
      <c r="M242" t="s">
        <v>317</v>
      </c>
      <c r="N242" t="s">
        <v>32</v>
      </c>
      <c r="O242" t="s">
        <v>33</v>
      </c>
      <c r="P242" t="s">
        <v>34</v>
      </c>
      <c r="Q242" t="s">
        <v>35</v>
      </c>
      <c r="R242" t="s">
        <v>36</v>
      </c>
      <c r="U242" t="s">
        <v>37</v>
      </c>
      <c r="V242" s="30">
        <v>2023</v>
      </c>
      <c r="W242" s="31">
        <v>44937</v>
      </c>
      <c r="X242" s="32">
        <v>44937.419456018521</v>
      </c>
      <c r="Y242" t="s">
        <v>38</v>
      </c>
    </row>
    <row r="243" spans="1:25">
      <c r="A243" t="s">
        <v>25</v>
      </c>
      <c r="B243" t="s">
        <v>318</v>
      </c>
      <c r="C243" s="27">
        <v>44957</v>
      </c>
      <c r="D243" t="s">
        <v>27</v>
      </c>
      <c r="E243" t="s">
        <v>28</v>
      </c>
      <c r="F243" t="s">
        <v>316</v>
      </c>
      <c r="G243" s="28">
        <v>1</v>
      </c>
      <c r="H243" t="s">
        <v>319</v>
      </c>
      <c r="I243" t="s">
        <v>320</v>
      </c>
      <c r="K243" t="s">
        <v>31</v>
      </c>
      <c r="L243" s="29">
        <v>7026.04</v>
      </c>
      <c r="M243" t="s">
        <v>321</v>
      </c>
      <c r="N243" t="s">
        <v>322</v>
      </c>
      <c r="O243" t="s">
        <v>33</v>
      </c>
      <c r="P243" t="s">
        <v>34</v>
      </c>
      <c r="Q243" t="s">
        <v>323</v>
      </c>
      <c r="R243" t="s">
        <v>36</v>
      </c>
      <c r="U243" t="s">
        <v>331</v>
      </c>
      <c r="V243" s="30">
        <v>2023</v>
      </c>
      <c r="W243" s="31">
        <v>44963</v>
      </c>
      <c r="X243" s="32">
        <v>44963.543437499997</v>
      </c>
      <c r="Y243" t="s">
        <v>345</v>
      </c>
    </row>
    <row r="244" spans="1:25">
      <c r="A244" t="s">
        <v>349</v>
      </c>
      <c r="B244" t="s">
        <v>350</v>
      </c>
      <c r="C244" s="27">
        <v>44957</v>
      </c>
      <c r="D244" t="s">
        <v>27</v>
      </c>
      <c r="E244" t="s">
        <v>28</v>
      </c>
      <c r="F244" t="s">
        <v>316</v>
      </c>
      <c r="G244" s="28">
        <v>1</v>
      </c>
      <c r="H244" t="s">
        <v>351</v>
      </c>
      <c r="I244" t="s">
        <v>30</v>
      </c>
      <c r="K244" t="s">
        <v>31</v>
      </c>
      <c r="L244" s="29">
        <v>0</v>
      </c>
      <c r="M244" t="s">
        <v>352</v>
      </c>
      <c r="N244" t="s">
        <v>32</v>
      </c>
      <c r="O244" t="s">
        <v>353</v>
      </c>
      <c r="P244" t="s">
        <v>34</v>
      </c>
      <c r="Q244" t="s">
        <v>323</v>
      </c>
      <c r="R244" t="s">
        <v>354</v>
      </c>
      <c r="U244" t="s">
        <v>359</v>
      </c>
      <c r="V244" s="30">
        <v>2023</v>
      </c>
      <c r="W244" s="31">
        <v>44958</v>
      </c>
      <c r="X244" s="32">
        <v>44958.237187500003</v>
      </c>
      <c r="Y244" t="s">
        <v>356</v>
      </c>
    </row>
    <row r="245" spans="1:25">
      <c r="A245" t="s">
        <v>349</v>
      </c>
      <c r="B245" t="s">
        <v>357</v>
      </c>
      <c r="C245" s="27">
        <v>44957</v>
      </c>
      <c r="D245" t="s">
        <v>27</v>
      </c>
      <c r="E245" t="s">
        <v>28</v>
      </c>
      <c r="F245" t="s">
        <v>316</v>
      </c>
      <c r="G245" s="28">
        <v>1</v>
      </c>
      <c r="H245" t="s">
        <v>351</v>
      </c>
      <c r="I245" t="s">
        <v>30</v>
      </c>
      <c r="K245" t="s">
        <v>31</v>
      </c>
      <c r="L245" s="29">
        <v>-74.02</v>
      </c>
      <c r="M245" t="s">
        <v>358</v>
      </c>
      <c r="N245" t="s">
        <v>32</v>
      </c>
      <c r="O245" t="s">
        <v>353</v>
      </c>
      <c r="P245" t="s">
        <v>34</v>
      </c>
      <c r="Q245" t="s">
        <v>323</v>
      </c>
      <c r="R245" t="s">
        <v>354</v>
      </c>
      <c r="U245" t="s">
        <v>359</v>
      </c>
      <c r="V245" s="30">
        <v>2023</v>
      </c>
      <c r="W245" s="31">
        <v>44958</v>
      </c>
      <c r="X245" s="32">
        <v>44958.325787037036</v>
      </c>
      <c r="Y245" t="s">
        <v>360</v>
      </c>
    </row>
    <row r="246" spans="1:25">
      <c r="A246" t="s">
        <v>25</v>
      </c>
      <c r="B246" t="s">
        <v>45</v>
      </c>
      <c r="C246" s="27">
        <v>44972</v>
      </c>
      <c r="D246" t="s">
        <v>27</v>
      </c>
      <c r="E246" t="s">
        <v>28</v>
      </c>
      <c r="F246" t="s">
        <v>316</v>
      </c>
      <c r="G246" s="28">
        <v>2</v>
      </c>
      <c r="H246" t="s">
        <v>29</v>
      </c>
      <c r="I246" t="s">
        <v>30</v>
      </c>
      <c r="K246" t="s">
        <v>31</v>
      </c>
      <c r="L246" s="29">
        <v>-683.95</v>
      </c>
      <c r="M246" t="s">
        <v>317</v>
      </c>
      <c r="N246" t="s">
        <v>32</v>
      </c>
      <c r="O246" t="s">
        <v>33</v>
      </c>
      <c r="P246" t="s">
        <v>34</v>
      </c>
      <c r="Q246" t="s">
        <v>35</v>
      </c>
      <c r="R246" t="s">
        <v>36</v>
      </c>
      <c r="U246" t="s">
        <v>37</v>
      </c>
      <c r="V246" s="30">
        <v>2023</v>
      </c>
      <c r="W246" s="31">
        <v>44980</v>
      </c>
      <c r="X246" s="32">
        <v>44980.108819444446</v>
      </c>
      <c r="Y246" t="s">
        <v>38</v>
      </c>
    </row>
    <row r="247" spans="1:25">
      <c r="A247" t="s">
        <v>25</v>
      </c>
      <c r="B247" t="s">
        <v>40</v>
      </c>
      <c r="C247" s="27">
        <v>44972</v>
      </c>
      <c r="D247" t="s">
        <v>27</v>
      </c>
      <c r="E247" t="s">
        <v>28</v>
      </c>
      <c r="F247" t="s">
        <v>316</v>
      </c>
      <c r="G247" s="28">
        <v>2</v>
      </c>
      <c r="H247" t="s">
        <v>29</v>
      </c>
      <c r="I247" t="s">
        <v>30</v>
      </c>
      <c r="K247" t="s">
        <v>31</v>
      </c>
      <c r="L247" s="29">
        <v>-1160.55</v>
      </c>
      <c r="M247" t="s">
        <v>317</v>
      </c>
      <c r="N247" t="s">
        <v>32</v>
      </c>
      <c r="O247" t="s">
        <v>33</v>
      </c>
      <c r="P247" t="s">
        <v>34</v>
      </c>
      <c r="Q247" t="s">
        <v>35</v>
      </c>
      <c r="R247" t="s">
        <v>36</v>
      </c>
      <c r="U247" t="s">
        <v>37</v>
      </c>
      <c r="V247" s="30">
        <v>2023</v>
      </c>
      <c r="W247" s="31">
        <v>44986</v>
      </c>
      <c r="X247" s="32">
        <v>44986.641250000001</v>
      </c>
      <c r="Y247" t="s">
        <v>41</v>
      </c>
    </row>
    <row r="248" spans="1:25">
      <c r="A248" t="s">
        <v>25</v>
      </c>
      <c r="B248" t="s">
        <v>48</v>
      </c>
      <c r="C248" s="27">
        <v>44972</v>
      </c>
      <c r="D248" t="s">
        <v>27</v>
      </c>
      <c r="E248" t="s">
        <v>28</v>
      </c>
      <c r="F248" t="s">
        <v>316</v>
      </c>
      <c r="G248" s="28">
        <v>2</v>
      </c>
      <c r="H248" t="s">
        <v>29</v>
      </c>
      <c r="I248" t="s">
        <v>30</v>
      </c>
      <c r="K248" t="s">
        <v>31</v>
      </c>
      <c r="L248" s="29">
        <v>-1098.95</v>
      </c>
      <c r="M248" t="s">
        <v>317</v>
      </c>
      <c r="N248" t="s">
        <v>32</v>
      </c>
      <c r="O248" t="s">
        <v>33</v>
      </c>
      <c r="P248" t="s">
        <v>34</v>
      </c>
      <c r="Q248" t="s">
        <v>35</v>
      </c>
      <c r="R248" t="s">
        <v>36</v>
      </c>
      <c r="U248" t="s">
        <v>37</v>
      </c>
      <c r="V248" s="30">
        <v>2023</v>
      </c>
      <c r="W248" s="31">
        <v>44985</v>
      </c>
      <c r="X248" s="32">
        <v>44985.629733796297</v>
      </c>
      <c r="Y248" t="s">
        <v>49</v>
      </c>
    </row>
    <row r="249" spans="1:25">
      <c r="A249" t="s">
        <v>25</v>
      </c>
      <c r="B249" t="s">
        <v>55</v>
      </c>
      <c r="C249" s="27">
        <v>44972</v>
      </c>
      <c r="D249" t="s">
        <v>27</v>
      </c>
      <c r="E249" t="s">
        <v>28</v>
      </c>
      <c r="F249" t="s">
        <v>316</v>
      </c>
      <c r="G249" s="28">
        <v>2</v>
      </c>
      <c r="H249" t="s">
        <v>29</v>
      </c>
      <c r="I249" t="s">
        <v>30</v>
      </c>
      <c r="K249" t="s">
        <v>31</v>
      </c>
      <c r="L249" s="29">
        <v>-696.85</v>
      </c>
      <c r="M249" t="s">
        <v>317</v>
      </c>
      <c r="N249" t="s">
        <v>32</v>
      </c>
      <c r="O249" t="s">
        <v>33</v>
      </c>
      <c r="P249" t="s">
        <v>34</v>
      </c>
      <c r="Q249" t="s">
        <v>35</v>
      </c>
      <c r="R249" t="s">
        <v>36</v>
      </c>
      <c r="U249" t="s">
        <v>37</v>
      </c>
      <c r="V249" s="30">
        <v>2023</v>
      </c>
      <c r="W249" s="31">
        <v>44980</v>
      </c>
      <c r="X249" s="32">
        <v>44980.108807870369</v>
      </c>
      <c r="Y249" t="s">
        <v>38</v>
      </c>
    </row>
    <row r="250" spans="1:25">
      <c r="A250" t="s">
        <v>25</v>
      </c>
      <c r="B250" t="s">
        <v>76</v>
      </c>
      <c r="C250" s="27">
        <v>44972</v>
      </c>
      <c r="D250" t="s">
        <v>27</v>
      </c>
      <c r="E250" t="s">
        <v>28</v>
      </c>
      <c r="F250" t="s">
        <v>316</v>
      </c>
      <c r="G250" s="28">
        <v>2</v>
      </c>
      <c r="H250" t="s">
        <v>29</v>
      </c>
      <c r="I250" t="s">
        <v>30</v>
      </c>
      <c r="K250" t="s">
        <v>31</v>
      </c>
      <c r="L250" s="29">
        <v>-472.2</v>
      </c>
      <c r="M250" t="s">
        <v>317</v>
      </c>
      <c r="N250" t="s">
        <v>32</v>
      </c>
      <c r="O250" t="s">
        <v>33</v>
      </c>
      <c r="P250" t="s">
        <v>34</v>
      </c>
      <c r="Q250" t="s">
        <v>35</v>
      </c>
      <c r="R250" t="s">
        <v>36</v>
      </c>
      <c r="U250" t="s">
        <v>37</v>
      </c>
      <c r="V250" s="30">
        <v>2023</v>
      </c>
      <c r="W250" s="31">
        <v>44980</v>
      </c>
      <c r="X250" s="32">
        <v>44980.108819444446</v>
      </c>
      <c r="Y250" t="s">
        <v>38</v>
      </c>
    </row>
    <row r="251" spans="1:25">
      <c r="A251" t="s">
        <v>25</v>
      </c>
      <c r="B251" t="s">
        <v>81</v>
      </c>
      <c r="C251" s="27">
        <v>44972</v>
      </c>
      <c r="D251" t="s">
        <v>27</v>
      </c>
      <c r="E251" t="s">
        <v>28</v>
      </c>
      <c r="F251" t="s">
        <v>316</v>
      </c>
      <c r="G251" s="28">
        <v>2</v>
      </c>
      <c r="H251" t="s">
        <v>29</v>
      </c>
      <c r="I251" t="s">
        <v>30</v>
      </c>
      <c r="K251" t="s">
        <v>31</v>
      </c>
      <c r="L251" s="29">
        <v>-1418.4</v>
      </c>
      <c r="M251" t="s">
        <v>317</v>
      </c>
      <c r="N251" t="s">
        <v>32</v>
      </c>
      <c r="O251" t="s">
        <v>33</v>
      </c>
      <c r="P251" t="s">
        <v>34</v>
      </c>
      <c r="Q251" t="s">
        <v>35</v>
      </c>
      <c r="R251" t="s">
        <v>36</v>
      </c>
      <c r="U251" t="s">
        <v>37</v>
      </c>
      <c r="V251" s="30">
        <v>2023</v>
      </c>
      <c r="W251" s="31">
        <v>44980</v>
      </c>
      <c r="X251" s="32">
        <v>44980.108819444446</v>
      </c>
      <c r="Y251" t="s">
        <v>38</v>
      </c>
    </row>
    <row r="252" spans="1:25">
      <c r="A252" t="s">
        <v>25</v>
      </c>
      <c r="B252" t="s">
        <v>65</v>
      </c>
      <c r="C252" s="27">
        <v>44972</v>
      </c>
      <c r="D252" t="s">
        <v>27</v>
      </c>
      <c r="E252" t="s">
        <v>28</v>
      </c>
      <c r="F252" t="s">
        <v>316</v>
      </c>
      <c r="G252" s="28">
        <v>2</v>
      </c>
      <c r="H252" t="s">
        <v>29</v>
      </c>
      <c r="I252" t="s">
        <v>30</v>
      </c>
      <c r="K252" t="s">
        <v>31</v>
      </c>
      <c r="L252" s="29">
        <v>-1021.8</v>
      </c>
      <c r="M252" t="s">
        <v>317</v>
      </c>
      <c r="N252" t="s">
        <v>32</v>
      </c>
      <c r="O252" t="s">
        <v>33</v>
      </c>
      <c r="P252" t="s">
        <v>34</v>
      </c>
      <c r="Q252" t="s">
        <v>35</v>
      </c>
      <c r="R252" t="s">
        <v>36</v>
      </c>
      <c r="U252" t="s">
        <v>37</v>
      </c>
      <c r="V252" s="30">
        <v>2023</v>
      </c>
      <c r="W252" s="31">
        <v>44980</v>
      </c>
      <c r="X252" s="32">
        <v>44980.459548611114</v>
      </c>
      <c r="Y252" t="s">
        <v>38</v>
      </c>
    </row>
    <row r="253" spans="1:25">
      <c r="A253" t="s">
        <v>25</v>
      </c>
      <c r="B253" t="s">
        <v>120</v>
      </c>
      <c r="C253" s="27">
        <v>44972</v>
      </c>
      <c r="D253" t="s">
        <v>27</v>
      </c>
      <c r="E253" t="s">
        <v>28</v>
      </c>
      <c r="F253" t="s">
        <v>316</v>
      </c>
      <c r="G253" s="28">
        <v>2</v>
      </c>
      <c r="H253" t="s">
        <v>29</v>
      </c>
      <c r="I253" t="s">
        <v>30</v>
      </c>
      <c r="K253" t="s">
        <v>31</v>
      </c>
      <c r="L253" s="29">
        <v>-954.01</v>
      </c>
      <c r="M253" t="s">
        <v>317</v>
      </c>
      <c r="N253" t="s">
        <v>32</v>
      </c>
      <c r="O253" t="s">
        <v>33</v>
      </c>
      <c r="P253" t="s">
        <v>34</v>
      </c>
      <c r="Q253" t="s">
        <v>35</v>
      </c>
      <c r="R253" t="s">
        <v>36</v>
      </c>
      <c r="U253" t="s">
        <v>37</v>
      </c>
      <c r="V253" s="30">
        <v>2023</v>
      </c>
      <c r="W253" s="31">
        <v>44980</v>
      </c>
      <c r="X253" s="32">
        <v>44980.108807870369</v>
      </c>
      <c r="Y253" t="s">
        <v>38</v>
      </c>
    </row>
    <row r="254" spans="1:25">
      <c r="A254" t="s">
        <v>25</v>
      </c>
      <c r="B254" t="s">
        <v>124</v>
      </c>
      <c r="C254" s="27">
        <v>44972</v>
      </c>
      <c r="D254" t="s">
        <v>27</v>
      </c>
      <c r="E254" t="s">
        <v>28</v>
      </c>
      <c r="F254" t="s">
        <v>316</v>
      </c>
      <c r="G254" s="28">
        <v>2</v>
      </c>
      <c r="H254" t="s">
        <v>29</v>
      </c>
      <c r="I254" t="s">
        <v>30</v>
      </c>
      <c r="K254" t="s">
        <v>31</v>
      </c>
      <c r="L254" s="29">
        <v>-1024.33</v>
      </c>
      <c r="M254" t="s">
        <v>317</v>
      </c>
      <c r="N254" t="s">
        <v>32</v>
      </c>
      <c r="O254" t="s">
        <v>33</v>
      </c>
      <c r="P254" t="s">
        <v>34</v>
      </c>
      <c r="Q254" t="s">
        <v>35</v>
      </c>
      <c r="R254" t="s">
        <v>36</v>
      </c>
      <c r="U254" t="s">
        <v>37</v>
      </c>
      <c r="V254" s="30">
        <v>2023</v>
      </c>
      <c r="W254" s="31">
        <v>44985</v>
      </c>
      <c r="X254" s="32">
        <v>44985.62972222222</v>
      </c>
      <c r="Y254" t="s">
        <v>125</v>
      </c>
    </row>
    <row r="255" spans="1:25">
      <c r="A255" t="s">
        <v>25</v>
      </c>
      <c r="B255" t="s">
        <v>108</v>
      </c>
      <c r="C255" s="27">
        <v>44972</v>
      </c>
      <c r="D255" t="s">
        <v>27</v>
      </c>
      <c r="E255" t="s">
        <v>28</v>
      </c>
      <c r="F255" t="s">
        <v>316</v>
      </c>
      <c r="G255" s="28">
        <v>2</v>
      </c>
      <c r="H255" t="s">
        <v>29</v>
      </c>
      <c r="I255" t="s">
        <v>30</v>
      </c>
      <c r="K255" t="s">
        <v>31</v>
      </c>
      <c r="L255" s="29">
        <v>-1089.73</v>
      </c>
      <c r="M255" t="s">
        <v>317</v>
      </c>
      <c r="N255" t="s">
        <v>32</v>
      </c>
      <c r="O255" t="s">
        <v>33</v>
      </c>
      <c r="P255" t="s">
        <v>34</v>
      </c>
      <c r="Q255" t="s">
        <v>35</v>
      </c>
      <c r="R255" t="s">
        <v>36</v>
      </c>
      <c r="U255" t="s">
        <v>37</v>
      </c>
      <c r="V255" s="30">
        <v>2023</v>
      </c>
      <c r="W255" s="31">
        <v>44985</v>
      </c>
      <c r="X255" s="32">
        <v>44985.629687499997</v>
      </c>
      <c r="Y255" t="s">
        <v>126</v>
      </c>
    </row>
    <row r="256" spans="1:25">
      <c r="A256" t="s">
        <v>25</v>
      </c>
      <c r="B256" t="s">
        <v>161</v>
      </c>
      <c r="C256" s="27">
        <v>44972</v>
      </c>
      <c r="D256" t="s">
        <v>27</v>
      </c>
      <c r="E256" t="s">
        <v>28</v>
      </c>
      <c r="F256" t="s">
        <v>316</v>
      </c>
      <c r="G256" s="28">
        <v>2</v>
      </c>
      <c r="H256" t="s">
        <v>29</v>
      </c>
      <c r="I256" t="s">
        <v>30</v>
      </c>
      <c r="K256" t="s">
        <v>31</v>
      </c>
      <c r="L256" s="29">
        <v>-310.75</v>
      </c>
      <c r="M256" t="s">
        <v>317</v>
      </c>
      <c r="N256" t="s">
        <v>32</v>
      </c>
      <c r="O256" t="s">
        <v>33</v>
      </c>
      <c r="P256" t="s">
        <v>34</v>
      </c>
      <c r="Q256" t="s">
        <v>35</v>
      </c>
      <c r="R256" t="s">
        <v>36</v>
      </c>
      <c r="U256" t="s">
        <v>37</v>
      </c>
      <c r="V256" s="30">
        <v>2023</v>
      </c>
      <c r="W256" s="31">
        <v>44980</v>
      </c>
      <c r="X256" s="32">
        <v>44980.108773148146</v>
      </c>
      <c r="Y256" t="s">
        <v>38</v>
      </c>
    </row>
    <row r="257" spans="1:25">
      <c r="A257" t="s">
        <v>25</v>
      </c>
      <c r="B257" t="s">
        <v>167</v>
      </c>
      <c r="C257" s="27">
        <v>44972</v>
      </c>
      <c r="D257" t="s">
        <v>27</v>
      </c>
      <c r="E257" t="s">
        <v>28</v>
      </c>
      <c r="F257" t="s">
        <v>316</v>
      </c>
      <c r="G257" s="28">
        <v>2</v>
      </c>
      <c r="H257" t="s">
        <v>29</v>
      </c>
      <c r="I257" t="s">
        <v>30</v>
      </c>
      <c r="K257" t="s">
        <v>31</v>
      </c>
      <c r="L257" s="29">
        <v>-616.6</v>
      </c>
      <c r="M257" t="s">
        <v>317</v>
      </c>
      <c r="N257" t="s">
        <v>32</v>
      </c>
      <c r="O257" t="s">
        <v>33</v>
      </c>
      <c r="P257" t="s">
        <v>34</v>
      </c>
      <c r="Q257" t="s">
        <v>35</v>
      </c>
      <c r="R257" t="s">
        <v>36</v>
      </c>
      <c r="U257" t="s">
        <v>37</v>
      </c>
      <c r="V257" s="30">
        <v>2023</v>
      </c>
      <c r="W257" s="31">
        <v>44980</v>
      </c>
      <c r="X257" s="32">
        <v>44980.108796296299</v>
      </c>
      <c r="Y257" t="s">
        <v>38</v>
      </c>
    </row>
    <row r="258" spans="1:25">
      <c r="A258" t="s">
        <v>25</v>
      </c>
      <c r="B258" t="s">
        <v>232</v>
      </c>
      <c r="C258" s="27">
        <v>44972</v>
      </c>
      <c r="D258" t="s">
        <v>27</v>
      </c>
      <c r="E258" t="s">
        <v>28</v>
      </c>
      <c r="F258" t="s">
        <v>316</v>
      </c>
      <c r="G258" s="28">
        <v>2</v>
      </c>
      <c r="H258" t="s">
        <v>29</v>
      </c>
      <c r="I258" t="s">
        <v>30</v>
      </c>
      <c r="K258" t="s">
        <v>31</v>
      </c>
      <c r="L258" s="29">
        <v>-560.70000000000005</v>
      </c>
      <c r="M258" t="s">
        <v>317</v>
      </c>
      <c r="N258" t="s">
        <v>32</v>
      </c>
      <c r="O258" t="s">
        <v>33</v>
      </c>
      <c r="P258" t="s">
        <v>34</v>
      </c>
      <c r="Q258" t="s">
        <v>35</v>
      </c>
      <c r="R258" t="s">
        <v>36</v>
      </c>
      <c r="U258" t="s">
        <v>37</v>
      </c>
      <c r="V258" s="30">
        <v>2023</v>
      </c>
      <c r="W258" s="31">
        <v>44980</v>
      </c>
      <c r="X258" s="32">
        <v>44980.108773148146</v>
      </c>
      <c r="Y258" t="s">
        <v>38</v>
      </c>
    </row>
    <row r="259" spans="1:25">
      <c r="A259" t="s">
        <v>25</v>
      </c>
      <c r="B259" t="s">
        <v>180</v>
      </c>
      <c r="C259" s="27">
        <v>44972</v>
      </c>
      <c r="D259" t="s">
        <v>27</v>
      </c>
      <c r="E259" t="s">
        <v>28</v>
      </c>
      <c r="F259" t="s">
        <v>316</v>
      </c>
      <c r="G259" s="28">
        <v>2</v>
      </c>
      <c r="H259" t="s">
        <v>29</v>
      </c>
      <c r="I259" t="s">
        <v>30</v>
      </c>
      <c r="K259" t="s">
        <v>31</v>
      </c>
      <c r="L259" s="29">
        <v>-1219.73</v>
      </c>
      <c r="M259" t="s">
        <v>317</v>
      </c>
      <c r="N259" t="s">
        <v>32</v>
      </c>
      <c r="O259" t="s">
        <v>33</v>
      </c>
      <c r="P259" t="s">
        <v>34</v>
      </c>
      <c r="Q259" t="s">
        <v>35</v>
      </c>
      <c r="R259" t="s">
        <v>36</v>
      </c>
      <c r="U259" t="s">
        <v>37</v>
      </c>
      <c r="V259" s="30">
        <v>2023</v>
      </c>
      <c r="W259" s="31">
        <v>44980</v>
      </c>
      <c r="X259" s="32">
        <v>44980.108784722222</v>
      </c>
      <c r="Y259" t="s">
        <v>38</v>
      </c>
    </row>
    <row r="260" spans="1:25">
      <c r="A260" t="s">
        <v>25</v>
      </c>
      <c r="B260" t="s">
        <v>181</v>
      </c>
      <c r="C260" s="27">
        <v>44972</v>
      </c>
      <c r="D260" t="s">
        <v>27</v>
      </c>
      <c r="E260" t="s">
        <v>28</v>
      </c>
      <c r="F260" t="s">
        <v>316</v>
      </c>
      <c r="G260" s="28">
        <v>2</v>
      </c>
      <c r="H260" t="s">
        <v>29</v>
      </c>
      <c r="I260" t="s">
        <v>30</v>
      </c>
      <c r="K260" t="s">
        <v>31</v>
      </c>
      <c r="L260" s="29">
        <v>-207</v>
      </c>
      <c r="M260" t="s">
        <v>317</v>
      </c>
      <c r="N260" t="s">
        <v>32</v>
      </c>
      <c r="O260" t="s">
        <v>33</v>
      </c>
      <c r="P260" t="s">
        <v>34</v>
      </c>
      <c r="Q260" t="s">
        <v>35</v>
      </c>
      <c r="R260" t="s">
        <v>36</v>
      </c>
      <c r="U260" t="s">
        <v>37</v>
      </c>
      <c r="V260" s="30">
        <v>2023</v>
      </c>
      <c r="W260" s="31">
        <v>44980</v>
      </c>
      <c r="X260" s="32">
        <v>44980.108784722222</v>
      </c>
      <c r="Y260" t="s">
        <v>38</v>
      </c>
    </row>
    <row r="261" spans="1:25">
      <c r="A261" t="s">
        <v>25</v>
      </c>
      <c r="B261" t="s">
        <v>139</v>
      </c>
      <c r="C261" s="27">
        <v>44972</v>
      </c>
      <c r="D261" t="s">
        <v>27</v>
      </c>
      <c r="E261" t="s">
        <v>28</v>
      </c>
      <c r="F261" t="s">
        <v>316</v>
      </c>
      <c r="G261" s="28">
        <v>2</v>
      </c>
      <c r="H261" t="s">
        <v>29</v>
      </c>
      <c r="I261" t="s">
        <v>30</v>
      </c>
      <c r="K261" t="s">
        <v>31</v>
      </c>
      <c r="L261" s="29">
        <v>-800.95</v>
      </c>
      <c r="M261" t="s">
        <v>317</v>
      </c>
      <c r="N261" t="s">
        <v>32</v>
      </c>
      <c r="O261" t="s">
        <v>33</v>
      </c>
      <c r="P261" t="s">
        <v>34</v>
      </c>
      <c r="Q261" t="s">
        <v>35</v>
      </c>
      <c r="R261" t="s">
        <v>36</v>
      </c>
      <c r="U261" t="s">
        <v>37</v>
      </c>
      <c r="V261" s="30">
        <v>2023</v>
      </c>
      <c r="W261" s="31">
        <v>44980</v>
      </c>
      <c r="X261" s="32">
        <v>44980.108784722222</v>
      </c>
      <c r="Y261" t="s">
        <v>38</v>
      </c>
    </row>
    <row r="262" spans="1:25">
      <c r="A262" t="s">
        <v>25</v>
      </c>
      <c r="B262" t="s">
        <v>259</v>
      </c>
      <c r="C262" s="27">
        <v>44972</v>
      </c>
      <c r="D262" t="s">
        <v>27</v>
      </c>
      <c r="E262" t="s">
        <v>28</v>
      </c>
      <c r="F262" t="s">
        <v>316</v>
      </c>
      <c r="G262" s="28">
        <v>2</v>
      </c>
      <c r="H262" t="s">
        <v>29</v>
      </c>
      <c r="I262" t="s">
        <v>30</v>
      </c>
      <c r="K262" t="s">
        <v>31</v>
      </c>
      <c r="L262" s="29">
        <v>-1049.5999999999999</v>
      </c>
      <c r="M262" t="s">
        <v>317</v>
      </c>
      <c r="N262" t="s">
        <v>32</v>
      </c>
      <c r="O262" t="s">
        <v>33</v>
      </c>
      <c r="P262" t="s">
        <v>34</v>
      </c>
      <c r="Q262" t="s">
        <v>35</v>
      </c>
      <c r="R262" t="s">
        <v>36</v>
      </c>
      <c r="U262" t="s">
        <v>37</v>
      </c>
      <c r="V262" s="30">
        <v>2023</v>
      </c>
      <c r="W262" s="31">
        <v>44980</v>
      </c>
      <c r="X262" s="32">
        <v>44980.108819444446</v>
      </c>
      <c r="Y262" t="s">
        <v>38</v>
      </c>
    </row>
    <row r="263" spans="1:25">
      <c r="A263" t="s">
        <v>25</v>
      </c>
      <c r="B263" t="s">
        <v>277</v>
      </c>
      <c r="C263" s="27">
        <v>44972</v>
      </c>
      <c r="D263" t="s">
        <v>27</v>
      </c>
      <c r="E263" t="s">
        <v>28</v>
      </c>
      <c r="F263" t="s">
        <v>316</v>
      </c>
      <c r="G263" s="28">
        <v>2</v>
      </c>
      <c r="H263" t="s">
        <v>29</v>
      </c>
      <c r="I263" t="s">
        <v>30</v>
      </c>
      <c r="K263" t="s">
        <v>31</v>
      </c>
      <c r="L263" s="29">
        <v>-1302.29</v>
      </c>
      <c r="M263" t="s">
        <v>317</v>
      </c>
      <c r="N263" t="s">
        <v>32</v>
      </c>
      <c r="O263" t="s">
        <v>33</v>
      </c>
      <c r="P263" t="s">
        <v>34</v>
      </c>
      <c r="Q263" t="s">
        <v>35</v>
      </c>
      <c r="R263" t="s">
        <v>36</v>
      </c>
      <c r="U263" t="s">
        <v>37</v>
      </c>
      <c r="V263" s="30">
        <v>2023</v>
      </c>
      <c r="W263" s="31">
        <v>44980</v>
      </c>
      <c r="X263" s="32">
        <v>44980.108796296299</v>
      </c>
      <c r="Y263" t="s">
        <v>38</v>
      </c>
    </row>
    <row r="264" spans="1:25">
      <c r="A264" t="s">
        <v>25</v>
      </c>
      <c r="B264" t="s">
        <v>278</v>
      </c>
      <c r="C264" s="27">
        <v>44972</v>
      </c>
      <c r="D264" t="s">
        <v>27</v>
      </c>
      <c r="E264" t="s">
        <v>28</v>
      </c>
      <c r="F264" t="s">
        <v>316</v>
      </c>
      <c r="G264" s="28">
        <v>2</v>
      </c>
      <c r="H264" t="s">
        <v>29</v>
      </c>
      <c r="I264" t="s">
        <v>30</v>
      </c>
      <c r="K264" t="s">
        <v>31</v>
      </c>
      <c r="L264" s="29">
        <v>-481.8</v>
      </c>
      <c r="M264" t="s">
        <v>317</v>
      </c>
      <c r="N264" t="s">
        <v>32</v>
      </c>
      <c r="O264" t="s">
        <v>33</v>
      </c>
      <c r="P264" t="s">
        <v>34</v>
      </c>
      <c r="Q264" t="s">
        <v>35</v>
      </c>
      <c r="R264" t="s">
        <v>36</v>
      </c>
      <c r="U264" t="s">
        <v>37</v>
      </c>
      <c r="V264" s="30">
        <v>2023</v>
      </c>
      <c r="W264" s="31">
        <v>44980</v>
      </c>
      <c r="X264" s="32">
        <v>44980.108796296299</v>
      </c>
      <c r="Y264" t="s">
        <v>38</v>
      </c>
    </row>
    <row r="265" spans="1:25">
      <c r="A265" t="s">
        <v>25</v>
      </c>
      <c r="B265" t="s">
        <v>275</v>
      </c>
      <c r="C265" s="27">
        <v>44972</v>
      </c>
      <c r="D265" t="s">
        <v>27</v>
      </c>
      <c r="E265" t="s">
        <v>28</v>
      </c>
      <c r="F265" t="s">
        <v>316</v>
      </c>
      <c r="G265" s="28">
        <v>2</v>
      </c>
      <c r="H265" t="s">
        <v>29</v>
      </c>
      <c r="I265" t="s">
        <v>30</v>
      </c>
      <c r="K265" t="s">
        <v>31</v>
      </c>
      <c r="L265" s="29">
        <v>-561.9</v>
      </c>
      <c r="M265" t="s">
        <v>317</v>
      </c>
      <c r="N265" t="s">
        <v>32</v>
      </c>
      <c r="O265" t="s">
        <v>33</v>
      </c>
      <c r="P265" t="s">
        <v>34</v>
      </c>
      <c r="Q265" t="s">
        <v>35</v>
      </c>
      <c r="R265" t="s">
        <v>36</v>
      </c>
      <c r="U265" t="s">
        <v>37</v>
      </c>
      <c r="V265" s="30">
        <v>2023</v>
      </c>
      <c r="W265" s="31">
        <v>44980</v>
      </c>
      <c r="X265" s="32">
        <v>44980.108807870369</v>
      </c>
      <c r="Y265" t="s">
        <v>38</v>
      </c>
    </row>
    <row r="266" spans="1:25">
      <c r="A266" t="s">
        <v>25</v>
      </c>
      <c r="B266" t="s">
        <v>318</v>
      </c>
      <c r="C266" s="27">
        <v>44985</v>
      </c>
      <c r="D266" t="s">
        <v>27</v>
      </c>
      <c r="E266" t="s">
        <v>28</v>
      </c>
      <c r="F266" t="s">
        <v>316</v>
      </c>
      <c r="G266" s="28">
        <v>2</v>
      </c>
      <c r="H266" t="s">
        <v>319</v>
      </c>
      <c r="I266" t="s">
        <v>320</v>
      </c>
      <c r="K266" t="s">
        <v>31</v>
      </c>
      <c r="L266" s="29">
        <v>3096.44</v>
      </c>
      <c r="M266" t="s">
        <v>321</v>
      </c>
      <c r="N266" t="s">
        <v>322</v>
      </c>
      <c r="O266" t="s">
        <v>33</v>
      </c>
      <c r="P266" t="s">
        <v>34</v>
      </c>
      <c r="Q266" t="s">
        <v>323</v>
      </c>
      <c r="R266" t="s">
        <v>36</v>
      </c>
      <c r="U266" t="s">
        <v>331</v>
      </c>
      <c r="V266" s="30">
        <v>2023</v>
      </c>
      <c r="W266" s="31">
        <v>44992</v>
      </c>
      <c r="X266" s="32">
        <v>44992.465960648151</v>
      </c>
      <c r="Y266" t="s">
        <v>343</v>
      </c>
    </row>
    <row r="267" spans="1:25">
      <c r="A267" t="s">
        <v>349</v>
      </c>
      <c r="B267" t="s">
        <v>350</v>
      </c>
      <c r="C267" s="27">
        <v>44985</v>
      </c>
      <c r="D267" t="s">
        <v>27</v>
      </c>
      <c r="E267" t="s">
        <v>28</v>
      </c>
      <c r="F267" t="s">
        <v>316</v>
      </c>
      <c r="G267" s="28">
        <v>2</v>
      </c>
      <c r="H267" t="s">
        <v>351</v>
      </c>
      <c r="I267" t="s">
        <v>30</v>
      </c>
      <c r="K267" t="s">
        <v>31</v>
      </c>
      <c r="L267" s="29">
        <v>0</v>
      </c>
      <c r="M267" t="s">
        <v>352</v>
      </c>
      <c r="N267" t="s">
        <v>32</v>
      </c>
      <c r="O267" t="s">
        <v>353</v>
      </c>
      <c r="P267" t="s">
        <v>34</v>
      </c>
      <c r="Q267" t="s">
        <v>323</v>
      </c>
      <c r="R267" t="s">
        <v>354</v>
      </c>
      <c r="U267" t="s">
        <v>359</v>
      </c>
      <c r="V267" s="30">
        <v>2023</v>
      </c>
      <c r="W267" s="31">
        <v>44985</v>
      </c>
      <c r="X267" s="32">
        <v>44985.473055555558</v>
      </c>
      <c r="Y267" t="s">
        <v>356</v>
      </c>
    </row>
    <row r="268" spans="1:25">
      <c r="A268" t="s">
        <v>349</v>
      </c>
      <c r="B268" t="s">
        <v>357</v>
      </c>
      <c r="C268" s="27">
        <v>44985</v>
      </c>
      <c r="D268" t="s">
        <v>27</v>
      </c>
      <c r="E268" t="s">
        <v>28</v>
      </c>
      <c r="F268" t="s">
        <v>316</v>
      </c>
      <c r="G268" s="28">
        <v>2</v>
      </c>
      <c r="H268" t="s">
        <v>351</v>
      </c>
      <c r="I268" t="s">
        <v>30</v>
      </c>
      <c r="K268" t="s">
        <v>31</v>
      </c>
      <c r="L268" s="29">
        <v>-74.02</v>
      </c>
      <c r="M268" t="s">
        <v>358</v>
      </c>
      <c r="N268" t="s">
        <v>32</v>
      </c>
      <c r="O268" t="s">
        <v>353</v>
      </c>
      <c r="P268" t="s">
        <v>34</v>
      </c>
      <c r="Q268" t="s">
        <v>323</v>
      </c>
      <c r="R268" t="s">
        <v>354</v>
      </c>
      <c r="U268" t="s">
        <v>359</v>
      </c>
      <c r="V268" s="30">
        <v>2023</v>
      </c>
      <c r="W268" s="31">
        <v>44985</v>
      </c>
      <c r="X268" s="32">
        <v>44985.473356481481</v>
      </c>
      <c r="Y268" t="s">
        <v>360</v>
      </c>
    </row>
    <row r="269" spans="1:25">
      <c r="A269" t="s">
        <v>25</v>
      </c>
      <c r="B269" t="s">
        <v>50</v>
      </c>
      <c r="C269" s="27">
        <v>45000</v>
      </c>
      <c r="D269" t="s">
        <v>27</v>
      </c>
      <c r="E269" t="s">
        <v>28</v>
      </c>
      <c r="F269" t="s">
        <v>316</v>
      </c>
      <c r="G269" s="28">
        <v>3</v>
      </c>
      <c r="H269" t="s">
        <v>29</v>
      </c>
      <c r="I269" t="s">
        <v>30</v>
      </c>
      <c r="K269" t="s">
        <v>31</v>
      </c>
      <c r="L269" s="29">
        <v>-235.2</v>
      </c>
      <c r="M269" t="s">
        <v>317</v>
      </c>
      <c r="N269" t="s">
        <v>32</v>
      </c>
      <c r="O269" t="s">
        <v>33</v>
      </c>
      <c r="P269" t="s">
        <v>34</v>
      </c>
      <c r="Q269" t="s">
        <v>35</v>
      </c>
      <c r="R269" t="s">
        <v>36</v>
      </c>
      <c r="U269" t="s">
        <v>37</v>
      </c>
      <c r="V269" s="30">
        <v>2023</v>
      </c>
      <c r="W269" s="31">
        <v>45015</v>
      </c>
      <c r="X269" s="32">
        <v>45015.707986111112</v>
      </c>
      <c r="Y269" t="s">
        <v>51</v>
      </c>
    </row>
    <row r="270" spans="1:25">
      <c r="A270" t="s">
        <v>25</v>
      </c>
      <c r="B270" t="s">
        <v>53</v>
      </c>
      <c r="C270" s="27">
        <v>45000</v>
      </c>
      <c r="D270" t="s">
        <v>27</v>
      </c>
      <c r="E270" t="s">
        <v>28</v>
      </c>
      <c r="F270" t="s">
        <v>316</v>
      </c>
      <c r="G270" s="28">
        <v>3</v>
      </c>
      <c r="H270" t="s">
        <v>29</v>
      </c>
      <c r="I270" t="s">
        <v>30</v>
      </c>
      <c r="K270" t="s">
        <v>31</v>
      </c>
      <c r="L270" s="29">
        <v>-620.5</v>
      </c>
      <c r="M270" t="s">
        <v>317</v>
      </c>
      <c r="N270" t="s">
        <v>32</v>
      </c>
      <c r="O270" t="s">
        <v>33</v>
      </c>
      <c r="P270" t="s">
        <v>34</v>
      </c>
      <c r="Q270" t="s">
        <v>35</v>
      </c>
      <c r="R270" t="s">
        <v>36</v>
      </c>
      <c r="U270" t="s">
        <v>37</v>
      </c>
      <c r="V270" s="30">
        <v>2023</v>
      </c>
      <c r="W270" s="31">
        <v>45013</v>
      </c>
      <c r="X270" s="32">
        <v>45013.637233796297</v>
      </c>
      <c r="Y270" t="s">
        <v>54</v>
      </c>
    </row>
    <row r="271" spans="1:25">
      <c r="A271" t="s">
        <v>25</v>
      </c>
      <c r="B271" t="s">
        <v>79</v>
      </c>
      <c r="C271" s="27">
        <v>45000</v>
      </c>
      <c r="D271" t="s">
        <v>27</v>
      </c>
      <c r="E271" t="s">
        <v>28</v>
      </c>
      <c r="F271" t="s">
        <v>316</v>
      </c>
      <c r="G271" s="28">
        <v>3</v>
      </c>
      <c r="H271" t="s">
        <v>29</v>
      </c>
      <c r="I271" t="s">
        <v>30</v>
      </c>
      <c r="K271" t="s">
        <v>31</v>
      </c>
      <c r="L271" s="29">
        <v>-877.08</v>
      </c>
      <c r="M271" t="s">
        <v>317</v>
      </c>
      <c r="N271" t="s">
        <v>32</v>
      </c>
      <c r="O271" t="s">
        <v>33</v>
      </c>
      <c r="P271" t="s">
        <v>34</v>
      </c>
      <c r="Q271" t="s">
        <v>35</v>
      </c>
      <c r="R271" t="s">
        <v>36</v>
      </c>
      <c r="U271" t="s">
        <v>37</v>
      </c>
      <c r="V271" s="30">
        <v>2023</v>
      </c>
      <c r="W271" s="31">
        <v>45013</v>
      </c>
      <c r="X271" s="32">
        <v>45013.634965277779</v>
      </c>
      <c r="Y271" t="s">
        <v>80</v>
      </c>
    </row>
    <row r="272" spans="1:25">
      <c r="A272" t="s">
        <v>25</v>
      </c>
      <c r="B272" t="s">
        <v>85</v>
      </c>
      <c r="C272" s="27">
        <v>45000</v>
      </c>
      <c r="D272" t="s">
        <v>27</v>
      </c>
      <c r="E272" t="s">
        <v>28</v>
      </c>
      <c r="F272" t="s">
        <v>316</v>
      </c>
      <c r="G272" s="28">
        <v>3</v>
      </c>
      <c r="H272" t="s">
        <v>29</v>
      </c>
      <c r="I272" t="s">
        <v>30</v>
      </c>
      <c r="K272" t="s">
        <v>31</v>
      </c>
      <c r="L272" s="29">
        <v>-1174.5999999999999</v>
      </c>
      <c r="M272" t="s">
        <v>317</v>
      </c>
      <c r="N272" t="s">
        <v>32</v>
      </c>
      <c r="O272" t="s">
        <v>33</v>
      </c>
      <c r="P272" t="s">
        <v>34</v>
      </c>
      <c r="Q272" t="s">
        <v>35</v>
      </c>
      <c r="R272" t="s">
        <v>36</v>
      </c>
      <c r="U272" t="s">
        <v>37</v>
      </c>
      <c r="V272" s="30">
        <v>2023</v>
      </c>
      <c r="W272" s="31">
        <v>45016</v>
      </c>
      <c r="X272" s="32">
        <v>45016.648252314815</v>
      </c>
      <c r="Y272" t="s">
        <v>86</v>
      </c>
    </row>
    <row r="273" spans="1:25">
      <c r="A273" t="s">
        <v>25</v>
      </c>
      <c r="B273" t="s">
        <v>87</v>
      </c>
      <c r="C273" s="27">
        <v>45000</v>
      </c>
      <c r="D273" t="s">
        <v>27</v>
      </c>
      <c r="E273" t="s">
        <v>28</v>
      </c>
      <c r="F273" t="s">
        <v>316</v>
      </c>
      <c r="G273" s="28">
        <v>3</v>
      </c>
      <c r="H273" t="s">
        <v>29</v>
      </c>
      <c r="I273" t="s">
        <v>30</v>
      </c>
      <c r="K273" t="s">
        <v>31</v>
      </c>
      <c r="L273" s="29">
        <v>-1109.8499999999999</v>
      </c>
      <c r="M273" t="s">
        <v>317</v>
      </c>
      <c r="N273" t="s">
        <v>32</v>
      </c>
      <c r="O273" t="s">
        <v>33</v>
      </c>
      <c r="P273" t="s">
        <v>34</v>
      </c>
      <c r="Q273" t="s">
        <v>35</v>
      </c>
      <c r="R273" t="s">
        <v>36</v>
      </c>
      <c r="U273" t="s">
        <v>37</v>
      </c>
      <c r="V273" s="30">
        <v>2023</v>
      </c>
      <c r="W273" s="31">
        <v>45016</v>
      </c>
      <c r="X273" s="32">
        <v>45016.648206018515</v>
      </c>
      <c r="Y273" t="s">
        <v>88</v>
      </c>
    </row>
    <row r="274" spans="1:25">
      <c r="A274" t="s">
        <v>25</v>
      </c>
      <c r="B274" t="s">
        <v>89</v>
      </c>
      <c r="C274" s="27">
        <v>45000</v>
      </c>
      <c r="D274" t="s">
        <v>27</v>
      </c>
      <c r="E274" t="s">
        <v>28</v>
      </c>
      <c r="F274" t="s">
        <v>316</v>
      </c>
      <c r="G274" s="28">
        <v>3</v>
      </c>
      <c r="H274" t="s">
        <v>29</v>
      </c>
      <c r="I274" t="s">
        <v>30</v>
      </c>
      <c r="K274" t="s">
        <v>31</v>
      </c>
      <c r="L274" s="29">
        <v>-256.85000000000002</v>
      </c>
      <c r="M274" t="s">
        <v>317</v>
      </c>
      <c r="N274" t="s">
        <v>32</v>
      </c>
      <c r="O274" t="s">
        <v>33</v>
      </c>
      <c r="P274" t="s">
        <v>34</v>
      </c>
      <c r="Q274" t="s">
        <v>35</v>
      </c>
      <c r="R274" t="s">
        <v>36</v>
      </c>
      <c r="U274" t="s">
        <v>37</v>
      </c>
      <c r="V274" s="30">
        <v>2023</v>
      </c>
      <c r="W274" s="31">
        <v>45015</v>
      </c>
      <c r="X274" s="32">
        <v>45015.708055555559</v>
      </c>
      <c r="Y274" t="s">
        <v>90</v>
      </c>
    </row>
    <row r="275" spans="1:25">
      <c r="A275" t="s">
        <v>25</v>
      </c>
      <c r="B275" t="s">
        <v>91</v>
      </c>
      <c r="C275" s="27">
        <v>45000</v>
      </c>
      <c r="D275" t="s">
        <v>27</v>
      </c>
      <c r="E275" t="s">
        <v>28</v>
      </c>
      <c r="F275" t="s">
        <v>316</v>
      </c>
      <c r="G275" s="28">
        <v>3</v>
      </c>
      <c r="H275" t="s">
        <v>29</v>
      </c>
      <c r="I275" t="s">
        <v>30</v>
      </c>
      <c r="K275" t="s">
        <v>31</v>
      </c>
      <c r="L275" s="29">
        <v>-1033.6099999999999</v>
      </c>
      <c r="M275" t="s">
        <v>317</v>
      </c>
      <c r="N275" t="s">
        <v>32</v>
      </c>
      <c r="O275" t="s">
        <v>33</v>
      </c>
      <c r="P275" t="s">
        <v>34</v>
      </c>
      <c r="Q275" t="s">
        <v>35</v>
      </c>
      <c r="R275" t="s">
        <v>36</v>
      </c>
      <c r="U275" t="s">
        <v>37</v>
      </c>
      <c r="V275" s="30">
        <v>2023</v>
      </c>
      <c r="W275" s="31">
        <v>45016</v>
      </c>
      <c r="X275" s="32">
        <v>45016.648229166669</v>
      </c>
      <c r="Y275" t="s">
        <v>92</v>
      </c>
    </row>
    <row r="276" spans="1:25">
      <c r="A276" t="s">
        <v>25</v>
      </c>
      <c r="B276" t="s">
        <v>115</v>
      </c>
      <c r="C276" s="27">
        <v>45000</v>
      </c>
      <c r="D276" t="s">
        <v>27</v>
      </c>
      <c r="E276" t="s">
        <v>28</v>
      </c>
      <c r="F276" t="s">
        <v>316</v>
      </c>
      <c r="G276" s="28">
        <v>3</v>
      </c>
      <c r="H276" t="s">
        <v>29</v>
      </c>
      <c r="I276" t="s">
        <v>30</v>
      </c>
      <c r="K276" t="s">
        <v>31</v>
      </c>
      <c r="L276" s="29">
        <v>-1384.26</v>
      </c>
      <c r="M276" t="s">
        <v>317</v>
      </c>
      <c r="N276" t="s">
        <v>32</v>
      </c>
      <c r="O276" t="s">
        <v>33</v>
      </c>
      <c r="P276" t="s">
        <v>34</v>
      </c>
      <c r="Q276" t="s">
        <v>35</v>
      </c>
      <c r="R276" t="s">
        <v>36</v>
      </c>
      <c r="U276" t="s">
        <v>37</v>
      </c>
      <c r="V276" s="30">
        <v>2023</v>
      </c>
      <c r="W276" s="31">
        <v>45013</v>
      </c>
      <c r="X276" s="32">
        <v>45013.628194444442</v>
      </c>
      <c r="Y276" t="s">
        <v>335</v>
      </c>
    </row>
    <row r="277" spans="1:25">
      <c r="A277" t="s">
        <v>25</v>
      </c>
      <c r="B277" t="s">
        <v>116</v>
      </c>
      <c r="C277" s="27">
        <v>45000</v>
      </c>
      <c r="D277" t="s">
        <v>27</v>
      </c>
      <c r="E277" t="s">
        <v>28</v>
      </c>
      <c r="F277" t="s">
        <v>316</v>
      </c>
      <c r="G277" s="28">
        <v>3</v>
      </c>
      <c r="H277" t="s">
        <v>29</v>
      </c>
      <c r="I277" t="s">
        <v>30</v>
      </c>
      <c r="K277" t="s">
        <v>31</v>
      </c>
      <c r="L277" s="29">
        <v>-430.3</v>
      </c>
      <c r="M277" t="s">
        <v>317</v>
      </c>
      <c r="N277" t="s">
        <v>32</v>
      </c>
      <c r="O277" t="s">
        <v>33</v>
      </c>
      <c r="P277" t="s">
        <v>34</v>
      </c>
      <c r="Q277" t="s">
        <v>35</v>
      </c>
      <c r="R277" t="s">
        <v>36</v>
      </c>
      <c r="U277" t="s">
        <v>37</v>
      </c>
      <c r="V277" s="30">
        <v>2023</v>
      </c>
      <c r="W277" s="31">
        <v>45015</v>
      </c>
      <c r="X277" s="32">
        <v>45015.707962962966</v>
      </c>
      <c r="Y277" t="s">
        <v>117</v>
      </c>
    </row>
    <row r="278" spans="1:25">
      <c r="A278" t="s">
        <v>25</v>
      </c>
      <c r="B278" t="s">
        <v>46</v>
      </c>
      <c r="C278" s="27">
        <v>45000</v>
      </c>
      <c r="D278" t="s">
        <v>27</v>
      </c>
      <c r="E278" t="s">
        <v>28</v>
      </c>
      <c r="F278" t="s">
        <v>316</v>
      </c>
      <c r="G278" s="28">
        <v>3</v>
      </c>
      <c r="H278" t="s">
        <v>29</v>
      </c>
      <c r="I278" t="s">
        <v>30</v>
      </c>
      <c r="K278" t="s">
        <v>31</v>
      </c>
      <c r="L278" s="29">
        <v>-643.58000000000004</v>
      </c>
      <c r="M278" t="s">
        <v>317</v>
      </c>
      <c r="N278" t="s">
        <v>32</v>
      </c>
      <c r="O278" t="s">
        <v>33</v>
      </c>
      <c r="P278" t="s">
        <v>34</v>
      </c>
      <c r="Q278" t="s">
        <v>35</v>
      </c>
      <c r="R278" t="s">
        <v>36</v>
      </c>
      <c r="U278" t="s">
        <v>37</v>
      </c>
      <c r="V278" s="30">
        <v>2023</v>
      </c>
      <c r="W278" s="31">
        <v>45015</v>
      </c>
      <c r="X278" s="32">
        <v>45015.70789351852</v>
      </c>
      <c r="Y278" t="s">
        <v>118</v>
      </c>
    </row>
    <row r="279" spans="1:25">
      <c r="A279" t="s">
        <v>25</v>
      </c>
      <c r="B279" t="s">
        <v>73</v>
      </c>
      <c r="C279" s="27">
        <v>45000</v>
      </c>
      <c r="D279" t="s">
        <v>27</v>
      </c>
      <c r="E279" t="s">
        <v>28</v>
      </c>
      <c r="F279" t="s">
        <v>316</v>
      </c>
      <c r="G279" s="28">
        <v>3</v>
      </c>
      <c r="H279" t="s">
        <v>29</v>
      </c>
      <c r="I279" t="s">
        <v>30</v>
      </c>
      <c r="K279" t="s">
        <v>31</v>
      </c>
      <c r="L279" s="29">
        <v>-802.46</v>
      </c>
      <c r="M279" t="s">
        <v>317</v>
      </c>
      <c r="N279" t="s">
        <v>32</v>
      </c>
      <c r="O279" t="s">
        <v>33</v>
      </c>
      <c r="P279" t="s">
        <v>34</v>
      </c>
      <c r="Q279" t="s">
        <v>35</v>
      </c>
      <c r="R279" t="s">
        <v>36</v>
      </c>
      <c r="U279" t="s">
        <v>37</v>
      </c>
      <c r="V279" s="30">
        <v>2023</v>
      </c>
      <c r="W279" s="31">
        <v>45015</v>
      </c>
      <c r="X279" s="32">
        <v>45015.707916666666</v>
      </c>
      <c r="Y279" t="s">
        <v>119</v>
      </c>
    </row>
    <row r="280" spans="1:25">
      <c r="A280" t="s">
        <v>25</v>
      </c>
      <c r="B280" t="s">
        <v>140</v>
      </c>
      <c r="C280" s="27">
        <v>45000</v>
      </c>
      <c r="D280" t="s">
        <v>27</v>
      </c>
      <c r="E280" t="s">
        <v>28</v>
      </c>
      <c r="F280" t="s">
        <v>316</v>
      </c>
      <c r="G280" s="28">
        <v>3</v>
      </c>
      <c r="H280" t="s">
        <v>29</v>
      </c>
      <c r="I280" t="s">
        <v>30</v>
      </c>
      <c r="K280" t="s">
        <v>31</v>
      </c>
      <c r="L280" s="29">
        <v>-987.18</v>
      </c>
      <c r="M280" t="s">
        <v>317</v>
      </c>
      <c r="N280" t="s">
        <v>32</v>
      </c>
      <c r="O280" t="s">
        <v>33</v>
      </c>
      <c r="P280" t="s">
        <v>34</v>
      </c>
      <c r="Q280" t="s">
        <v>35</v>
      </c>
      <c r="R280" t="s">
        <v>36</v>
      </c>
      <c r="U280" t="s">
        <v>37</v>
      </c>
      <c r="V280" s="30">
        <v>2023</v>
      </c>
      <c r="W280" s="31">
        <v>45015</v>
      </c>
      <c r="X280" s="32">
        <v>45015.708032407405</v>
      </c>
      <c r="Y280" t="s">
        <v>168</v>
      </c>
    </row>
    <row r="281" spans="1:25">
      <c r="A281" t="s">
        <v>25</v>
      </c>
      <c r="B281" t="s">
        <v>175</v>
      </c>
      <c r="C281" s="27">
        <v>45000</v>
      </c>
      <c r="D281" t="s">
        <v>27</v>
      </c>
      <c r="E281" t="s">
        <v>28</v>
      </c>
      <c r="F281" t="s">
        <v>316</v>
      </c>
      <c r="G281" s="28">
        <v>3</v>
      </c>
      <c r="H281" t="s">
        <v>29</v>
      </c>
      <c r="I281" t="s">
        <v>30</v>
      </c>
      <c r="K281" t="s">
        <v>31</v>
      </c>
      <c r="L281" s="29">
        <v>-453.25</v>
      </c>
      <c r="M281" t="s">
        <v>317</v>
      </c>
      <c r="N281" t="s">
        <v>32</v>
      </c>
      <c r="O281" t="s">
        <v>33</v>
      </c>
      <c r="P281" t="s">
        <v>34</v>
      </c>
      <c r="Q281" t="s">
        <v>35</v>
      </c>
      <c r="R281" t="s">
        <v>36</v>
      </c>
      <c r="U281" t="s">
        <v>37</v>
      </c>
      <c r="V281" s="30">
        <v>2023</v>
      </c>
      <c r="W281" s="31">
        <v>45015</v>
      </c>
      <c r="X281" s="32">
        <v>45015.708067129628</v>
      </c>
      <c r="Y281" t="s">
        <v>176</v>
      </c>
    </row>
    <row r="282" spans="1:25">
      <c r="A282" t="s">
        <v>25</v>
      </c>
      <c r="B282" t="s">
        <v>58</v>
      </c>
      <c r="C282" s="27">
        <v>45000</v>
      </c>
      <c r="D282" t="s">
        <v>27</v>
      </c>
      <c r="E282" t="s">
        <v>28</v>
      </c>
      <c r="F282" t="s">
        <v>316</v>
      </c>
      <c r="G282" s="28">
        <v>3</v>
      </c>
      <c r="H282" t="s">
        <v>29</v>
      </c>
      <c r="I282" t="s">
        <v>30</v>
      </c>
      <c r="K282" t="s">
        <v>31</v>
      </c>
      <c r="L282" s="29">
        <v>-1981.17</v>
      </c>
      <c r="M282" t="s">
        <v>317</v>
      </c>
      <c r="N282" t="s">
        <v>32</v>
      </c>
      <c r="O282" t="s">
        <v>33</v>
      </c>
      <c r="P282" t="s">
        <v>34</v>
      </c>
      <c r="Q282" t="s">
        <v>35</v>
      </c>
      <c r="R282" t="s">
        <v>36</v>
      </c>
      <c r="U282" t="s">
        <v>37</v>
      </c>
      <c r="V282" s="30">
        <v>2023</v>
      </c>
      <c r="W282" s="31">
        <v>45015</v>
      </c>
      <c r="X282" s="32">
        <v>45015.708113425928</v>
      </c>
      <c r="Y282" t="s">
        <v>179</v>
      </c>
    </row>
    <row r="283" spans="1:25">
      <c r="A283" t="s">
        <v>25</v>
      </c>
      <c r="B283" t="s">
        <v>186</v>
      </c>
      <c r="C283" s="27">
        <v>45000</v>
      </c>
      <c r="D283" t="s">
        <v>27</v>
      </c>
      <c r="E283" t="s">
        <v>28</v>
      </c>
      <c r="F283" t="s">
        <v>316</v>
      </c>
      <c r="G283" s="28">
        <v>3</v>
      </c>
      <c r="H283" t="s">
        <v>29</v>
      </c>
      <c r="I283" t="s">
        <v>30</v>
      </c>
      <c r="K283" t="s">
        <v>31</v>
      </c>
      <c r="L283" s="29">
        <v>-794.75</v>
      </c>
      <c r="M283" t="s">
        <v>317</v>
      </c>
      <c r="N283" t="s">
        <v>32</v>
      </c>
      <c r="O283" t="s">
        <v>33</v>
      </c>
      <c r="P283" t="s">
        <v>34</v>
      </c>
      <c r="Q283" t="s">
        <v>35</v>
      </c>
      <c r="R283" t="s">
        <v>36</v>
      </c>
      <c r="U283" t="s">
        <v>37</v>
      </c>
      <c r="V283" s="30">
        <v>2023</v>
      </c>
      <c r="W283" s="31">
        <v>45016</v>
      </c>
      <c r="X283" s="32">
        <v>45016.648275462961</v>
      </c>
      <c r="Y283" t="s">
        <v>198</v>
      </c>
    </row>
    <row r="284" spans="1:25">
      <c r="A284" t="s">
        <v>25</v>
      </c>
      <c r="B284" t="s">
        <v>213</v>
      </c>
      <c r="C284" s="27">
        <v>45000</v>
      </c>
      <c r="D284" t="s">
        <v>27</v>
      </c>
      <c r="E284" t="s">
        <v>28</v>
      </c>
      <c r="F284" t="s">
        <v>316</v>
      </c>
      <c r="G284" s="28">
        <v>3</v>
      </c>
      <c r="H284" t="s">
        <v>29</v>
      </c>
      <c r="I284" t="s">
        <v>30</v>
      </c>
      <c r="K284" t="s">
        <v>31</v>
      </c>
      <c r="L284" s="29">
        <v>-471.38</v>
      </c>
      <c r="M284" t="s">
        <v>317</v>
      </c>
      <c r="N284" t="s">
        <v>32</v>
      </c>
      <c r="O284" t="s">
        <v>33</v>
      </c>
      <c r="P284" t="s">
        <v>34</v>
      </c>
      <c r="Q284" t="s">
        <v>35</v>
      </c>
      <c r="R284" t="s">
        <v>36</v>
      </c>
      <c r="U284" t="s">
        <v>37</v>
      </c>
      <c r="V284" s="30">
        <v>2023</v>
      </c>
      <c r="W284" s="31">
        <v>45015</v>
      </c>
      <c r="X284" s="32">
        <v>45015.707939814813</v>
      </c>
      <c r="Y284" t="s">
        <v>214</v>
      </c>
    </row>
    <row r="285" spans="1:25">
      <c r="A285" t="s">
        <v>25</v>
      </c>
      <c r="B285" t="s">
        <v>63</v>
      </c>
      <c r="C285" s="27">
        <v>45000</v>
      </c>
      <c r="D285" t="s">
        <v>27</v>
      </c>
      <c r="E285" t="s">
        <v>28</v>
      </c>
      <c r="F285" t="s">
        <v>316</v>
      </c>
      <c r="G285" s="28">
        <v>3</v>
      </c>
      <c r="H285" t="s">
        <v>29</v>
      </c>
      <c r="I285" t="s">
        <v>30</v>
      </c>
      <c r="K285" t="s">
        <v>31</v>
      </c>
      <c r="L285" s="29">
        <v>-1785.25</v>
      </c>
      <c r="M285" t="s">
        <v>317</v>
      </c>
      <c r="N285" t="s">
        <v>32</v>
      </c>
      <c r="O285" t="s">
        <v>33</v>
      </c>
      <c r="P285" t="s">
        <v>34</v>
      </c>
      <c r="Q285" t="s">
        <v>35</v>
      </c>
      <c r="R285" t="s">
        <v>36</v>
      </c>
      <c r="U285" t="s">
        <v>37</v>
      </c>
      <c r="V285" s="30">
        <v>2023</v>
      </c>
      <c r="W285" s="31">
        <v>45015</v>
      </c>
      <c r="X285" s="32">
        <v>45015.708090277774</v>
      </c>
      <c r="Y285" t="s">
        <v>215</v>
      </c>
    </row>
    <row r="286" spans="1:25">
      <c r="A286" t="s">
        <v>25</v>
      </c>
      <c r="B286" t="s">
        <v>136</v>
      </c>
      <c r="C286" s="27">
        <v>45000</v>
      </c>
      <c r="D286" t="s">
        <v>27</v>
      </c>
      <c r="E286" t="s">
        <v>28</v>
      </c>
      <c r="F286" t="s">
        <v>316</v>
      </c>
      <c r="G286" s="28">
        <v>3</v>
      </c>
      <c r="H286" t="s">
        <v>29</v>
      </c>
      <c r="I286" t="s">
        <v>30</v>
      </c>
      <c r="K286" t="s">
        <v>31</v>
      </c>
      <c r="L286" s="29">
        <v>-831.75</v>
      </c>
      <c r="M286" t="s">
        <v>317</v>
      </c>
      <c r="N286" t="s">
        <v>32</v>
      </c>
      <c r="O286" t="s">
        <v>33</v>
      </c>
      <c r="P286" t="s">
        <v>34</v>
      </c>
      <c r="Q286" t="s">
        <v>35</v>
      </c>
      <c r="R286" t="s">
        <v>36</v>
      </c>
      <c r="U286" t="s">
        <v>37</v>
      </c>
      <c r="V286" s="30">
        <v>2023</v>
      </c>
      <c r="W286" s="31">
        <v>45016</v>
      </c>
      <c r="X286" s="32">
        <v>45016.648287037038</v>
      </c>
      <c r="Y286" t="s">
        <v>216</v>
      </c>
    </row>
    <row r="287" spans="1:25">
      <c r="A287" t="s">
        <v>25</v>
      </c>
      <c r="B287" t="s">
        <v>191</v>
      </c>
      <c r="C287" s="27">
        <v>45000</v>
      </c>
      <c r="D287" t="s">
        <v>27</v>
      </c>
      <c r="E287" t="s">
        <v>28</v>
      </c>
      <c r="F287" t="s">
        <v>316</v>
      </c>
      <c r="G287" s="28">
        <v>3</v>
      </c>
      <c r="H287" t="s">
        <v>29</v>
      </c>
      <c r="I287" t="s">
        <v>30</v>
      </c>
      <c r="K287" t="s">
        <v>31</v>
      </c>
      <c r="L287" s="29">
        <v>-671.35</v>
      </c>
      <c r="M287" t="s">
        <v>317</v>
      </c>
      <c r="N287" t="s">
        <v>32</v>
      </c>
      <c r="O287" t="s">
        <v>33</v>
      </c>
      <c r="P287" t="s">
        <v>34</v>
      </c>
      <c r="Q287" t="s">
        <v>35</v>
      </c>
      <c r="R287" t="s">
        <v>36</v>
      </c>
      <c r="U287" t="s">
        <v>37</v>
      </c>
      <c r="V287" s="30">
        <v>2023</v>
      </c>
      <c r="W287" s="31">
        <v>45019</v>
      </c>
      <c r="X287" s="32">
        <v>45019.498148148145</v>
      </c>
      <c r="Y287" t="s">
        <v>217</v>
      </c>
    </row>
    <row r="288" spans="1:25">
      <c r="A288" t="s">
        <v>25</v>
      </c>
      <c r="B288" t="s">
        <v>141</v>
      </c>
      <c r="C288" s="27">
        <v>45000</v>
      </c>
      <c r="D288" t="s">
        <v>27</v>
      </c>
      <c r="E288" t="s">
        <v>28</v>
      </c>
      <c r="F288" t="s">
        <v>316</v>
      </c>
      <c r="G288" s="28">
        <v>3</v>
      </c>
      <c r="H288" t="s">
        <v>29</v>
      </c>
      <c r="I288" t="s">
        <v>30</v>
      </c>
      <c r="K288" t="s">
        <v>31</v>
      </c>
      <c r="L288" s="29">
        <v>-568.96</v>
      </c>
      <c r="M288" t="s">
        <v>317</v>
      </c>
      <c r="N288" t="s">
        <v>32</v>
      </c>
      <c r="O288" t="s">
        <v>33</v>
      </c>
      <c r="P288" t="s">
        <v>34</v>
      </c>
      <c r="Q288" t="s">
        <v>35</v>
      </c>
      <c r="R288" t="s">
        <v>36</v>
      </c>
      <c r="U288" t="s">
        <v>37</v>
      </c>
      <c r="V288" s="30">
        <v>2023</v>
      </c>
      <c r="W288" s="31">
        <v>45015</v>
      </c>
      <c r="X288" s="32">
        <v>45015.708009259259</v>
      </c>
      <c r="Y288" t="s">
        <v>223</v>
      </c>
    </row>
    <row r="289" spans="1:25">
      <c r="A289" t="s">
        <v>25</v>
      </c>
      <c r="B289" t="s">
        <v>110</v>
      </c>
      <c r="C289" s="27">
        <v>45000</v>
      </c>
      <c r="D289" t="s">
        <v>27</v>
      </c>
      <c r="E289" t="s">
        <v>28</v>
      </c>
      <c r="F289" t="s">
        <v>316</v>
      </c>
      <c r="G289" s="28">
        <v>3</v>
      </c>
      <c r="H289" t="s">
        <v>29</v>
      </c>
      <c r="I289" t="s">
        <v>30</v>
      </c>
      <c r="K289" t="s">
        <v>31</v>
      </c>
      <c r="L289" s="29">
        <v>-1708.36</v>
      </c>
      <c r="M289" t="s">
        <v>317</v>
      </c>
      <c r="N289" t="s">
        <v>32</v>
      </c>
      <c r="O289" t="s">
        <v>33</v>
      </c>
      <c r="P289" t="s">
        <v>34</v>
      </c>
      <c r="Q289" t="s">
        <v>35</v>
      </c>
      <c r="R289" t="s">
        <v>36</v>
      </c>
      <c r="U289" t="s">
        <v>37</v>
      </c>
      <c r="V289" s="30">
        <v>2023</v>
      </c>
      <c r="W289" s="31">
        <v>45013</v>
      </c>
      <c r="X289" s="32">
        <v>45013.634942129633</v>
      </c>
      <c r="Y289" t="s">
        <v>264</v>
      </c>
    </row>
    <row r="290" spans="1:25">
      <c r="A290" t="s">
        <v>25</v>
      </c>
      <c r="B290" t="s">
        <v>265</v>
      </c>
      <c r="C290" s="27">
        <v>45000</v>
      </c>
      <c r="D290" t="s">
        <v>27</v>
      </c>
      <c r="E290" t="s">
        <v>28</v>
      </c>
      <c r="F290" t="s">
        <v>316</v>
      </c>
      <c r="G290" s="28">
        <v>3</v>
      </c>
      <c r="H290" t="s">
        <v>29</v>
      </c>
      <c r="I290" t="s">
        <v>30</v>
      </c>
      <c r="K290" t="s">
        <v>31</v>
      </c>
      <c r="L290" s="29">
        <v>-469.93</v>
      </c>
      <c r="M290" t="s">
        <v>317</v>
      </c>
      <c r="N290" t="s">
        <v>32</v>
      </c>
      <c r="O290" t="s">
        <v>33</v>
      </c>
      <c r="P290" t="s">
        <v>34</v>
      </c>
      <c r="Q290" t="s">
        <v>35</v>
      </c>
      <c r="R290" t="s">
        <v>36</v>
      </c>
      <c r="U290" t="s">
        <v>37</v>
      </c>
      <c r="V290" s="30">
        <v>2023</v>
      </c>
      <c r="W290" s="31">
        <v>45015</v>
      </c>
      <c r="X290" s="32">
        <v>45015.707858796297</v>
      </c>
      <c r="Y290" t="s">
        <v>266</v>
      </c>
    </row>
    <row r="291" spans="1:25">
      <c r="A291" t="s">
        <v>25</v>
      </c>
      <c r="B291" t="s">
        <v>185</v>
      </c>
      <c r="C291" s="27">
        <v>45000</v>
      </c>
      <c r="D291" t="s">
        <v>27</v>
      </c>
      <c r="E291" t="s">
        <v>28</v>
      </c>
      <c r="F291" t="s">
        <v>316</v>
      </c>
      <c r="G291" s="28">
        <v>3</v>
      </c>
      <c r="H291" t="s">
        <v>29</v>
      </c>
      <c r="I291" t="s">
        <v>30</v>
      </c>
      <c r="K291" t="s">
        <v>31</v>
      </c>
      <c r="L291" s="29">
        <v>-475.55</v>
      </c>
      <c r="M291" t="s">
        <v>317</v>
      </c>
      <c r="N291" t="s">
        <v>32</v>
      </c>
      <c r="O291" t="s">
        <v>33</v>
      </c>
      <c r="P291" t="s">
        <v>34</v>
      </c>
      <c r="Q291" t="s">
        <v>35</v>
      </c>
      <c r="R291" t="s">
        <v>36</v>
      </c>
      <c r="U291" t="s">
        <v>37</v>
      </c>
      <c r="V291" s="30">
        <v>2023</v>
      </c>
      <c r="W291" s="31">
        <v>45019</v>
      </c>
      <c r="X291" s="32">
        <v>45019.498182870368</v>
      </c>
      <c r="Y291" t="s">
        <v>267</v>
      </c>
    </row>
    <row r="292" spans="1:25">
      <c r="A292" t="s">
        <v>25</v>
      </c>
      <c r="B292" t="s">
        <v>318</v>
      </c>
      <c r="C292" s="27">
        <v>45016</v>
      </c>
      <c r="D292" t="s">
        <v>27</v>
      </c>
      <c r="E292" t="s">
        <v>28</v>
      </c>
      <c r="F292" t="s">
        <v>316</v>
      </c>
      <c r="G292" s="28">
        <v>3</v>
      </c>
      <c r="H292" t="s">
        <v>319</v>
      </c>
      <c r="I292" t="s">
        <v>320</v>
      </c>
      <c r="K292" t="s">
        <v>31</v>
      </c>
      <c r="L292" s="29">
        <v>9409.98</v>
      </c>
      <c r="M292" t="s">
        <v>321</v>
      </c>
      <c r="N292" t="s">
        <v>322</v>
      </c>
      <c r="O292" t="s">
        <v>33</v>
      </c>
      <c r="P292" t="s">
        <v>34</v>
      </c>
      <c r="Q292" t="s">
        <v>323</v>
      </c>
      <c r="R292" t="s">
        <v>36</v>
      </c>
      <c r="U292" t="s">
        <v>331</v>
      </c>
      <c r="V292" s="30">
        <v>2023</v>
      </c>
      <c r="W292" s="31">
        <v>45023</v>
      </c>
      <c r="X292" s="32">
        <v>45023.472824074073</v>
      </c>
      <c r="Y292" t="s">
        <v>332</v>
      </c>
    </row>
    <row r="293" spans="1:25">
      <c r="A293" t="s">
        <v>349</v>
      </c>
      <c r="B293" t="s">
        <v>350</v>
      </c>
      <c r="C293" s="27">
        <v>45016</v>
      </c>
      <c r="D293" t="s">
        <v>27</v>
      </c>
      <c r="E293" t="s">
        <v>28</v>
      </c>
      <c r="F293" t="s">
        <v>316</v>
      </c>
      <c r="G293" s="28">
        <v>3</v>
      </c>
      <c r="H293" t="s">
        <v>351</v>
      </c>
      <c r="I293" t="s">
        <v>30</v>
      </c>
      <c r="K293" t="s">
        <v>31</v>
      </c>
      <c r="L293" s="29">
        <v>0</v>
      </c>
      <c r="M293" t="s">
        <v>352</v>
      </c>
      <c r="N293" t="s">
        <v>32</v>
      </c>
      <c r="O293" t="s">
        <v>353</v>
      </c>
      <c r="P293" t="s">
        <v>34</v>
      </c>
      <c r="Q293" t="s">
        <v>323</v>
      </c>
      <c r="R293" t="s">
        <v>354</v>
      </c>
      <c r="U293" t="s">
        <v>359</v>
      </c>
      <c r="V293" s="30">
        <v>2023</v>
      </c>
      <c r="W293" s="31">
        <v>45019</v>
      </c>
      <c r="X293" s="32">
        <v>45019.535914351851</v>
      </c>
      <c r="Y293" t="s">
        <v>356</v>
      </c>
    </row>
    <row r="294" spans="1:25">
      <c r="A294" t="s">
        <v>349</v>
      </c>
      <c r="B294" t="s">
        <v>357</v>
      </c>
      <c r="C294" s="27">
        <v>45016</v>
      </c>
      <c r="D294" t="s">
        <v>27</v>
      </c>
      <c r="E294" t="s">
        <v>28</v>
      </c>
      <c r="F294" t="s">
        <v>316</v>
      </c>
      <c r="G294" s="28">
        <v>3</v>
      </c>
      <c r="H294" t="s">
        <v>351</v>
      </c>
      <c r="I294" t="s">
        <v>30</v>
      </c>
      <c r="K294" t="s">
        <v>31</v>
      </c>
      <c r="L294" s="29">
        <v>-74.02</v>
      </c>
      <c r="M294" t="s">
        <v>358</v>
      </c>
      <c r="N294" t="s">
        <v>32</v>
      </c>
      <c r="O294" t="s">
        <v>353</v>
      </c>
      <c r="P294" t="s">
        <v>34</v>
      </c>
      <c r="Q294" t="s">
        <v>323</v>
      </c>
      <c r="R294" t="s">
        <v>354</v>
      </c>
      <c r="U294" t="s">
        <v>359</v>
      </c>
      <c r="V294" s="30">
        <v>2023</v>
      </c>
      <c r="W294" s="31">
        <v>45019</v>
      </c>
      <c r="X294" s="32">
        <v>45019.536192129628</v>
      </c>
      <c r="Y294" t="s">
        <v>360</v>
      </c>
    </row>
  </sheetData>
  <autoFilter ref="A1:Y294" xr:uid="{00000000-0001-0000-0000-000000000000}">
    <sortState xmlns:xlrd2="http://schemas.microsoft.com/office/spreadsheetml/2017/richdata2" ref="A2:Y294">
      <sortCondition ref="F1:F294"/>
    </sortState>
  </autoFilter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EC9F73-01C0-44D1-815C-0D46BCC5A073}">
  <dimension ref="A1:Y253"/>
  <sheetViews>
    <sheetView workbookViewId="0">
      <selection activeCell="B27" sqref="B27"/>
    </sheetView>
  </sheetViews>
  <sheetFormatPr defaultColWidth="10.26953125" defaultRowHeight="14.5"/>
  <cols>
    <col min="1" max="1" width="13.81640625" customWidth="1"/>
    <col min="2" max="2" width="25.26953125" customWidth="1"/>
    <col min="3" max="3" width="25.26953125" style="31" customWidth="1"/>
    <col min="4" max="4" width="13.81640625" customWidth="1"/>
    <col min="5" max="5" width="34.453125" customWidth="1"/>
    <col min="6" max="6" width="25.26953125" customWidth="1"/>
    <col min="7" max="7" width="13.81640625" style="30" customWidth="1"/>
    <col min="8" max="8" width="25.26953125" customWidth="1"/>
    <col min="9" max="9" width="36.81640625" customWidth="1"/>
    <col min="10" max="10" width="20.7265625" customWidth="1"/>
    <col min="11" max="11" width="18.453125" customWidth="1"/>
    <col min="12" max="12" width="66.7265625" style="29" customWidth="1"/>
    <col min="13" max="13" width="71.26953125" customWidth="1"/>
    <col min="14" max="14" width="25.26953125" customWidth="1"/>
    <col min="15" max="15" width="36.81640625" customWidth="1"/>
    <col min="16" max="16" width="16.1796875" customWidth="1"/>
    <col min="17" max="17" width="20.7265625" customWidth="1"/>
    <col min="18" max="18" width="16.1796875" customWidth="1"/>
    <col min="19" max="20" width="25.26953125" customWidth="1"/>
    <col min="21" max="21" width="71.26953125" customWidth="1"/>
    <col min="22" max="22" width="11.453125" style="30" customWidth="1"/>
    <col min="23" max="23" width="25.26953125" style="31" customWidth="1"/>
    <col min="24" max="24" width="62.1796875" style="32" customWidth="1"/>
    <col min="25" max="25" width="92" customWidth="1"/>
  </cols>
  <sheetData>
    <row r="1" spans="1:25" ht="15.5" thickTop="1" thickBot="1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1" t="s">
        <v>5</v>
      </c>
      <c r="G1" s="1" t="s">
        <v>6</v>
      </c>
      <c r="H1" s="1" t="s">
        <v>7</v>
      </c>
      <c r="I1" s="1" t="s">
        <v>8</v>
      </c>
      <c r="J1" s="1" t="s">
        <v>9</v>
      </c>
      <c r="K1" s="1" t="s">
        <v>10</v>
      </c>
      <c r="L1" s="1" t="s">
        <v>11</v>
      </c>
      <c r="M1" s="1" t="s">
        <v>12</v>
      </c>
      <c r="N1" s="1" t="s">
        <v>13</v>
      </c>
      <c r="O1" s="1" t="s">
        <v>14</v>
      </c>
      <c r="P1" s="1" t="s">
        <v>15</v>
      </c>
      <c r="Q1" s="1" t="s">
        <v>16</v>
      </c>
      <c r="R1" s="1" t="s">
        <v>17</v>
      </c>
      <c r="S1" s="1" t="s">
        <v>18</v>
      </c>
      <c r="T1" s="1" t="s">
        <v>19</v>
      </c>
      <c r="U1" s="1" t="s">
        <v>20</v>
      </c>
      <c r="V1" s="1" t="s">
        <v>21</v>
      </c>
      <c r="W1" s="1" t="s">
        <v>22</v>
      </c>
      <c r="X1" s="1" t="s">
        <v>23</v>
      </c>
      <c r="Y1" s="1" t="s">
        <v>24</v>
      </c>
    </row>
    <row r="2" spans="1:25" ht="15" thickTop="1">
      <c r="A2" t="s">
        <v>25</v>
      </c>
      <c r="B2" t="s">
        <v>42</v>
      </c>
      <c r="C2" s="31">
        <v>44666</v>
      </c>
      <c r="D2" t="s">
        <v>27</v>
      </c>
      <c r="E2" t="s">
        <v>28</v>
      </c>
      <c r="F2" t="s">
        <v>400</v>
      </c>
      <c r="G2" s="30">
        <v>4</v>
      </c>
      <c r="H2" t="s">
        <v>29</v>
      </c>
      <c r="I2" t="s">
        <v>30</v>
      </c>
      <c r="K2" t="s">
        <v>31</v>
      </c>
      <c r="L2" s="29">
        <v>-36907.35</v>
      </c>
      <c r="M2" t="s">
        <v>401</v>
      </c>
      <c r="N2" t="s">
        <v>32</v>
      </c>
      <c r="O2" t="s">
        <v>33</v>
      </c>
      <c r="P2" t="s">
        <v>34</v>
      </c>
      <c r="Q2" t="s">
        <v>35</v>
      </c>
      <c r="R2" t="s">
        <v>36</v>
      </c>
      <c r="U2" t="s">
        <v>37</v>
      </c>
      <c r="V2" s="30">
        <v>2022</v>
      </c>
      <c r="W2" s="31">
        <v>44673</v>
      </c>
      <c r="X2" s="32">
        <v>44673.693796296298</v>
      </c>
      <c r="Y2" t="s">
        <v>38</v>
      </c>
    </row>
    <row r="3" spans="1:25">
      <c r="A3" t="s">
        <v>25</v>
      </c>
      <c r="B3" t="s">
        <v>43</v>
      </c>
      <c r="C3" s="31">
        <v>44666</v>
      </c>
      <c r="D3" t="s">
        <v>27</v>
      </c>
      <c r="E3" t="s">
        <v>28</v>
      </c>
      <c r="F3" t="s">
        <v>400</v>
      </c>
      <c r="G3" s="30">
        <v>4</v>
      </c>
      <c r="H3" t="s">
        <v>29</v>
      </c>
      <c r="I3" t="s">
        <v>30</v>
      </c>
      <c r="K3" t="s">
        <v>31</v>
      </c>
      <c r="L3" s="29">
        <v>2490.1</v>
      </c>
      <c r="M3" t="s">
        <v>401</v>
      </c>
      <c r="N3" t="s">
        <v>32</v>
      </c>
      <c r="O3" t="s">
        <v>33</v>
      </c>
      <c r="P3" t="s">
        <v>34</v>
      </c>
      <c r="Q3" t="s">
        <v>35</v>
      </c>
      <c r="R3" t="s">
        <v>36</v>
      </c>
      <c r="U3" t="s">
        <v>37</v>
      </c>
      <c r="V3" s="30">
        <v>2022</v>
      </c>
      <c r="W3" s="31">
        <v>44673</v>
      </c>
      <c r="X3" s="32">
        <v>44673.693796296298</v>
      </c>
      <c r="Y3" t="s">
        <v>38</v>
      </c>
    </row>
    <row r="4" spans="1:25">
      <c r="A4" t="s">
        <v>25</v>
      </c>
      <c r="B4" t="s">
        <v>44</v>
      </c>
      <c r="C4" s="31">
        <v>44666</v>
      </c>
      <c r="D4" t="s">
        <v>27</v>
      </c>
      <c r="E4" t="s">
        <v>28</v>
      </c>
      <c r="F4" t="s">
        <v>400</v>
      </c>
      <c r="G4" s="30">
        <v>4</v>
      </c>
      <c r="H4" t="s">
        <v>29</v>
      </c>
      <c r="I4" t="s">
        <v>30</v>
      </c>
      <c r="K4" t="s">
        <v>31</v>
      </c>
      <c r="L4" s="29">
        <v>-15912.51</v>
      </c>
      <c r="M4" t="s">
        <v>401</v>
      </c>
      <c r="N4" t="s">
        <v>32</v>
      </c>
      <c r="O4" t="s">
        <v>33</v>
      </c>
      <c r="P4" t="s">
        <v>34</v>
      </c>
      <c r="Q4" t="s">
        <v>35</v>
      </c>
      <c r="R4" t="s">
        <v>36</v>
      </c>
      <c r="U4" t="s">
        <v>37</v>
      </c>
      <c r="V4" s="30">
        <v>2022</v>
      </c>
      <c r="W4" s="31">
        <v>44673</v>
      </c>
      <c r="X4" s="32">
        <v>44673.693784722222</v>
      </c>
      <c r="Y4" t="s">
        <v>38</v>
      </c>
    </row>
    <row r="5" spans="1:25">
      <c r="A5" t="s">
        <v>25</v>
      </c>
      <c r="B5" t="s">
        <v>93</v>
      </c>
      <c r="C5" s="31">
        <v>44666</v>
      </c>
      <c r="D5" t="s">
        <v>27</v>
      </c>
      <c r="E5" t="s">
        <v>28</v>
      </c>
      <c r="F5" t="s">
        <v>400</v>
      </c>
      <c r="G5" s="30">
        <v>4</v>
      </c>
      <c r="H5" t="s">
        <v>29</v>
      </c>
      <c r="I5" t="s">
        <v>30</v>
      </c>
      <c r="K5" t="s">
        <v>31</v>
      </c>
      <c r="L5" s="29">
        <v>-2980.44</v>
      </c>
      <c r="M5" t="s">
        <v>401</v>
      </c>
      <c r="N5" t="s">
        <v>32</v>
      </c>
      <c r="O5" t="s">
        <v>33</v>
      </c>
      <c r="P5" t="s">
        <v>34</v>
      </c>
      <c r="Q5" t="s">
        <v>35</v>
      </c>
      <c r="R5" t="s">
        <v>36</v>
      </c>
      <c r="U5" t="s">
        <v>37</v>
      </c>
      <c r="V5" s="30">
        <v>2022</v>
      </c>
      <c r="W5" s="31">
        <v>44665</v>
      </c>
      <c r="X5" s="32">
        <v>44665.331944444442</v>
      </c>
      <c r="Y5" t="s">
        <v>38</v>
      </c>
    </row>
    <row r="6" spans="1:25">
      <c r="A6" t="s">
        <v>25</v>
      </c>
      <c r="B6" t="s">
        <v>72</v>
      </c>
      <c r="C6" s="31">
        <v>44666</v>
      </c>
      <c r="D6" t="s">
        <v>27</v>
      </c>
      <c r="E6" t="s">
        <v>28</v>
      </c>
      <c r="F6" t="s">
        <v>400</v>
      </c>
      <c r="G6" s="30">
        <v>4</v>
      </c>
      <c r="H6" t="s">
        <v>29</v>
      </c>
      <c r="I6" t="s">
        <v>30</v>
      </c>
      <c r="K6" t="s">
        <v>31</v>
      </c>
      <c r="L6" s="29">
        <v>-14814.03</v>
      </c>
      <c r="M6" t="s">
        <v>401</v>
      </c>
      <c r="N6" t="s">
        <v>32</v>
      </c>
      <c r="O6" t="s">
        <v>33</v>
      </c>
      <c r="P6" t="s">
        <v>34</v>
      </c>
      <c r="Q6" t="s">
        <v>35</v>
      </c>
      <c r="R6" t="s">
        <v>36</v>
      </c>
      <c r="U6" t="s">
        <v>37</v>
      </c>
      <c r="V6" s="30">
        <v>2022</v>
      </c>
      <c r="W6" s="31">
        <v>44673</v>
      </c>
      <c r="X6" s="32">
        <v>44673.693773148145</v>
      </c>
      <c r="Y6" t="s">
        <v>38</v>
      </c>
    </row>
    <row r="7" spans="1:25">
      <c r="A7" t="s">
        <v>25</v>
      </c>
      <c r="B7" t="s">
        <v>127</v>
      </c>
      <c r="C7" s="31">
        <v>44666</v>
      </c>
      <c r="D7" t="s">
        <v>27</v>
      </c>
      <c r="E7" t="s">
        <v>28</v>
      </c>
      <c r="F7" t="s">
        <v>400</v>
      </c>
      <c r="G7" s="30">
        <v>4</v>
      </c>
      <c r="H7" t="s">
        <v>29</v>
      </c>
      <c r="I7" t="s">
        <v>30</v>
      </c>
      <c r="K7" t="s">
        <v>31</v>
      </c>
      <c r="L7" s="29">
        <v>1064.8699999999999</v>
      </c>
      <c r="M7" t="s">
        <v>401</v>
      </c>
      <c r="N7" t="s">
        <v>32</v>
      </c>
      <c r="O7" t="s">
        <v>33</v>
      </c>
      <c r="P7" t="s">
        <v>34</v>
      </c>
      <c r="Q7" t="s">
        <v>35</v>
      </c>
      <c r="R7" t="s">
        <v>36</v>
      </c>
      <c r="U7" t="s">
        <v>37</v>
      </c>
      <c r="V7" s="30">
        <v>2022</v>
      </c>
      <c r="W7" s="31">
        <v>44665</v>
      </c>
      <c r="X7" s="32">
        <v>44665.331956018519</v>
      </c>
      <c r="Y7" t="s">
        <v>38</v>
      </c>
    </row>
    <row r="8" spans="1:25">
      <c r="A8" t="s">
        <v>25</v>
      </c>
      <c r="B8" t="s">
        <v>95</v>
      </c>
      <c r="C8" s="31">
        <v>44666</v>
      </c>
      <c r="D8" t="s">
        <v>27</v>
      </c>
      <c r="E8" t="s">
        <v>28</v>
      </c>
      <c r="F8" t="s">
        <v>400</v>
      </c>
      <c r="G8" s="30">
        <v>4</v>
      </c>
      <c r="H8" t="s">
        <v>29</v>
      </c>
      <c r="I8" t="s">
        <v>30</v>
      </c>
      <c r="K8" t="s">
        <v>31</v>
      </c>
      <c r="L8" s="29">
        <v>-8103.26</v>
      </c>
      <c r="M8" t="s">
        <v>401</v>
      </c>
      <c r="N8" t="s">
        <v>32</v>
      </c>
      <c r="O8" t="s">
        <v>33</v>
      </c>
      <c r="P8" t="s">
        <v>34</v>
      </c>
      <c r="Q8" t="s">
        <v>35</v>
      </c>
      <c r="R8" t="s">
        <v>36</v>
      </c>
      <c r="U8" t="s">
        <v>37</v>
      </c>
      <c r="V8" s="30">
        <v>2022</v>
      </c>
      <c r="W8" s="31">
        <v>44680</v>
      </c>
      <c r="X8" s="32">
        <v>44680.681296296294</v>
      </c>
      <c r="Y8" t="s">
        <v>38</v>
      </c>
    </row>
    <row r="9" spans="1:25">
      <c r="A9" t="s">
        <v>25</v>
      </c>
      <c r="B9" t="s">
        <v>142</v>
      </c>
      <c r="C9" s="31">
        <v>44666</v>
      </c>
      <c r="D9" t="s">
        <v>27</v>
      </c>
      <c r="E9" t="s">
        <v>28</v>
      </c>
      <c r="F9" t="s">
        <v>400</v>
      </c>
      <c r="G9" s="30">
        <v>4</v>
      </c>
      <c r="H9" t="s">
        <v>29</v>
      </c>
      <c r="I9" t="s">
        <v>30</v>
      </c>
      <c r="K9" t="s">
        <v>31</v>
      </c>
      <c r="L9" s="29">
        <v>-1032.24</v>
      </c>
      <c r="M9" t="s">
        <v>401</v>
      </c>
      <c r="N9" t="s">
        <v>32</v>
      </c>
      <c r="O9" t="s">
        <v>33</v>
      </c>
      <c r="P9" t="s">
        <v>34</v>
      </c>
      <c r="Q9" t="s">
        <v>35</v>
      </c>
      <c r="R9" t="s">
        <v>36</v>
      </c>
      <c r="U9" t="s">
        <v>37</v>
      </c>
      <c r="V9" s="30">
        <v>2022</v>
      </c>
      <c r="W9" s="31">
        <v>44680</v>
      </c>
      <c r="X9" s="32">
        <v>44680.681273148148</v>
      </c>
      <c r="Y9" t="s">
        <v>38</v>
      </c>
    </row>
    <row r="10" spans="1:25">
      <c r="A10" t="s">
        <v>25</v>
      </c>
      <c r="B10" t="s">
        <v>261</v>
      </c>
      <c r="C10" s="31">
        <v>44666</v>
      </c>
      <c r="D10" t="s">
        <v>27</v>
      </c>
      <c r="E10" t="s">
        <v>28</v>
      </c>
      <c r="F10" t="s">
        <v>400</v>
      </c>
      <c r="G10" s="30">
        <v>4</v>
      </c>
      <c r="H10" t="s">
        <v>29</v>
      </c>
      <c r="I10" t="s">
        <v>30</v>
      </c>
      <c r="K10" t="s">
        <v>31</v>
      </c>
      <c r="L10" s="29">
        <v>-6689.4</v>
      </c>
      <c r="M10" t="s">
        <v>401</v>
      </c>
      <c r="N10" t="s">
        <v>32</v>
      </c>
      <c r="O10" t="s">
        <v>33</v>
      </c>
      <c r="P10" t="s">
        <v>34</v>
      </c>
      <c r="Q10" t="s">
        <v>35</v>
      </c>
      <c r="R10" t="s">
        <v>36</v>
      </c>
      <c r="U10" t="s">
        <v>37</v>
      </c>
      <c r="V10" s="30">
        <v>2022</v>
      </c>
      <c r="W10" s="31">
        <v>44683</v>
      </c>
      <c r="X10" s="32">
        <v>44683.60670138889</v>
      </c>
      <c r="Y10" t="s">
        <v>38</v>
      </c>
    </row>
    <row r="11" spans="1:25">
      <c r="A11" t="s">
        <v>25</v>
      </c>
      <c r="B11" t="s">
        <v>271</v>
      </c>
      <c r="C11" s="31">
        <v>44666</v>
      </c>
      <c r="D11" t="s">
        <v>27</v>
      </c>
      <c r="E11" t="s">
        <v>28</v>
      </c>
      <c r="F11" t="s">
        <v>400</v>
      </c>
      <c r="G11" s="30">
        <v>4</v>
      </c>
      <c r="H11" t="s">
        <v>29</v>
      </c>
      <c r="I11" t="s">
        <v>30</v>
      </c>
      <c r="K11" t="s">
        <v>31</v>
      </c>
      <c r="L11" s="29">
        <v>-4063.97</v>
      </c>
      <c r="M11" t="s">
        <v>401</v>
      </c>
      <c r="N11" t="s">
        <v>32</v>
      </c>
      <c r="O11" t="s">
        <v>33</v>
      </c>
      <c r="P11" t="s">
        <v>34</v>
      </c>
      <c r="Q11" t="s">
        <v>35</v>
      </c>
      <c r="R11" t="s">
        <v>36</v>
      </c>
      <c r="U11" t="s">
        <v>37</v>
      </c>
      <c r="V11" s="30">
        <v>2022</v>
      </c>
      <c r="W11" s="31">
        <v>44683</v>
      </c>
      <c r="X11" s="32">
        <v>44683.606689814813</v>
      </c>
      <c r="Y11" t="s">
        <v>38</v>
      </c>
    </row>
    <row r="12" spans="1:25">
      <c r="A12" t="s">
        <v>25</v>
      </c>
      <c r="B12" t="s">
        <v>286</v>
      </c>
      <c r="C12" s="31">
        <v>44666</v>
      </c>
      <c r="D12" t="s">
        <v>27</v>
      </c>
      <c r="E12" t="s">
        <v>28</v>
      </c>
      <c r="F12" t="s">
        <v>400</v>
      </c>
      <c r="G12" s="30">
        <v>4</v>
      </c>
      <c r="H12" t="s">
        <v>29</v>
      </c>
      <c r="I12" t="s">
        <v>30</v>
      </c>
      <c r="K12" t="s">
        <v>31</v>
      </c>
      <c r="L12" s="29">
        <v>-8683.61</v>
      </c>
      <c r="M12" t="s">
        <v>401</v>
      </c>
      <c r="N12" t="s">
        <v>32</v>
      </c>
      <c r="O12" t="s">
        <v>33</v>
      </c>
      <c r="P12" t="s">
        <v>34</v>
      </c>
      <c r="Q12" t="s">
        <v>35</v>
      </c>
      <c r="R12" t="s">
        <v>36</v>
      </c>
      <c r="U12" t="s">
        <v>37</v>
      </c>
      <c r="V12" s="30">
        <v>2022</v>
      </c>
      <c r="W12" s="31">
        <v>44665</v>
      </c>
      <c r="X12" s="32">
        <v>44665.331909722219</v>
      </c>
      <c r="Y12" t="s">
        <v>38</v>
      </c>
    </row>
    <row r="13" spans="1:25">
      <c r="A13" t="s">
        <v>25</v>
      </c>
      <c r="B13" t="s">
        <v>287</v>
      </c>
      <c r="C13" s="31">
        <v>44666</v>
      </c>
      <c r="D13" t="s">
        <v>27</v>
      </c>
      <c r="E13" t="s">
        <v>28</v>
      </c>
      <c r="F13" t="s">
        <v>400</v>
      </c>
      <c r="G13" s="30">
        <v>4</v>
      </c>
      <c r="H13" t="s">
        <v>29</v>
      </c>
      <c r="I13" t="s">
        <v>30</v>
      </c>
      <c r="K13" t="s">
        <v>31</v>
      </c>
      <c r="L13" s="29">
        <v>-2143.6999999999998</v>
      </c>
      <c r="M13" t="s">
        <v>401</v>
      </c>
      <c r="N13" t="s">
        <v>32</v>
      </c>
      <c r="O13" t="s">
        <v>33</v>
      </c>
      <c r="P13" t="s">
        <v>34</v>
      </c>
      <c r="Q13" t="s">
        <v>35</v>
      </c>
      <c r="R13" t="s">
        <v>36</v>
      </c>
      <c r="U13" t="s">
        <v>37</v>
      </c>
      <c r="V13" s="30">
        <v>2022</v>
      </c>
      <c r="W13" s="31">
        <v>44665</v>
      </c>
      <c r="X13" s="32">
        <v>44665.331921296296</v>
      </c>
      <c r="Y13" t="s">
        <v>38</v>
      </c>
    </row>
    <row r="14" spans="1:25">
      <c r="A14" t="s">
        <v>25</v>
      </c>
      <c r="B14" t="s">
        <v>288</v>
      </c>
      <c r="C14" s="31">
        <v>44666</v>
      </c>
      <c r="D14" t="s">
        <v>27</v>
      </c>
      <c r="E14" t="s">
        <v>28</v>
      </c>
      <c r="F14" t="s">
        <v>400</v>
      </c>
      <c r="G14" s="30">
        <v>4</v>
      </c>
      <c r="H14" t="s">
        <v>29</v>
      </c>
      <c r="I14" t="s">
        <v>30</v>
      </c>
      <c r="K14" t="s">
        <v>31</v>
      </c>
      <c r="L14" s="29">
        <v>-2862.97</v>
      </c>
      <c r="M14" t="s">
        <v>401</v>
      </c>
      <c r="N14" t="s">
        <v>32</v>
      </c>
      <c r="O14" t="s">
        <v>33</v>
      </c>
      <c r="P14" t="s">
        <v>34</v>
      </c>
      <c r="Q14" t="s">
        <v>35</v>
      </c>
      <c r="R14" t="s">
        <v>36</v>
      </c>
      <c r="U14" t="s">
        <v>37</v>
      </c>
      <c r="V14" s="30">
        <v>2022</v>
      </c>
      <c r="W14" s="31">
        <v>44665</v>
      </c>
      <c r="X14" s="32">
        <v>44665.331932870373</v>
      </c>
      <c r="Y14" t="s">
        <v>38</v>
      </c>
    </row>
    <row r="15" spans="1:25">
      <c r="A15" t="s">
        <v>25</v>
      </c>
      <c r="B15" t="s">
        <v>98</v>
      </c>
      <c r="C15" s="31">
        <v>44666</v>
      </c>
      <c r="D15" t="s">
        <v>27</v>
      </c>
      <c r="E15" t="s">
        <v>28</v>
      </c>
      <c r="F15" t="s">
        <v>400</v>
      </c>
      <c r="G15" s="30">
        <v>4</v>
      </c>
      <c r="H15" t="s">
        <v>29</v>
      </c>
      <c r="I15" t="s">
        <v>30</v>
      </c>
      <c r="K15" t="s">
        <v>31</v>
      </c>
      <c r="L15" s="29">
        <v>-11170.62</v>
      </c>
      <c r="M15" t="s">
        <v>401</v>
      </c>
      <c r="N15" t="s">
        <v>32</v>
      </c>
      <c r="O15" t="s">
        <v>33</v>
      </c>
      <c r="P15" t="s">
        <v>34</v>
      </c>
      <c r="Q15" t="s">
        <v>35</v>
      </c>
      <c r="R15" t="s">
        <v>36</v>
      </c>
      <c r="U15" t="s">
        <v>37</v>
      </c>
      <c r="V15" s="30">
        <v>2022</v>
      </c>
      <c r="W15" s="31">
        <v>44684</v>
      </c>
      <c r="X15" s="32">
        <v>44684.534143518518</v>
      </c>
      <c r="Y15" t="s">
        <v>38</v>
      </c>
    </row>
    <row r="16" spans="1:25">
      <c r="A16" t="s">
        <v>25</v>
      </c>
      <c r="B16" t="s">
        <v>302</v>
      </c>
      <c r="C16" s="31">
        <v>44666</v>
      </c>
      <c r="D16" t="s">
        <v>27</v>
      </c>
      <c r="E16" t="s">
        <v>28</v>
      </c>
      <c r="F16" t="s">
        <v>400</v>
      </c>
      <c r="G16" s="30">
        <v>4</v>
      </c>
      <c r="H16" t="s">
        <v>29</v>
      </c>
      <c r="I16" t="s">
        <v>30</v>
      </c>
      <c r="K16" t="s">
        <v>31</v>
      </c>
      <c r="L16" s="29">
        <v>2426.1</v>
      </c>
      <c r="M16" t="s">
        <v>401</v>
      </c>
      <c r="N16" t="s">
        <v>32</v>
      </c>
      <c r="O16" t="s">
        <v>33</v>
      </c>
      <c r="P16" t="s">
        <v>34</v>
      </c>
      <c r="Q16" t="s">
        <v>35</v>
      </c>
      <c r="R16" t="s">
        <v>36</v>
      </c>
      <c r="U16" t="s">
        <v>37</v>
      </c>
      <c r="V16" s="30">
        <v>2022</v>
      </c>
      <c r="W16" s="31">
        <v>44665</v>
      </c>
      <c r="X16" s="32">
        <v>44665.331909722219</v>
      </c>
      <c r="Y16" t="s">
        <v>38</v>
      </c>
    </row>
    <row r="17" spans="1:25">
      <c r="A17" t="s">
        <v>25</v>
      </c>
      <c r="B17" t="s">
        <v>94</v>
      </c>
      <c r="C17" s="31">
        <v>44666</v>
      </c>
      <c r="D17" t="s">
        <v>27</v>
      </c>
      <c r="E17" t="s">
        <v>28</v>
      </c>
      <c r="F17" t="s">
        <v>400</v>
      </c>
      <c r="G17" s="30">
        <v>4</v>
      </c>
      <c r="H17" t="s">
        <v>29</v>
      </c>
      <c r="I17" t="s">
        <v>30</v>
      </c>
      <c r="K17" t="s">
        <v>31</v>
      </c>
      <c r="L17" s="29">
        <v>-11194.48</v>
      </c>
      <c r="M17" t="s">
        <v>401</v>
      </c>
      <c r="N17" t="s">
        <v>32</v>
      </c>
      <c r="O17" t="s">
        <v>33</v>
      </c>
      <c r="P17" t="s">
        <v>34</v>
      </c>
      <c r="Q17" t="s">
        <v>35</v>
      </c>
      <c r="R17" t="s">
        <v>36</v>
      </c>
      <c r="U17" t="s">
        <v>37</v>
      </c>
      <c r="V17" s="30">
        <v>2022</v>
      </c>
      <c r="W17" s="31">
        <v>44680</v>
      </c>
      <c r="X17" s="32">
        <v>44680.681284722225</v>
      </c>
      <c r="Y17" t="s">
        <v>38</v>
      </c>
    </row>
    <row r="18" spans="1:25">
      <c r="A18" t="s">
        <v>25</v>
      </c>
      <c r="B18" t="s">
        <v>218</v>
      </c>
      <c r="C18" s="31">
        <v>44666</v>
      </c>
      <c r="D18" t="s">
        <v>27</v>
      </c>
      <c r="E18" t="s">
        <v>28</v>
      </c>
      <c r="F18" t="s">
        <v>400</v>
      </c>
      <c r="G18" s="30">
        <v>4</v>
      </c>
      <c r="H18" t="s">
        <v>29</v>
      </c>
      <c r="I18" t="s">
        <v>30</v>
      </c>
      <c r="K18" t="s">
        <v>31</v>
      </c>
      <c r="L18" s="29">
        <v>-12079.39</v>
      </c>
      <c r="M18" t="s">
        <v>401</v>
      </c>
      <c r="N18" t="s">
        <v>32</v>
      </c>
      <c r="O18" t="s">
        <v>33</v>
      </c>
      <c r="P18" t="s">
        <v>34</v>
      </c>
      <c r="Q18" t="s">
        <v>35</v>
      </c>
      <c r="R18" t="s">
        <v>36</v>
      </c>
      <c r="U18" t="s">
        <v>37</v>
      </c>
      <c r="V18" s="30">
        <v>2022</v>
      </c>
      <c r="W18" s="31">
        <v>44680</v>
      </c>
      <c r="X18" s="32">
        <v>44680.681296296294</v>
      </c>
      <c r="Y18" t="s">
        <v>38</v>
      </c>
    </row>
    <row r="19" spans="1:25">
      <c r="A19" t="s">
        <v>25</v>
      </c>
      <c r="B19" t="s">
        <v>135</v>
      </c>
      <c r="C19" s="31">
        <v>44666</v>
      </c>
      <c r="D19" t="s">
        <v>27</v>
      </c>
      <c r="E19" t="s">
        <v>28</v>
      </c>
      <c r="F19" t="s">
        <v>400</v>
      </c>
      <c r="G19" s="30">
        <v>4</v>
      </c>
      <c r="H19" t="s">
        <v>29</v>
      </c>
      <c r="I19" t="s">
        <v>30</v>
      </c>
      <c r="K19" t="s">
        <v>31</v>
      </c>
      <c r="L19" s="29">
        <v>11124.58</v>
      </c>
      <c r="M19" t="s">
        <v>401</v>
      </c>
      <c r="N19" t="s">
        <v>32</v>
      </c>
      <c r="O19" t="s">
        <v>33</v>
      </c>
      <c r="P19" t="s">
        <v>34</v>
      </c>
      <c r="Q19" t="s">
        <v>35</v>
      </c>
      <c r="R19" t="s">
        <v>36</v>
      </c>
      <c r="U19" t="s">
        <v>37</v>
      </c>
      <c r="V19" s="30">
        <v>2022</v>
      </c>
      <c r="W19" s="31">
        <v>44673</v>
      </c>
      <c r="X19" s="32">
        <v>44673.693773148145</v>
      </c>
      <c r="Y19" t="s">
        <v>38</v>
      </c>
    </row>
    <row r="20" spans="1:25">
      <c r="A20" t="s">
        <v>25</v>
      </c>
      <c r="B20" t="s">
        <v>311</v>
      </c>
      <c r="C20" s="31">
        <v>44666</v>
      </c>
      <c r="D20" t="s">
        <v>27</v>
      </c>
      <c r="E20" t="s">
        <v>28</v>
      </c>
      <c r="F20" t="s">
        <v>400</v>
      </c>
      <c r="G20" s="30">
        <v>4</v>
      </c>
      <c r="H20" t="s">
        <v>29</v>
      </c>
      <c r="I20" t="s">
        <v>30</v>
      </c>
      <c r="K20" t="s">
        <v>31</v>
      </c>
      <c r="L20" s="29">
        <v>-5722.81</v>
      </c>
      <c r="M20" t="s">
        <v>401</v>
      </c>
      <c r="N20" t="s">
        <v>32</v>
      </c>
      <c r="O20" t="s">
        <v>33</v>
      </c>
      <c r="P20" t="s">
        <v>34</v>
      </c>
      <c r="Q20" t="s">
        <v>35</v>
      </c>
      <c r="R20" t="s">
        <v>36</v>
      </c>
      <c r="U20" t="s">
        <v>37</v>
      </c>
      <c r="V20" s="30">
        <v>2022</v>
      </c>
      <c r="W20" s="31">
        <v>44680</v>
      </c>
      <c r="X20" s="32">
        <v>44680.681273148148</v>
      </c>
      <c r="Y20" t="s">
        <v>38</v>
      </c>
    </row>
    <row r="21" spans="1:25">
      <c r="A21" t="s">
        <v>25</v>
      </c>
      <c r="B21" t="s">
        <v>312</v>
      </c>
      <c r="C21" s="31">
        <v>44666</v>
      </c>
      <c r="D21" t="s">
        <v>27</v>
      </c>
      <c r="E21" t="s">
        <v>28</v>
      </c>
      <c r="F21" t="s">
        <v>400</v>
      </c>
      <c r="G21" s="30">
        <v>4</v>
      </c>
      <c r="H21" t="s">
        <v>29</v>
      </c>
      <c r="I21" t="s">
        <v>30</v>
      </c>
      <c r="K21" t="s">
        <v>31</v>
      </c>
      <c r="L21" s="29">
        <v>-7394.73</v>
      </c>
      <c r="M21" t="s">
        <v>401</v>
      </c>
      <c r="N21" t="s">
        <v>32</v>
      </c>
      <c r="O21" t="s">
        <v>33</v>
      </c>
      <c r="P21" t="s">
        <v>34</v>
      </c>
      <c r="Q21" t="s">
        <v>35</v>
      </c>
      <c r="R21" t="s">
        <v>36</v>
      </c>
      <c r="U21" t="s">
        <v>37</v>
      </c>
      <c r="V21" s="30">
        <v>2022</v>
      </c>
      <c r="W21" s="31">
        <v>44665</v>
      </c>
      <c r="X21" s="32">
        <v>44665.331932870373</v>
      </c>
      <c r="Y21" t="s">
        <v>38</v>
      </c>
    </row>
    <row r="22" spans="1:25">
      <c r="A22" t="s">
        <v>25</v>
      </c>
      <c r="B22" t="s">
        <v>109</v>
      </c>
      <c r="C22" s="31">
        <v>44696</v>
      </c>
      <c r="D22" t="s">
        <v>27</v>
      </c>
      <c r="E22" t="s">
        <v>28</v>
      </c>
      <c r="F22" t="s">
        <v>400</v>
      </c>
      <c r="G22" s="30">
        <v>5</v>
      </c>
      <c r="H22" t="s">
        <v>29</v>
      </c>
      <c r="I22" t="s">
        <v>30</v>
      </c>
      <c r="K22" t="s">
        <v>31</v>
      </c>
      <c r="L22" s="29">
        <v>10573.91</v>
      </c>
      <c r="M22" t="s">
        <v>401</v>
      </c>
      <c r="N22" t="s">
        <v>32</v>
      </c>
      <c r="O22" t="s">
        <v>33</v>
      </c>
      <c r="P22" t="s">
        <v>34</v>
      </c>
      <c r="Q22" t="s">
        <v>35</v>
      </c>
      <c r="R22" t="s">
        <v>36</v>
      </c>
      <c r="U22" t="s">
        <v>37</v>
      </c>
      <c r="V22" s="30">
        <v>2022</v>
      </c>
      <c r="W22" s="31">
        <v>44700</v>
      </c>
      <c r="X22" s="32">
        <v>44700.712638888886</v>
      </c>
      <c r="Y22" t="s">
        <v>38</v>
      </c>
    </row>
    <row r="23" spans="1:25">
      <c r="A23" t="s">
        <v>25</v>
      </c>
      <c r="B23" t="s">
        <v>138</v>
      </c>
      <c r="C23" s="31">
        <v>44696</v>
      </c>
      <c r="D23" t="s">
        <v>27</v>
      </c>
      <c r="E23" t="s">
        <v>28</v>
      </c>
      <c r="F23" t="s">
        <v>400</v>
      </c>
      <c r="G23" s="30">
        <v>5</v>
      </c>
      <c r="H23" t="s">
        <v>29</v>
      </c>
      <c r="I23" t="s">
        <v>30</v>
      </c>
      <c r="K23" t="s">
        <v>31</v>
      </c>
      <c r="L23" s="29">
        <v>-2756.64</v>
      </c>
      <c r="M23" t="s">
        <v>401</v>
      </c>
      <c r="N23" t="s">
        <v>32</v>
      </c>
      <c r="O23" t="s">
        <v>33</v>
      </c>
      <c r="P23" t="s">
        <v>34</v>
      </c>
      <c r="Q23" t="s">
        <v>35</v>
      </c>
      <c r="R23" t="s">
        <v>36</v>
      </c>
      <c r="U23" t="s">
        <v>37</v>
      </c>
      <c r="V23" s="30">
        <v>2022</v>
      </c>
      <c r="W23" s="31">
        <v>44700</v>
      </c>
      <c r="X23" s="32">
        <v>44700.71266203704</v>
      </c>
      <c r="Y23" t="s">
        <v>38</v>
      </c>
    </row>
    <row r="24" spans="1:25">
      <c r="A24" t="s">
        <v>25</v>
      </c>
      <c r="B24" t="s">
        <v>146</v>
      </c>
      <c r="C24" s="31">
        <v>44696</v>
      </c>
      <c r="D24" t="s">
        <v>27</v>
      </c>
      <c r="E24" t="s">
        <v>28</v>
      </c>
      <c r="F24" t="s">
        <v>400</v>
      </c>
      <c r="G24" s="30">
        <v>5</v>
      </c>
      <c r="H24" t="s">
        <v>29</v>
      </c>
      <c r="I24" t="s">
        <v>30</v>
      </c>
      <c r="K24" t="s">
        <v>31</v>
      </c>
      <c r="L24" s="29">
        <v>-1033.07</v>
      </c>
      <c r="M24" t="s">
        <v>401</v>
      </c>
      <c r="N24" t="s">
        <v>32</v>
      </c>
      <c r="O24" t="s">
        <v>33</v>
      </c>
      <c r="P24" t="s">
        <v>34</v>
      </c>
      <c r="Q24" t="s">
        <v>35</v>
      </c>
      <c r="R24" t="s">
        <v>36</v>
      </c>
      <c r="U24" t="s">
        <v>37</v>
      </c>
      <c r="V24" s="30">
        <v>2022</v>
      </c>
      <c r="W24" s="31">
        <v>44700</v>
      </c>
      <c r="X24" s="32">
        <v>44700.712685185186</v>
      </c>
      <c r="Y24" t="s">
        <v>38</v>
      </c>
    </row>
    <row r="25" spans="1:25">
      <c r="A25" t="s">
        <v>25</v>
      </c>
      <c r="B25" t="s">
        <v>147</v>
      </c>
      <c r="C25" s="31">
        <v>44696</v>
      </c>
      <c r="D25" t="s">
        <v>27</v>
      </c>
      <c r="E25" t="s">
        <v>28</v>
      </c>
      <c r="F25" t="s">
        <v>400</v>
      </c>
      <c r="G25" s="30">
        <v>5</v>
      </c>
      <c r="H25" t="s">
        <v>29</v>
      </c>
      <c r="I25" t="s">
        <v>30</v>
      </c>
      <c r="K25" t="s">
        <v>31</v>
      </c>
      <c r="L25" s="29">
        <v>9725.89</v>
      </c>
      <c r="M25" t="s">
        <v>401</v>
      </c>
      <c r="N25" t="s">
        <v>32</v>
      </c>
      <c r="O25" t="s">
        <v>33</v>
      </c>
      <c r="P25" t="s">
        <v>34</v>
      </c>
      <c r="Q25" t="s">
        <v>35</v>
      </c>
      <c r="R25" t="s">
        <v>36</v>
      </c>
      <c r="U25" t="s">
        <v>37</v>
      </c>
      <c r="V25" s="30">
        <v>2022</v>
      </c>
      <c r="W25" s="31">
        <v>44712</v>
      </c>
      <c r="X25" s="32">
        <v>44712.714444444442</v>
      </c>
      <c r="Y25" t="s">
        <v>38</v>
      </c>
    </row>
    <row r="26" spans="1:25">
      <c r="A26" t="s">
        <v>25</v>
      </c>
      <c r="B26" t="s">
        <v>165</v>
      </c>
      <c r="C26" s="31">
        <v>44696</v>
      </c>
      <c r="D26" t="s">
        <v>27</v>
      </c>
      <c r="E26" t="s">
        <v>28</v>
      </c>
      <c r="F26" t="s">
        <v>400</v>
      </c>
      <c r="G26" s="30">
        <v>5</v>
      </c>
      <c r="H26" t="s">
        <v>29</v>
      </c>
      <c r="I26" t="s">
        <v>30</v>
      </c>
      <c r="K26" t="s">
        <v>31</v>
      </c>
      <c r="L26" s="29">
        <v>-4410.95</v>
      </c>
      <c r="M26" t="s">
        <v>401</v>
      </c>
      <c r="N26" t="s">
        <v>32</v>
      </c>
      <c r="O26" t="s">
        <v>33</v>
      </c>
      <c r="P26" t="s">
        <v>34</v>
      </c>
      <c r="Q26" t="s">
        <v>35</v>
      </c>
      <c r="R26" t="s">
        <v>36</v>
      </c>
      <c r="U26" t="s">
        <v>37</v>
      </c>
      <c r="V26" s="30">
        <v>2022</v>
      </c>
      <c r="W26" s="31">
        <v>44712</v>
      </c>
      <c r="X26" s="32">
        <v>44712.714467592596</v>
      </c>
      <c r="Y26" t="s">
        <v>38</v>
      </c>
    </row>
    <row r="27" spans="1:25">
      <c r="A27" t="s">
        <v>25</v>
      </c>
      <c r="B27" t="s">
        <v>166</v>
      </c>
      <c r="C27" s="31">
        <v>44696</v>
      </c>
      <c r="D27" t="s">
        <v>27</v>
      </c>
      <c r="E27" t="s">
        <v>28</v>
      </c>
      <c r="F27" t="s">
        <v>400</v>
      </c>
      <c r="G27" s="30">
        <v>5</v>
      </c>
      <c r="H27" t="s">
        <v>29</v>
      </c>
      <c r="I27" t="s">
        <v>30</v>
      </c>
      <c r="K27" t="s">
        <v>31</v>
      </c>
      <c r="L27" s="29">
        <v>-13696.93</v>
      </c>
      <c r="M27" t="s">
        <v>401</v>
      </c>
      <c r="N27" t="s">
        <v>32</v>
      </c>
      <c r="O27" t="s">
        <v>33</v>
      </c>
      <c r="P27" t="s">
        <v>34</v>
      </c>
      <c r="Q27" t="s">
        <v>35</v>
      </c>
      <c r="R27" t="s">
        <v>36</v>
      </c>
      <c r="U27" t="s">
        <v>37</v>
      </c>
      <c r="V27" s="30">
        <v>2022</v>
      </c>
      <c r="W27" s="31">
        <v>44700</v>
      </c>
      <c r="X27" s="32">
        <v>44700.712685185186</v>
      </c>
      <c r="Y27" t="s">
        <v>38</v>
      </c>
    </row>
    <row r="28" spans="1:25">
      <c r="A28" t="s">
        <v>25</v>
      </c>
      <c r="B28" t="s">
        <v>187</v>
      </c>
      <c r="C28" s="31">
        <v>44696</v>
      </c>
      <c r="D28" t="s">
        <v>27</v>
      </c>
      <c r="E28" t="s">
        <v>28</v>
      </c>
      <c r="F28" t="s">
        <v>400</v>
      </c>
      <c r="G28" s="30">
        <v>5</v>
      </c>
      <c r="H28" t="s">
        <v>29</v>
      </c>
      <c r="I28" t="s">
        <v>30</v>
      </c>
      <c r="K28" t="s">
        <v>31</v>
      </c>
      <c r="L28" s="29">
        <v>-1725.46</v>
      </c>
      <c r="M28" t="s">
        <v>401</v>
      </c>
      <c r="N28" t="s">
        <v>32</v>
      </c>
      <c r="O28" t="s">
        <v>33</v>
      </c>
      <c r="P28" t="s">
        <v>34</v>
      </c>
      <c r="Q28" t="s">
        <v>35</v>
      </c>
      <c r="R28" t="s">
        <v>36</v>
      </c>
      <c r="U28" t="s">
        <v>37</v>
      </c>
      <c r="V28" s="30">
        <v>2022</v>
      </c>
      <c r="W28" s="31">
        <v>44700</v>
      </c>
      <c r="X28" s="32">
        <v>44700.71266203704</v>
      </c>
      <c r="Y28" t="s">
        <v>38</v>
      </c>
    </row>
    <row r="29" spans="1:25">
      <c r="A29" t="s">
        <v>25</v>
      </c>
      <c r="B29" t="s">
        <v>190</v>
      </c>
      <c r="C29" s="31">
        <v>44696</v>
      </c>
      <c r="D29" t="s">
        <v>27</v>
      </c>
      <c r="E29" t="s">
        <v>28</v>
      </c>
      <c r="F29" t="s">
        <v>400</v>
      </c>
      <c r="G29" s="30">
        <v>5</v>
      </c>
      <c r="H29" t="s">
        <v>29</v>
      </c>
      <c r="I29" t="s">
        <v>30</v>
      </c>
      <c r="K29" t="s">
        <v>31</v>
      </c>
      <c r="L29" s="29">
        <v>26814.58</v>
      </c>
      <c r="M29" t="s">
        <v>401</v>
      </c>
      <c r="N29" t="s">
        <v>32</v>
      </c>
      <c r="O29" t="s">
        <v>33</v>
      </c>
      <c r="P29" t="s">
        <v>34</v>
      </c>
      <c r="Q29" t="s">
        <v>35</v>
      </c>
      <c r="R29" t="s">
        <v>36</v>
      </c>
      <c r="U29" t="s">
        <v>37</v>
      </c>
      <c r="V29" s="30">
        <v>2022</v>
      </c>
      <c r="W29" s="31">
        <v>44700</v>
      </c>
      <c r="X29" s="32">
        <v>44700.712650462963</v>
      </c>
      <c r="Y29" t="s">
        <v>38</v>
      </c>
    </row>
    <row r="30" spans="1:25">
      <c r="A30" t="s">
        <v>25</v>
      </c>
      <c r="B30" t="s">
        <v>169</v>
      </c>
      <c r="C30" s="31">
        <v>44696</v>
      </c>
      <c r="D30" t="s">
        <v>27</v>
      </c>
      <c r="E30" t="s">
        <v>28</v>
      </c>
      <c r="F30" t="s">
        <v>400</v>
      </c>
      <c r="G30" s="30">
        <v>5</v>
      </c>
      <c r="H30" t="s">
        <v>29</v>
      </c>
      <c r="I30" t="s">
        <v>30</v>
      </c>
      <c r="K30" t="s">
        <v>31</v>
      </c>
      <c r="L30" s="29">
        <v>80.25</v>
      </c>
      <c r="M30" t="s">
        <v>401</v>
      </c>
      <c r="N30" t="s">
        <v>32</v>
      </c>
      <c r="O30" t="s">
        <v>33</v>
      </c>
      <c r="P30" t="s">
        <v>34</v>
      </c>
      <c r="Q30" t="s">
        <v>35</v>
      </c>
      <c r="R30" t="s">
        <v>36</v>
      </c>
      <c r="U30" t="s">
        <v>37</v>
      </c>
      <c r="V30" s="30">
        <v>2022</v>
      </c>
      <c r="W30" s="31">
        <v>44712</v>
      </c>
      <c r="X30" s="32">
        <v>44712.714467592596</v>
      </c>
      <c r="Y30" t="s">
        <v>38</v>
      </c>
    </row>
    <row r="31" spans="1:25">
      <c r="A31" t="s">
        <v>25</v>
      </c>
      <c r="B31" t="s">
        <v>96</v>
      </c>
      <c r="C31" s="31">
        <v>44696</v>
      </c>
      <c r="D31" t="s">
        <v>27</v>
      </c>
      <c r="E31" t="s">
        <v>28</v>
      </c>
      <c r="F31" t="s">
        <v>400</v>
      </c>
      <c r="G31" s="30">
        <v>5</v>
      </c>
      <c r="H31" t="s">
        <v>29</v>
      </c>
      <c r="I31" t="s">
        <v>30</v>
      </c>
      <c r="K31" t="s">
        <v>31</v>
      </c>
      <c r="L31" s="29">
        <v>-44647.92</v>
      </c>
      <c r="M31" t="s">
        <v>401</v>
      </c>
      <c r="N31" t="s">
        <v>32</v>
      </c>
      <c r="O31" t="s">
        <v>33</v>
      </c>
      <c r="P31" t="s">
        <v>34</v>
      </c>
      <c r="Q31" t="s">
        <v>35</v>
      </c>
      <c r="R31" t="s">
        <v>36</v>
      </c>
      <c r="U31" t="s">
        <v>37</v>
      </c>
      <c r="V31" s="30">
        <v>2022</v>
      </c>
      <c r="W31" s="31">
        <v>44712</v>
      </c>
      <c r="X31" s="32">
        <v>44712.714479166665</v>
      </c>
      <c r="Y31" t="s">
        <v>38</v>
      </c>
    </row>
    <row r="32" spans="1:25">
      <c r="A32" t="s">
        <v>25</v>
      </c>
      <c r="B32" t="s">
        <v>203</v>
      </c>
      <c r="C32" s="31">
        <v>44696</v>
      </c>
      <c r="D32" t="s">
        <v>27</v>
      </c>
      <c r="E32" t="s">
        <v>28</v>
      </c>
      <c r="F32" t="s">
        <v>400</v>
      </c>
      <c r="G32" s="30">
        <v>5</v>
      </c>
      <c r="H32" t="s">
        <v>29</v>
      </c>
      <c r="I32" t="s">
        <v>30</v>
      </c>
      <c r="K32" t="s">
        <v>31</v>
      </c>
      <c r="L32" s="29">
        <v>3631.3</v>
      </c>
      <c r="M32" t="s">
        <v>401</v>
      </c>
      <c r="N32" t="s">
        <v>32</v>
      </c>
      <c r="O32" t="s">
        <v>33</v>
      </c>
      <c r="P32" t="s">
        <v>34</v>
      </c>
      <c r="Q32" t="s">
        <v>35</v>
      </c>
      <c r="R32" t="s">
        <v>36</v>
      </c>
      <c r="U32" t="s">
        <v>37</v>
      </c>
      <c r="V32" s="30">
        <v>2022</v>
      </c>
      <c r="W32" s="31">
        <v>44712</v>
      </c>
      <c r="X32" s="32">
        <v>44712.714502314811</v>
      </c>
      <c r="Y32" t="s">
        <v>38</v>
      </c>
    </row>
    <row r="33" spans="1:25">
      <c r="A33" t="s">
        <v>25</v>
      </c>
      <c r="B33" t="s">
        <v>245</v>
      </c>
      <c r="C33" s="31">
        <v>44696</v>
      </c>
      <c r="D33" t="s">
        <v>27</v>
      </c>
      <c r="E33" t="s">
        <v>28</v>
      </c>
      <c r="F33" t="s">
        <v>400</v>
      </c>
      <c r="G33" s="30">
        <v>5</v>
      </c>
      <c r="H33" t="s">
        <v>29</v>
      </c>
      <c r="I33" t="s">
        <v>30</v>
      </c>
      <c r="K33" t="s">
        <v>31</v>
      </c>
      <c r="L33" s="29">
        <v>-8226.2800000000007</v>
      </c>
      <c r="M33" t="s">
        <v>401</v>
      </c>
      <c r="N33" t="s">
        <v>32</v>
      </c>
      <c r="O33" t="s">
        <v>33</v>
      </c>
      <c r="P33" t="s">
        <v>34</v>
      </c>
      <c r="Q33" t="s">
        <v>35</v>
      </c>
      <c r="R33" t="s">
        <v>36</v>
      </c>
      <c r="U33" t="s">
        <v>37</v>
      </c>
      <c r="V33" s="30">
        <v>2022</v>
      </c>
      <c r="W33" s="31">
        <v>44712</v>
      </c>
      <c r="X33" s="32">
        <v>44712.714490740742</v>
      </c>
      <c r="Y33" t="s">
        <v>38</v>
      </c>
    </row>
    <row r="34" spans="1:25">
      <c r="A34" t="s">
        <v>25</v>
      </c>
      <c r="B34" t="s">
        <v>248</v>
      </c>
      <c r="C34" s="31">
        <v>44696</v>
      </c>
      <c r="D34" t="s">
        <v>27</v>
      </c>
      <c r="E34" t="s">
        <v>28</v>
      </c>
      <c r="F34" t="s">
        <v>400</v>
      </c>
      <c r="G34" s="30">
        <v>5</v>
      </c>
      <c r="H34" t="s">
        <v>29</v>
      </c>
      <c r="I34" t="s">
        <v>30</v>
      </c>
      <c r="K34" t="s">
        <v>31</v>
      </c>
      <c r="L34" s="29">
        <v>-2845.95</v>
      </c>
      <c r="M34" t="s">
        <v>401</v>
      </c>
      <c r="N34" t="s">
        <v>32</v>
      </c>
      <c r="O34" t="s">
        <v>33</v>
      </c>
      <c r="P34" t="s">
        <v>34</v>
      </c>
      <c r="Q34" t="s">
        <v>35</v>
      </c>
      <c r="R34" t="s">
        <v>36</v>
      </c>
      <c r="U34" t="s">
        <v>37</v>
      </c>
      <c r="V34" s="30">
        <v>2022</v>
      </c>
      <c r="W34" s="31">
        <v>44712</v>
      </c>
      <c r="X34" s="32">
        <v>44712.714513888888</v>
      </c>
      <c r="Y34" t="s">
        <v>38</v>
      </c>
    </row>
    <row r="35" spans="1:25">
      <c r="A35" t="s">
        <v>25</v>
      </c>
      <c r="B35" t="s">
        <v>249</v>
      </c>
      <c r="C35" s="31">
        <v>44696</v>
      </c>
      <c r="D35" t="s">
        <v>27</v>
      </c>
      <c r="E35" t="s">
        <v>28</v>
      </c>
      <c r="F35" t="s">
        <v>400</v>
      </c>
      <c r="G35" s="30">
        <v>5</v>
      </c>
      <c r="H35" t="s">
        <v>29</v>
      </c>
      <c r="I35" t="s">
        <v>30</v>
      </c>
      <c r="K35" t="s">
        <v>31</v>
      </c>
      <c r="L35" s="29">
        <v>3616.87</v>
      </c>
      <c r="M35" t="s">
        <v>401</v>
      </c>
      <c r="N35" t="s">
        <v>32</v>
      </c>
      <c r="O35" t="s">
        <v>33</v>
      </c>
      <c r="P35" t="s">
        <v>34</v>
      </c>
      <c r="Q35" t="s">
        <v>35</v>
      </c>
      <c r="R35" t="s">
        <v>36</v>
      </c>
      <c r="U35" t="s">
        <v>37</v>
      </c>
      <c r="V35" s="30">
        <v>2022</v>
      </c>
      <c r="W35" s="31">
        <v>44712</v>
      </c>
      <c r="X35" s="32">
        <v>44712.714502314811</v>
      </c>
      <c r="Y35" t="s">
        <v>38</v>
      </c>
    </row>
    <row r="36" spans="1:25">
      <c r="A36" t="s">
        <v>25</v>
      </c>
      <c r="B36" t="s">
        <v>219</v>
      </c>
      <c r="C36" s="31">
        <v>44696</v>
      </c>
      <c r="D36" t="s">
        <v>27</v>
      </c>
      <c r="E36" t="s">
        <v>28</v>
      </c>
      <c r="F36" t="s">
        <v>400</v>
      </c>
      <c r="G36" s="30">
        <v>5</v>
      </c>
      <c r="H36" t="s">
        <v>29</v>
      </c>
      <c r="I36" t="s">
        <v>30</v>
      </c>
      <c r="K36" t="s">
        <v>31</v>
      </c>
      <c r="L36" s="29">
        <v>-55.23</v>
      </c>
      <c r="M36" t="s">
        <v>401</v>
      </c>
      <c r="N36" t="s">
        <v>32</v>
      </c>
      <c r="O36" t="s">
        <v>33</v>
      </c>
      <c r="P36" t="s">
        <v>34</v>
      </c>
      <c r="Q36" t="s">
        <v>35</v>
      </c>
      <c r="R36" t="s">
        <v>36</v>
      </c>
      <c r="U36" t="s">
        <v>37</v>
      </c>
      <c r="V36" s="30">
        <v>2022</v>
      </c>
      <c r="W36" s="31">
        <v>44714</v>
      </c>
      <c r="X36" s="32">
        <v>44714.468657407408</v>
      </c>
      <c r="Y36" t="s">
        <v>38</v>
      </c>
    </row>
    <row r="37" spans="1:25">
      <c r="A37" t="s">
        <v>25</v>
      </c>
      <c r="B37" t="s">
        <v>284</v>
      </c>
      <c r="C37" s="31">
        <v>44696</v>
      </c>
      <c r="D37" t="s">
        <v>27</v>
      </c>
      <c r="E37" t="s">
        <v>28</v>
      </c>
      <c r="F37" t="s">
        <v>400</v>
      </c>
      <c r="G37" s="30">
        <v>5</v>
      </c>
      <c r="H37" t="s">
        <v>29</v>
      </c>
      <c r="I37" t="s">
        <v>30</v>
      </c>
      <c r="K37" t="s">
        <v>31</v>
      </c>
      <c r="L37" s="29">
        <v>-9689.7199999999993</v>
      </c>
      <c r="M37" t="s">
        <v>401</v>
      </c>
      <c r="N37" t="s">
        <v>32</v>
      </c>
      <c r="O37" t="s">
        <v>33</v>
      </c>
      <c r="P37" t="s">
        <v>34</v>
      </c>
      <c r="Q37" t="s">
        <v>35</v>
      </c>
      <c r="R37" t="s">
        <v>36</v>
      </c>
      <c r="U37" t="s">
        <v>37</v>
      </c>
      <c r="V37" s="30">
        <v>2022</v>
      </c>
      <c r="W37" s="31">
        <v>44712</v>
      </c>
      <c r="X37" s="32">
        <v>44712.714456018519</v>
      </c>
      <c r="Y37" t="s">
        <v>38</v>
      </c>
    </row>
    <row r="38" spans="1:25">
      <c r="A38" t="s">
        <v>25</v>
      </c>
      <c r="B38" t="s">
        <v>285</v>
      </c>
      <c r="C38" s="31">
        <v>44696</v>
      </c>
      <c r="D38" t="s">
        <v>27</v>
      </c>
      <c r="E38" t="s">
        <v>28</v>
      </c>
      <c r="F38" t="s">
        <v>400</v>
      </c>
      <c r="G38" s="30">
        <v>5</v>
      </c>
      <c r="H38" t="s">
        <v>29</v>
      </c>
      <c r="I38" t="s">
        <v>30</v>
      </c>
      <c r="K38" t="s">
        <v>31</v>
      </c>
      <c r="L38" s="29">
        <v>-9220.9500000000007</v>
      </c>
      <c r="M38" t="s">
        <v>401</v>
      </c>
      <c r="N38" t="s">
        <v>32</v>
      </c>
      <c r="O38" t="s">
        <v>33</v>
      </c>
      <c r="P38" t="s">
        <v>34</v>
      </c>
      <c r="Q38" t="s">
        <v>35</v>
      </c>
      <c r="R38" t="s">
        <v>36</v>
      </c>
      <c r="U38" t="s">
        <v>37</v>
      </c>
      <c r="V38" s="30">
        <v>2022</v>
      </c>
      <c r="W38" s="31">
        <v>44700</v>
      </c>
      <c r="X38" s="32">
        <v>44700.712673611109</v>
      </c>
      <c r="Y38" t="s">
        <v>38</v>
      </c>
    </row>
    <row r="39" spans="1:25">
      <c r="A39" t="s">
        <v>25</v>
      </c>
      <c r="B39" t="s">
        <v>268</v>
      </c>
      <c r="C39" s="31">
        <v>44696</v>
      </c>
      <c r="D39" t="s">
        <v>27</v>
      </c>
      <c r="E39" t="s">
        <v>28</v>
      </c>
      <c r="F39" t="s">
        <v>400</v>
      </c>
      <c r="G39" s="30">
        <v>5</v>
      </c>
      <c r="H39" t="s">
        <v>29</v>
      </c>
      <c r="I39" t="s">
        <v>30</v>
      </c>
      <c r="K39" t="s">
        <v>31</v>
      </c>
      <c r="L39" s="29">
        <v>-9693.8700000000008</v>
      </c>
      <c r="M39" t="s">
        <v>401</v>
      </c>
      <c r="N39" t="s">
        <v>32</v>
      </c>
      <c r="O39" t="s">
        <v>33</v>
      </c>
      <c r="P39" t="s">
        <v>34</v>
      </c>
      <c r="Q39" t="s">
        <v>35</v>
      </c>
      <c r="R39" t="s">
        <v>36</v>
      </c>
      <c r="U39" t="s">
        <v>37</v>
      </c>
      <c r="V39" s="30">
        <v>2022</v>
      </c>
      <c r="W39" s="31">
        <v>44713</v>
      </c>
      <c r="X39" s="32">
        <v>44713.703900462962</v>
      </c>
      <c r="Y39" t="s">
        <v>38</v>
      </c>
    </row>
    <row r="40" spans="1:25">
      <c r="A40" t="s">
        <v>25</v>
      </c>
      <c r="B40" t="s">
        <v>295</v>
      </c>
      <c r="C40" s="31">
        <v>44696</v>
      </c>
      <c r="D40" t="s">
        <v>27</v>
      </c>
      <c r="E40" t="s">
        <v>28</v>
      </c>
      <c r="F40" t="s">
        <v>400</v>
      </c>
      <c r="G40" s="30">
        <v>5</v>
      </c>
      <c r="H40" t="s">
        <v>29</v>
      </c>
      <c r="I40" t="s">
        <v>30</v>
      </c>
      <c r="K40" t="s">
        <v>31</v>
      </c>
      <c r="L40" s="29">
        <v>-6129.24</v>
      </c>
      <c r="M40" t="s">
        <v>401</v>
      </c>
      <c r="N40" t="s">
        <v>32</v>
      </c>
      <c r="O40" t="s">
        <v>33</v>
      </c>
      <c r="P40" t="s">
        <v>34</v>
      </c>
      <c r="Q40" t="s">
        <v>35</v>
      </c>
      <c r="R40" t="s">
        <v>36</v>
      </c>
      <c r="U40" t="s">
        <v>37</v>
      </c>
      <c r="V40" s="30">
        <v>2022</v>
      </c>
      <c r="W40" s="31">
        <v>44712</v>
      </c>
      <c r="X40" s="32">
        <v>44712.714490740742</v>
      </c>
      <c r="Y40" t="s">
        <v>38</v>
      </c>
    </row>
    <row r="41" spans="1:25">
      <c r="A41" t="s">
        <v>25</v>
      </c>
      <c r="B41" t="s">
        <v>306</v>
      </c>
      <c r="C41" s="31">
        <v>44696</v>
      </c>
      <c r="D41" t="s">
        <v>27</v>
      </c>
      <c r="E41" t="s">
        <v>28</v>
      </c>
      <c r="F41" t="s">
        <v>400</v>
      </c>
      <c r="G41" s="30">
        <v>5</v>
      </c>
      <c r="H41" t="s">
        <v>29</v>
      </c>
      <c r="I41" t="s">
        <v>30</v>
      </c>
      <c r="K41" t="s">
        <v>31</v>
      </c>
      <c r="L41" s="29">
        <v>-2646.67</v>
      </c>
      <c r="M41" t="s">
        <v>401</v>
      </c>
      <c r="N41" t="s">
        <v>32</v>
      </c>
      <c r="O41" t="s">
        <v>33</v>
      </c>
      <c r="P41" t="s">
        <v>34</v>
      </c>
      <c r="Q41" t="s">
        <v>35</v>
      </c>
      <c r="R41" t="s">
        <v>36</v>
      </c>
      <c r="U41" t="s">
        <v>37</v>
      </c>
      <c r="V41" s="30">
        <v>2022</v>
      </c>
      <c r="W41" s="31">
        <v>44712</v>
      </c>
      <c r="X41" s="32">
        <v>44712.714525462965</v>
      </c>
      <c r="Y41" t="s">
        <v>38</v>
      </c>
    </row>
    <row r="42" spans="1:25">
      <c r="A42" t="s">
        <v>25</v>
      </c>
      <c r="B42" t="s">
        <v>97</v>
      </c>
      <c r="C42" s="31">
        <v>44696</v>
      </c>
      <c r="D42" t="s">
        <v>27</v>
      </c>
      <c r="E42" t="s">
        <v>28</v>
      </c>
      <c r="F42" t="s">
        <v>400</v>
      </c>
      <c r="G42" s="30">
        <v>5</v>
      </c>
      <c r="H42" t="s">
        <v>29</v>
      </c>
      <c r="I42" t="s">
        <v>30</v>
      </c>
      <c r="K42" t="s">
        <v>31</v>
      </c>
      <c r="L42" s="29">
        <v>-5426.64</v>
      </c>
      <c r="M42" t="s">
        <v>401</v>
      </c>
      <c r="N42" t="s">
        <v>32</v>
      </c>
      <c r="O42" t="s">
        <v>33</v>
      </c>
      <c r="P42" t="s">
        <v>34</v>
      </c>
      <c r="Q42" t="s">
        <v>35</v>
      </c>
      <c r="R42" t="s">
        <v>36</v>
      </c>
      <c r="U42" t="s">
        <v>37</v>
      </c>
      <c r="V42" s="30">
        <v>2022</v>
      </c>
      <c r="W42" s="31">
        <v>44712</v>
      </c>
      <c r="X42" s="32">
        <v>44712.714513888888</v>
      </c>
      <c r="Y42" t="s">
        <v>38</v>
      </c>
    </row>
    <row r="43" spans="1:25">
      <c r="A43" t="s">
        <v>25</v>
      </c>
      <c r="B43" t="s">
        <v>69</v>
      </c>
      <c r="C43" s="31">
        <v>44727</v>
      </c>
      <c r="D43" t="s">
        <v>27</v>
      </c>
      <c r="E43" t="s">
        <v>28</v>
      </c>
      <c r="F43" t="s">
        <v>400</v>
      </c>
      <c r="G43" s="30">
        <v>6</v>
      </c>
      <c r="H43" t="s">
        <v>29</v>
      </c>
      <c r="I43" t="s">
        <v>30</v>
      </c>
      <c r="K43" t="s">
        <v>31</v>
      </c>
      <c r="L43" s="29">
        <v>-14413.71</v>
      </c>
      <c r="M43" t="s">
        <v>401</v>
      </c>
      <c r="N43" t="s">
        <v>32</v>
      </c>
      <c r="O43" t="s">
        <v>33</v>
      </c>
      <c r="P43" t="s">
        <v>34</v>
      </c>
      <c r="Q43" t="s">
        <v>35</v>
      </c>
      <c r="R43" t="s">
        <v>36</v>
      </c>
      <c r="U43" t="s">
        <v>37</v>
      </c>
      <c r="V43" s="30">
        <v>2022</v>
      </c>
      <c r="W43" s="31">
        <v>44741</v>
      </c>
      <c r="X43" s="32">
        <v>44741.553518518522</v>
      </c>
      <c r="Y43" t="s">
        <v>38</v>
      </c>
    </row>
    <row r="44" spans="1:25">
      <c r="A44" t="s">
        <v>25</v>
      </c>
      <c r="B44" t="s">
        <v>74</v>
      </c>
      <c r="C44" s="31">
        <v>44727</v>
      </c>
      <c r="D44" t="s">
        <v>27</v>
      </c>
      <c r="E44" t="s">
        <v>28</v>
      </c>
      <c r="F44" t="s">
        <v>400</v>
      </c>
      <c r="G44" s="30">
        <v>6</v>
      </c>
      <c r="H44" t="s">
        <v>29</v>
      </c>
      <c r="I44" t="s">
        <v>30</v>
      </c>
      <c r="K44" t="s">
        <v>31</v>
      </c>
      <c r="L44" s="29">
        <v>-4080.16</v>
      </c>
      <c r="M44" t="s">
        <v>401</v>
      </c>
      <c r="N44" t="s">
        <v>32</v>
      </c>
      <c r="O44" t="s">
        <v>33</v>
      </c>
      <c r="P44" t="s">
        <v>34</v>
      </c>
      <c r="Q44" t="s">
        <v>35</v>
      </c>
      <c r="R44" t="s">
        <v>36</v>
      </c>
      <c r="U44" t="s">
        <v>37</v>
      </c>
      <c r="V44" s="30">
        <v>2022</v>
      </c>
      <c r="W44" s="31">
        <v>44732</v>
      </c>
      <c r="X44" s="32">
        <v>44732.643680555557</v>
      </c>
      <c r="Y44" t="s">
        <v>38</v>
      </c>
    </row>
    <row r="45" spans="1:25">
      <c r="A45" t="s">
        <v>25</v>
      </c>
      <c r="B45" t="s">
        <v>77</v>
      </c>
      <c r="C45" s="31">
        <v>44727</v>
      </c>
      <c r="D45" t="s">
        <v>27</v>
      </c>
      <c r="E45" t="s">
        <v>28</v>
      </c>
      <c r="F45" t="s">
        <v>400</v>
      </c>
      <c r="G45" s="30">
        <v>6</v>
      </c>
      <c r="H45" t="s">
        <v>29</v>
      </c>
      <c r="I45" t="s">
        <v>30</v>
      </c>
      <c r="K45" t="s">
        <v>31</v>
      </c>
      <c r="L45" s="29">
        <v>-4505.6899999999996</v>
      </c>
      <c r="M45" t="s">
        <v>401</v>
      </c>
      <c r="N45" t="s">
        <v>32</v>
      </c>
      <c r="O45" t="s">
        <v>33</v>
      </c>
      <c r="P45" t="s">
        <v>34</v>
      </c>
      <c r="Q45" t="s">
        <v>35</v>
      </c>
      <c r="R45" t="s">
        <v>36</v>
      </c>
      <c r="U45" t="s">
        <v>37</v>
      </c>
      <c r="V45" s="30">
        <v>2022</v>
      </c>
      <c r="W45" s="31">
        <v>44732</v>
      </c>
      <c r="X45" s="32">
        <v>44732.643680555557</v>
      </c>
      <c r="Y45" t="s">
        <v>38</v>
      </c>
    </row>
    <row r="46" spans="1:25">
      <c r="A46" t="s">
        <v>25</v>
      </c>
      <c r="B46" t="s">
        <v>105</v>
      </c>
      <c r="C46" s="31">
        <v>44727</v>
      </c>
      <c r="D46" t="s">
        <v>27</v>
      </c>
      <c r="E46" t="s">
        <v>28</v>
      </c>
      <c r="F46" t="s">
        <v>400</v>
      </c>
      <c r="G46" s="30">
        <v>6</v>
      </c>
      <c r="H46" t="s">
        <v>29</v>
      </c>
      <c r="I46" t="s">
        <v>30</v>
      </c>
      <c r="K46" t="s">
        <v>31</v>
      </c>
      <c r="L46" s="29">
        <v>-4615.57</v>
      </c>
      <c r="M46" t="s">
        <v>401</v>
      </c>
      <c r="N46" t="s">
        <v>32</v>
      </c>
      <c r="O46" t="s">
        <v>33</v>
      </c>
      <c r="P46" t="s">
        <v>34</v>
      </c>
      <c r="Q46" t="s">
        <v>35</v>
      </c>
      <c r="R46" t="s">
        <v>36</v>
      </c>
      <c r="U46" t="s">
        <v>37</v>
      </c>
      <c r="V46" s="30">
        <v>2022</v>
      </c>
      <c r="W46" s="31">
        <v>44732</v>
      </c>
      <c r="X46" s="32">
        <v>44732.643703703703</v>
      </c>
      <c r="Y46" t="s">
        <v>38</v>
      </c>
    </row>
    <row r="47" spans="1:25">
      <c r="A47" t="s">
        <v>25</v>
      </c>
      <c r="B47" t="s">
        <v>107</v>
      </c>
      <c r="C47" s="31">
        <v>44727</v>
      </c>
      <c r="D47" t="s">
        <v>27</v>
      </c>
      <c r="E47" t="s">
        <v>28</v>
      </c>
      <c r="F47" t="s">
        <v>400</v>
      </c>
      <c r="G47" s="30">
        <v>6</v>
      </c>
      <c r="H47" t="s">
        <v>29</v>
      </c>
      <c r="I47" t="s">
        <v>30</v>
      </c>
      <c r="K47" t="s">
        <v>31</v>
      </c>
      <c r="L47" s="29">
        <v>-5063.75</v>
      </c>
      <c r="M47" t="s">
        <v>401</v>
      </c>
      <c r="N47" t="s">
        <v>32</v>
      </c>
      <c r="O47" t="s">
        <v>33</v>
      </c>
      <c r="P47" t="s">
        <v>34</v>
      </c>
      <c r="Q47" t="s">
        <v>35</v>
      </c>
      <c r="R47" t="s">
        <v>36</v>
      </c>
      <c r="U47" t="s">
        <v>37</v>
      </c>
      <c r="V47" s="30">
        <v>2022</v>
      </c>
      <c r="W47" s="31">
        <v>44732</v>
      </c>
      <c r="X47" s="32">
        <v>44732.643680555557</v>
      </c>
      <c r="Y47" t="s">
        <v>38</v>
      </c>
    </row>
    <row r="48" spans="1:25">
      <c r="A48" t="s">
        <v>25</v>
      </c>
      <c r="B48" t="s">
        <v>113</v>
      </c>
      <c r="C48" s="31">
        <v>44727</v>
      </c>
      <c r="D48" t="s">
        <v>27</v>
      </c>
      <c r="E48" t="s">
        <v>28</v>
      </c>
      <c r="F48" t="s">
        <v>400</v>
      </c>
      <c r="G48" s="30">
        <v>6</v>
      </c>
      <c r="H48" t="s">
        <v>29</v>
      </c>
      <c r="I48" t="s">
        <v>30</v>
      </c>
      <c r="K48" t="s">
        <v>31</v>
      </c>
      <c r="L48" s="29">
        <v>686.33</v>
      </c>
      <c r="M48" t="s">
        <v>401</v>
      </c>
      <c r="N48" t="s">
        <v>32</v>
      </c>
      <c r="O48" t="s">
        <v>33</v>
      </c>
      <c r="P48" t="s">
        <v>34</v>
      </c>
      <c r="Q48" t="s">
        <v>35</v>
      </c>
      <c r="R48" t="s">
        <v>36</v>
      </c>
      <c r="U48" t="s">
        <v>37</v>
      </c>
      <c r="V48" s="30">
        <v>2022</v>
      </c>
      <c r="W48" s="31">
        <v>44732</v>
      </c>
      <c r="X48" s="32">
        <v>44732.643692129626</v>
      </c>
      <c r="Y48" t="s">
        <v>38</v>
      </c>
    </row>
    <row r="49" spans="1:25">
      <c r="A49" t="s">
        <v>25</v>
      </c>
      <c r="B49" t="s">
        <v>121</v>
      </c>
      <c r="C49" s="31">
        <v>44727</v>
      </c>
      <c r="D49" t="s">
        <v>27</v>
      </c>
      <c r="E49" t="s">
        <v>28</v>
      </c>
      <c r="F49" t="s">
        <v>400</v>
      </c>
      <c r="G49" s="30">
        <v>6</v>
      </c>
      <c r="H49" t="s">
        <v>29</v>
      </c>
      <c r="I49" t="s">
        <v>30</v>
      </c>
      <c r="K49" t="s">
        <v>31</v>
      </c>
      <c r="L49" s="29">
        <v>-32086.92</v>
      </c>
      <c r="M49" t="s">
        <v>401</v>
      </c>
      <c r="N49" t="s">
        <v>32</v>
      </c>
      <c r="O49" t="s">
        <v>33</v>
      </c>
      <c r="P49" t="s">
        <v>34</v>
      </c>
      <c r="Q49" t="s">
        <v>35</v>
      </c>
      <c r="R49" t="s">
        <v>36</v>
      </c>
      <c r="U49" t="s">
        <v>37</v>
      </c>
      <c r="V49" s="30">
        <v>2022</v>
      </c>
      <c r="W49" s="31">
        <v>44732</v>
      </c>
      <c r="X49" s="32">
        <v>44732.643692129626</v>
      </c>
      <c r="Y49" t="s">
        <v>38</v>
      </c>
    </row>
    <row r="50" spans="1:25">
      <c r="A50" t="s">
        <v>25</v>
      </c>
      <c r="B50" t="s">
        <v>122</v>
      </c>
      <c r="C50" s="31">
        <v>44727</v>
      </c>
      <c r="D50" t="s">
        <v>27</v>
      </c>
      <c r="E50" t="s">
        <v>28</v>
      </c>
      <c r="F50" t="s">
        <v>400</v>
      </c>
      <c r="G50" s="30">
        <v>6</v>
      </c>
      <c r="H50" t="s">
        <v>29</v>
      </c>
      <c r="I50" t="s">
        <v>30</v>
      </c>
      <c r="K50" t="s">
        <v>31</v>
      </c>
      <c r="L50" s="29">
        <v>-959</v>
      </c>
      <c r="M50" t="s">
        <v>401</v>
      </c>
      <c r="N50" t="s">
        <v>32</v>
      </c>
      <c r="O50" t="s">
        <v>33</v>
      </c>
      <c r="P50" t="s">
        <v>34</v>
      </c>
      <c r="Q50" t="s">
        <v>35</v>
      </c>
      <c r="R50" t="s">
        <v>36</v>
      </c>
      <c r="U50" t="s">
        <v>37</v>
      </c>
      <c r="V50" s="30">
        <v>2022</v>
      </c>
      <c r="W50" s="31">
        <v>44732</v>
      </c>
      <c r="X50" s="32">
        <v>44732.643680555557</v>
      </c>
      <c r="Y50" t="s">
        <v>38</v>
      </c>
    </row>
    <row r="51" spans="1:25">
      <c r="A51" t="s">
        <v>25</v>
      </c>
      <c r="B51" t="s">
        <v>123</v>
      </c>
      <c r="C51" s="31">
        <v>44727</v>
      </c>
      <c r="D51" t="s">
        <v>27</v>
      </c>
      <c r="E51" t="s">
        <v>28</v>
      </c>
      <c r="F51" t="s">
        <v>400</v>
      </c>
      <c r="G51" s="30">
        <v>6</v>
      </c>
      <c r="H51" t="s">
        <v>29</v>
      </c>
      <c r="I51" t="s">
        <v>30</v>
      </c>
      <c r="K51" t="s">
        <v>31</v>
      </c>
      <c r="L51" s="29">
        <v>-4335.43</v>
      </c>
      <c r="M51" t="s">
        <v>401</v>
      </c>
      <c r="N51" t="s">
        <v>32</v>
      </c>
      <c r="O51" t="s">
        <v>33</v>
      </c>
      <c r="P51" t="s">
        <v>34</v>
      </c>
      <c r="Q51" t="s">
        <v>35</v>
      </c>
      <c r="R51" t="s">
        <v>36</v>
      </c>
      <c r="U51" t="s">
        <v>37</v>
      </c>
      <c r="V51" s="30">
        <v>2022</v>
      </c>
      <c r="W51" s="31">
        <v>44732</v>
      </c>
      <c r="X51" s="32">
        <v>44732.643692129626</v>
      </c>
      <c r="Y51" t="s">
        <v>38</v>
      </c>
    </row>
    <row r="52" spans="1:25">
      <c r="A52" t="s">
        <v>25</v>
      </c>
      <c r="B52" t="s">
        <v>129</v>
      </c>
      <c r="C52" s="31">
        <v>44727</v>
      </c>
      <c r="D52" t="s">
        <v>27</v>
      </c>
      <c r="E52" t="s">
        <v>28</v>
      </c>
      <c r="F52" t="s">
        <v>400</v>
      </c>
      <c r="G52" s="30">
        <v>6</v>
      </c>
      <c r="H52" t="s">
        <v>29</v>
      </c>
      <c r="I52" t="s">
        <v>30</v>
      </c>
      <c r="K52" t="s">
        <v>31</v>
      </c>
      <c r="L52" s="29">
        <v>-11596.01</v>
      </c>
      <c r="M52" t="s">
        <v>401</v>
      </c>
      <c r="N52" t="s">
        <v>32</v>
      </c>
      <c r="O52" t="s">
        <v>33</v>
      </c>
      <c r="P52" t="s">
        <v>34</v>
      </c>
      <c r="Q52" t="s">
        <v>35</v>
      </c>
      <c r="R52" t="s">
        <v>36</v>
      </c>
      <c r="U52" t="s">
        <v>37</v>
      </c>
      <c r="V52" s="30">
        <v>2022</v>
      </c>
      <c r="W52" s="31">
        <v>44732</v>
      </c>
      <c r="X52" s="32">
        <v>44732.64366898148</v>
      </c>
      <c r="Y52" t="s">
        <v>38</v>
      </c>
    </row>
    <row r="53" spans="1:25">
      <c r="A53" t="s">
        <v>25</v>
      </c>
      <c r="B53" t="s">
        <v>133</v>
      </c>
      <c r="C53" s="31">
        <v>44727</v>
      </c>
      <c r="D53" t="s">
        <v>27</v>
      </c>
      <c r="E53" t="s">
        <v>28</v>
      </c>
      <c r="F53" t="s">
        <v>400</v>
      </c>
      <c r="G53" s="30">
        <v>6</v>
      </c>
      <c r="H53" t="s">
        <v>29</v>
      </c>
      <c r="I53" t="s">
        <v>30</v>
      </c>
      <c r="K53" t="s">
        <v>31</v>
      </c>
      <c r="L53" s="29">
        <v>-22317.21</v>
      </c>
      <c r="M53" t="s">
        <v>401</v>
      </c>
      <c r="N53" t="s">
        <v>32</v>
      </c>
      <c r="O53" t="s">
        <v>33</v>
      </c>
      <c r="P53" t="s">
        <v>34</v>
      </c>
      <c r="Q53" t="s">
        <v>35</v>
      </c>
      <c r="R53" t="s">
        <v>36</v>
      </c>
      <c r="U53" t="s">
        <v>37</v>
      </c>
      <c r="V53" s="30">
        <v>2022</v>
      </c>
      <c r="W53" s="31">
        <v>44741</v>
      </c>
      <c r="X53" s="32">
        <v>44741.553472222222</v>
      </c>
      <c r="Y53" t="s">
        <v>38</v>
      </c>
    </row>
    <row r="54" spans="1:25">
      <c r="A54" t="s">
        <v>25</v>
      </c>
      <c r="B54" t="s">
        <v>83</v>
      </c>
      <c r="C54" s="31">
        <v>44727</v>
      </c>
      <c r="D54" t="s">
        <v>27</v>
      </c>
      <c r="E54" t="s">
        <v>28</v>
      </c>
      <c r="F54" t="s">
        <v>400</v>
      </c>
      <c r="G54" s="30">
        <v>6</v>
      </c>
      <c r="H54" t="s">
        <v>29</v>
      </c>
      <c r="I54" t="s">
        <v>30</v>
      </c>
      <c r="K54" t="s">
        <v>31</v>
      </c>
      <c r="L54" s="29">
        <v>0.26</v>
      </c>
      <c r="M54" t="s">
        <v>401</v>
      </c>
      <c r="N54" t="s">
        <v>32</v>
      </c>
      <c r="O54" t="s">
        <v>33</v>
      </c>
      <c r="P54" t="s">
        <v>34</v>
      </c>
      <c r="Q54" t="s">
        <v>35</v>
      </c>
      <c r="R54" t="s">
        <v>36</v>
      </c>
      <c r="U54" t="s">
        <v>37</v>
      </c>
      <c r="V54" s="30">
        <v>2022</v>
      </c>
      <c r="W54" s="31">
        <v>44741</v>
      </c>
      <c r="X54" s="32">
        <v>44741.553460648145</v>
      </c>
      <c r="Y54" t="s">
        <v>38</v>
      </c>
    </row>
    <row r="55" spans="1:25">
      <c r="A55" t="s">
        <v>25</v>
      </c>
      <c r="B55" t="s">
        <v>143</v>
      </c>
      <c r="C55" s="31">
        <v>44727</v>
      </c>
      <c r="D55" t="s">
        <v>27</v>
      </c>
      <c r="E55" t="s">
        <v>28</v>
      </c>
      <c r="F55" t="s">
        <v>400</v>
      </c>
      <c r="G55" s="30">
        <v>6</v>
      </c>
      <c r="H55" t="s">
        <v>29</v>
      </c>
      <c r="I55" t="s">
        <v>30</v>
      </c>
      <c r="K55" t="s">
        <v>31</v>
      </c>
      <c r="L55" s="29">
        <v>-14176.8</v>
      </c>
      <c r="M55" t="s">
        <v>401</v>
      </c>
      <c r="N55" t="s">
        <v>32</v>
      </c>
      <c r="O55" t="s">
        <v>33</v>
      </c>
      <c r="P55" t="s">
        <v>34</v>
      </c>
      <c r="Q55" t="s">
        <v>35</v>
      </c>
      <c r="R55" t="s">
        <v>36</v>
      </c>
      <c r="U55" t="s">
        <v>37</v>
      </c>
      <c r="V55" s="30">
        <v>2022</v>
      </c>
      <c r="W55" s="31">
        <v>44743</v>
      </c>
      <c r="X55" s="32">
        <v>44743.373993055553</v>
      </c>
      <c r="Y55" t="s">
        <v>38</v>
      </c>
    </row>
    <row r="56" spans="1:25">
      <c r="A56" t="s">
        <v>25</v>
      </c>
      <c r="B56" t="s">
        <v>149</v>
      </c>
      <c r="C56" s="31">
        <v>44727</v>
      </c>
      <c r="D56" t="s">
        <v>27</v>
      </c>
      <c r="E56" t="s">
        <v>28</v>
      </c>
      <c r="F56" t="s">
        <v>400</v>
      </c>
      <c r="G56" s="30">
        <v>6</v>
      </c>
      <c r="H56" t="s">
        <v>29</v>
      </c>
      <c r="I56" t="s">
        <v>30</v>
      </c>
      <c r="K56" t="s">
        <v>31</v>
      </c>
      <c r="L56" s="29">
        <v>-11445.02</v>
      </c>
      <c r="M56" t="s">
        <v>401</v>
      </c>
      <c r="N56" t="s">
        <v>32</v>
      </c>
      <c r="O56" t="s">
        <v>33</v>
      </c>
      <c r="P56" t="s">
        <v>34</v>
      </c>
      <c r="Q56" t="s">
        <v>35</v>
      </c>
      <c r="R56" t="s">
        <v>36</v>
      </c>
      <c r="U56" t="s">
        <v>37</v>
      </c>
      <c r="V56" s="30">
        <v>2022</v>
      </c>
      <c r="W56" s="31">
        <v>44744</v>
      </c>
      <c r="X56" s="32">
        <v>44744.441851851851</v>
      </c>
      <c r="Y56" t="s">
        <v>38</v>
      </c>
    </row>
    <row r="57" spans="1:25">
      <c r="A57" t="s">
        <v>25</v>
      </c>
      <c r="B57" t="s">
        <v>162</v>
      </c>
      <c r="C57" s="31">
        <v>44727</v>
      </c>
      <c r="D57" t="s">
        <v>27</v>
      </c>
      <c r="E57" t="s">
        <v>28</v>
      </c>
      <c r="F57" t="s">
        <v>400</v>
      </c>
      <c r="G57" s="30">
        <v>6</v>
      </c>
      <c r="H57" t="s">
        <v>29</v>
      </c>
      <c r="I57" t="s">
        <v>30</v>
      </c>
      <c r="K57" t="s">
        <v>31</v>
      </c>
      <c r="L57" s="29">
        <v>-38907.31</v>
      </c>
      <c r="M57" t="s">
        <v>401</v>
      </c>
      <c r="N57" t="s">
        <v>32</v>
      </c>
      <c r="O57" t="s">
        <v>33</v>
      </c>
      <c r="P57" t="s">
        <v>34</v>
      </c>
      <c r="Q57" t="s">
        <v>35</v>
      </c>
      <c r="R57" t="s">
        <v>36</v>
      </c>
      <c r="U57" t="s">
        <v>37</v>
      </c>
      <c r="V57" s="30">
        <v>2022</v>
      </c>
      <c r="W57" s="31">
        <v>44741</v>
      </c>
      <c r="X57" s="32">
        <v>44741.553483796299</v>
      </c>
      <c r="Y57" t="s">
        <v>38</v>
      </c>
    </row>
    <row r="58" spans="1:25">
      <c r="A58" t="s">
        <v>25</v>
      </c>
      <c r="B58" t="s">
        <v>163</v>
      </c>
      <c r="C58" s="31">
        <v>44727</v>
      </c>
      <c r="D58" t="s">
        <v>27</v>
      </c>
      <c r="E58" t="s">
        <v>28</v>
      </c>
      <c r="F58" t="s">
        <v>400</v>
      </c>
      <c r="G58" s="30">
        <v>6</v>
      </c>
      <c r="H58" t="s">
        <v>29</v>
      </c>
      <c r="I58" t="s">
        <v>30</v>
      </c>
      <c r="K58" t="s">
        <v>31</v>
      </c>
      <c r="L58" s="29">
        <v>2972.86</v>
      </c>
      <c r="M58" t="s">
        <v>401</v>
      </c>
      <c r="N58" t="s">
        <v>32</v>
      </c>
      <c r="O58" t="s">
        <v>33</v>
      </c>
      <c r="P58" t="s">
        <v>34</v>
      </c>
      <c r="Q58" t="s">
        <v>35</v>
      </c>
      <c r="R58" t="s">
        <v>36</v>
      </c>
      <c r="U58" t="s">
        <v>37</v>
      </c>
      <c r="V58" s="30">
        <v>2022</v>
      </c>
      <c r="W58" s="31">
        <v>44741</v>
      </c>
      <c r="X58" s="32">
        <v>44741.553495370368</v>
      </c>
      <c r="Y58" t="s">
        <v>38</v>
      </c>
    </row>
    <row r="59" spans="1:25">
      <c r="A59" t="s">
        <v>25</v>
      </c>
      <c r="B59" t="s">
        <v>239</v>
      </c>
      <c r="C59" s="31">
        <v>44727</v>
      </c>
      <c r="D59" t="s">
        <v>27</v>
      </c>
      <c r="E59" t="s">
        <v>28</v>
      </c>
      <c r="F59" t="s">
        <v>400</v>
      </c>
      <c r="G59" s="30">
        <v>6</v>
      </c>
      <c r="H59" t="s">
        <v>29</v>
      </c>
      <c r="I59" t="s">
        <v>30</v>
      </c>
      <c r="K59" t="s">
        <v>31</v>
      </c>
      <c r="L59" s="29">
        <v>2771.88</v>
      </c>
      <c r="M59" t="s">
        <v>401</v>
      </c>
      <c r="N59" t="s">
        <v>32</v>
      </c>
      <c r="O59" t="s">
        <v>33</v>
      </c>
      <c r="P59" t="s">
        <v>34</v>
      </c>
      <c r="Q59" t="s">
        <v>35</v>
      </c>
      <c r="R59" t="s">
        <v>36</v>
      </c>
      <c r="U59" t="s">
        <v>37</v>
      </c>
      <c r="V59" s="30">
        <v>2022</v>
      </c>
      <c r="W59" s="31">
        <v>44732</v>
      </c>
      <c r="X59" s="32">
        <v>44732.64366898148</v>
      </c>
      <c r="Y59" t="s">
        <v>38</v>
      </c>
    </row>
    <row r="60" spans="1:25">
      <c r="A60" t="s">
        <v>25</v>
      </c>
      <c r="B60" t="s">
        <v>280</v>
      </c>
      <c r="C60" s="31">
        <v>44727</v>
      </c>
      <c r="D60" t="s">
        <v>27</v>
      </c>
      <c r="E60" t="s">
        <v>28</v>
      </c>
      <c r="F60" t="s">
        <v>400</v>
      </c>
      <c r="G60" s="30">
        <v>6</v>
      </c>
      <c r="H60" t="s">
        <v>29</v>
      </c>
      <c r="I60" t="s">
        <v>30</v>
      </c>
      <c r="K60" t="s">
        <v>31</v>
      </c>
      <c r="L60" s="29">
        <v>-11447.86</v>
      </c>
      <c r="M60" t="s">
        <v>401</v>
      </c>
      <c r="N60" t="s">
        <v>32</v>
      </c>
      <c r="O60" t="s">
        <v>33</v>
      </c>
      <c r="P60" t="s">
        <v>34</v>
      </c>
      <c r="Q60" t="s">
        <v>35</v>
      </c>
      <c r="R60" t="s">
        <v>36</v>
      </c>
      <c r="U60" t="s">
        <v>37</v>
      </c>
      <c r="V60" s="30">
        <v>2022</v>
      </c>
      <c r="W60" s="31">
        <v>44743</v>
      </c>
      <c r="X60" s="32">
        <v>44743.525243055556</v>
      </c>
      <c r="Y60" t="s">
        <v>38</v>
      </c>
    </row>
    <row r="61" spans="1:25">
      <c r="A61" t="s">
        <v>25</v>
      </c>
      <c r="B61" t="s">
        <v>220</v>
      </c>
      <c r="C61" s="31">
        <v>44727</v>
      </c>
      <c r="D61" t="s">
        <v>27</v>
      </c>
      <c r="E61" t="s">
        <v>28</v>
      </c>
      <c r="F61" t="s">
        <v>400</v>
      </c>
      <c r="G61" s="30">
        <v>6</v>
      </c>
      <c r="H61" t="s">
        <v>29</v>
      </c>
      <c r="I61" t="s">
        <v>30</v>
      </c>
      <c r="K61" t="s">
        <v>31</v>
      </c>
      <c r="L61" s="29">
        <v>241.85</v>
      </c>
      <c r="M61" t="s">
        <v>401</v>
      </c>
      <c r="N61" t="s">
        <v>32</v>
      </c>
      <c r="O61" t="s">
        <v>33</v>
      </c>
      <c r="P61" t="s">
        <v>34</v>
      </c>
      <c r="Q61" t="s">
        <v>35</v>
      </c>
      <c r="R61" t="s">
        <v>36</v>
      </c>
      <c r="U61" t="s">
        <v>37</v>
      </c>
      <c r="V61" s="30">
        <v>2022</v>
      </c>
      <c r="W61" s="31">
        <v>44743</v>
      </c>
      <c r="X61" s="32">
        <v>44743.373981481483</v>
      </c>
      <c r="Y61" t="s">
        <v>38</v>
      </c>
    </row>
    <row r="62" spans="1:25">
      <c r="A62" t="s">
        <v>25</v>
      </c>
      <c r="B62" t="s">
        <v>99</v>
      </c>
      <c r="C62" s="31">
        <v>44727</v>
      </c>
      <c r="D62" t="s">
        <v>27</v>
      </c>
      <c r="E62" t="s">
        <v>28</v>
      </c>
      <c r="F62" t="s">
        <v>400</v>
      </c>
      <c r="G62" s="30">
        <v>6</v>
      </c>
      <c r="H62" t="s">
        <v>29</v>
      </c>
      <c r="I62" t="s">
        <v>30</v>
      </c>
      <c r="K62" t="s">
        <v>31</v>
      </c>
      <c r="L62" s="29">
        <v>-21320.26</v>
      </c>
      <c r="M62" t="s">
        <v>401</v>
      </c>
      <c r="N62" t="s">
        <v>32</v>
      </c>
      <c r="O62" t="s">
        <v>33</v>
      </c>
      <c r="P62" t="s">
        <v>34</v>
      </c>
      <c r="Q62" t="s">
        <v>35</v>
      </c>
      <c r="R62" t="s">
        <v>36</v>
      </c>
      <c r="U62" t="s">
        <v>37</v>
      </c>
      <c r="V62" s="30">
        <v>2022</v>
      </c>
      <c r="W62" s="31">
        <v>44741</v>
      </c>
      <c r="X62" s="32">
        <v>44741.553495370368</v>
      </c>
      <c r="Y62" t="s">
        <v>38</v>
      </c>
    </row>
    <row r="63" spans="1:25">
      <c r="A63" t="s">
        <v>25</v>
      </c>
      <c r="B63" t="s">
        <v>100</v>
      </c>
      <c r="C63" s="31">
        <v>44727</v>
      </c>
      <c r="D63" t="s">
        <v>27</v>
      </c>
      <c r="E63" t="s">
        <v>28</v>
      </c>
      <c r="F63" t="s">
        <v>400</v>
      </c>
      <c r="G63" s="30">
        <v>6</v>
      </c>
      <c r="H63" t="s">
        <v>29</v>
      </c>
      <c r="I63" t="s">
        <v>30</v>
      </c>
      <c r="K63" t="s">
        <v>31</v>
      </c>
      <c r="L63" s="29">
        <v>1497.02</v>
      </c>
      <c r="M63" t="s">
        <v>401</v>
      </c>
      <c r="N63" t="s">
        <v>32</v>
      </c>
      <c r="O63" t="s">
        <v>33</v>
      </c>
      <c r="P63" t="s">
        <v>34</v>
      </c>
      <c r="Q63" t="s">
        <v>35</v>
      </c>
      <c r="R63" t="s">
        <v>36</v>
      </c>
      <c r="U63" t="s">
        <v>37</v>
      </c>
      <c r="V63" s="30">
        <v>2022</v>
      </c>
      <c r="W63" s="31">
        <v>44741</v>
      </c>
      <c r="X63" s="32">
        <v>44741.553506944445</v>
      </c>
      <c r="Y63" t="s">
        <v>38</v>
      </c>
    </row>
    <row r="64" spans="1:25">
      <c r="A64" t="s">
        <v>25</v>
      </c>
      <c r="B64" t="s">
        <v>310</v>
      </c>
      <c r="C64" s="31">
        <v>44727</v>
      </c>
      <c r="D64" t="s">
        <v>27</v>
      </c>
      <c r="E64" t="s">
        <v>28</v>
      </c>
      <c r="F64" t="s">
        <v>400</v>
      </c>
      <c r="G64" s="30">
        <v>6</v>
      </c>
      <c r="H64" t="s">
        <v>29</v>
      </c>
      <c r="I64" t="s">
        <v>30</v>
      </c>
      <c r="K64" t="s">
        <v>31</v>
      </c>
      <c r="L64" s="29">
        <v>-3772.75</v>
      </c>
      <c r="M64" t="s">
        <v>401</v>
      </c>
      <c r="N64" t="s">
        <v>32</v>
      </c>
      <c r="O64" t="s">
        <v>33</v>
      </c>
      <c r="P64" t="s">
        <v>34</v>
      </c>
      <c r="Q64" t="s">
        <v>35</v>
      </c>
      <c r="R64" t="s">
        <v>36</v>
      </c>
      <c r="U64" t="s">
        <v>37</v>
      </c>
      <c r="V64" s="30">
        <v>2022</v>
      </c>
      <c r="W64" s="31">
        <v>44741</v>
      </c>
      <c r="X64" s="32">
        <v>44741.553506944445</v>
      </c>
      <c r="Y64" t="s">
        <v>38</v>
      </c>
    </row>
    <row r="65" spans="1:25">
      <c r="A65" t="s">
        <v>25</v>
      </c>
      <c r="B65" t="s">
        <v>56</v>
      </c>
      <c r="C65" s="31">
        <v>44757</v>
      </c>
      <c r="D65" t="s">
        <v>27</v>
      </c>
      <c r="E65" t="s">
        <v>28</v>
      </c>
      <c r="F65" t="s">
        <v>400</v>
      </c>
      <c r="G65" s="30">
        <v>7</v>
      </c>
      <c r="H65" t="s">
        <v>29</v>
      </c>
      <c r="I65" t="s">
        <v>30</v>
      </c>
      <c r="K65" t="s">
        <v>31</v>
      </c>
      <c r="L65" s="29">
        <v>13082.67</v>
      </c>
      <c r="M65" t="s">
        <v>401</v>
      </c>
      <c r="N65" t="s">
        <v>32</v>
      </c>
      <c r="O65" t="s">
        <v>33</v>
      </c>
      <c r="P65" t="s">
        <v>34</v>
      </c>
      <c r="Q65" t="s">
        <v>35</v>
      </c>
      <c r="R65" t="s">
        <v>36</v>
      </c>
      <c r="U65" t="s">
        <v>37</v>
      </c>
      <c r="V65" s="30">
        <v>2022</v>
      </c>
      <c r="W65" s="31">
        <v>44767</v>
      </c>
      <c r="X65" s="32">
        <v>44767.65353009259</v>
      </c>
      <c r="Y65" t="s">
        <v>38</v>
      </c>
    </row>
    <row r="66" spans="1:25">
      <c r="A66" t="s">
        <v>25</v>
      </c>
      <c r="B66" t="s">
        <v>57</v>
      </c>
      <c r="C66" s="31">
        <v>44757</v>
      </c>
      <c r="D66" t="s">
        <v>27</v>
      </c>
      <c r="E66" t="s">
        <v>28</v>
      </c>
      <c r="F66" t="s">
        <v>400</v>
      </c>
      <c r="G66" s="30">
        <v>7</v>
      </c>
      <c r="H66" t="s">
        <v>29</v>
      </c>
      <c r="I66" t="s">
        <v>30</v>
      </c>
      <c r="K66" t="s">
        <v>31</v>
      </c>
      <c r="L66" s="29">
        <v>-4004.88</v>
      </c>
      <c r="M66" t="s">
        <v>401</v>
      </c>
      <c r="N66" t="s">
        <v>32</v>
      </c>
      <c r="O66" t="s">
        <v>33</v>
      </c>
      <c r="P66" t="s">
        <v>34</v>
      </c>
      <c r="Q66" t="s">
        <v>35</v>
      </c>
      <c r="R66" t="s">
        <v>36</v>
      </c>
      <c r="U66" t="s">
        <v>37</v>
      </c>
      <c r="V66" s="30">
        <v>2022</v>
      </c>
      <c r="W66" s="31">
        <v>44767</v>
      </c>
      <c r="X66" s="32">
        <v>44767.655624999999</v>
      </c>
      <c r="Y66" t="s">
        <v>38</v>
      </c>
    </row>
    <row r="67" spans="1:25">
      <c r="A67" t="s">
        <v>25</v>
      </c>
      <c r="B67" t="s">
        <v>59</v>
      </c>
      <c r="C67" s="31">
        <v>44757</v>
      </c>
      <c r="D67" t="s">
        <v>27</v>
      </c>
      <c r="E67" t="s">
        <v>28</v>
      </c>
      <c r="F67" t="s">
        <v>400</v>
      </c>
      <c r="G67" s="30">
        <v>7</v>
      </c>
      <c r="H67" t="s">
        <v>29</v>
      </c>
      <c r="I67" t="s">
        <v>30</v>
      </c>
      <c r="K67" t="s">
        <v>31</v>
      </c>
      <c r="L67" s="29">
        <v>2791.39</v>
      </c>
      <c r="M67" t="s">
        <v>401</v>
      </c>
      <c r="N67" t="s">
        <v>32</v>
      </c>
      <c r="O67" t="s">
        <v>33</v>
      </c>
      <c r="P67" t="s">
        <v>34</v>
      </c>
      <c r="Q67" t="s">
        <v>35</v>
      </c>
      <c r="R67" t="s">
        <v>36</v>
      </c>
      <c r="U67" t="s">
        <v>37</v>
      </c>
      <c r="V67" s="30">
        <v>2022</v>
      </c>
      <c r="W67" s="31">
        <v>44774</v>
      </c>
      <c r="X67" s="32">
        <v>44774.322824074072</v>
      </c>
      <c r="Y67" t="s">
        <v>38</v>
      </c>
    </row>
    <row r="68" spans="1:25">
      <c r="A68" t="s">
        <v>25</v>
      </c>
      <c r="B68" t="s">
        <v>60</v>
      </c>
      <c r="C68" s="31">
        <v>44757</v>
      </c>
      <c r="D68" t="s">
        <v>27</v>
      </c>
      <c r="E68" t="s">
        <v>28</v>
      </c>
      <c r="F68" t="s">
        <v>400</v>
      </c>
      <c r="G68" s="30">
        <v>7</v>
      </c>
      <c r="H68" t="s">
        <v>29</v>
      </c>
      <c r="I68" t="s">
        <v>30</v>
      </c>
      <c r="K68" t="s">
        <v>31</v>
      </c>
      <c r="L68" s="29">
        <v>-10043.5</v>
      </c>
      <c r="M68" t="s">
        <v>401</v>
      </c>
      <c r="N68" t="s">
        <v>32</v>
      </c>
      <c r="O68" t="s">
        <v>33</v>
      </c>
      <c r="P68" t="s">
        <v>34</v>
      </c>
      <c r="Q68" t="s">
        <v>35</v>
      </c>
      <c r="R68" t="s">
        <v>36</v>
      </c>
      <c r="U68" t="s">
        <v>37</v>
      </c>
      <c r="V68" s="30">
        <v>2022</v>
      </c>
      <c r="W68" s="31">
        <v>44774</v>
      </c>
      <c r="X68" s="32">
        <v>44774.322835648149</v>
      </c>
      <c r="Y68" t="s">
        <v>38</v>
      </c>
    </row>
    <row r="69" spans="1:25">
      <c r="A69" t="s">
        <v>25</v>
      </c>
      <c r="B69" t="s">
        <v>62</v>
      </c>
      <c r="C69" s="31">
        <v>44757</v>
      </c>
      <c r="D69" t="s">
        <v>27</v>
      </c>
      <c r="E69" t="s">
        <v>28</v>
      </c>
      <c r="F69" t="s">
        <v>400</v>
      </c>
      <c r="G69" s="30">
        <v>7</v>
      </c>
      <c r="H69" t="s">
        <v>29</v>
      </c>
      <c r="I69" t="s">
        <v>30</v>
      </c>
      <c r="K69" t="s">
        <v>31</v>
      </c>
      <c r="L69" s="29">
        <v>-270.7</v>
      </c>
      <c r="M69" t="s">
        <v>401</v>
      </c>
      <c r="N69" t="s">
        <v>32</v>
      </c>
      <c r="O69" t="s">
        <v>33</v>
      </c>
      <c r="P69" t="s">
        <v>34</v>
      </c>
      <c r="Q69" t="s">
        <v>35</v>
      </c>
      <c r="R69" t="s">
        <v>36</v>
      </c>
      <c r="U69" t="s">
        <v>37</v>
      </c>
      <c r="V69" s="30">
        <v>2022</v>
      </c>
      <c r="W69" s="31">
        <v>44767</v>
      </c>
      <c r="X69" s="32">
        <v>44767.655613425923</v>
      </c>
      <c r="Y69" t="s">
        <v>38</v>
      </c>
    </row>
    <row r="70" spans="1:25">
      <c r="A70" t="s">
        <v>25</v>
      </c>
      <c r="B70" t="s">
        <v>64</v>
      </c>
      <c r="C70" s="31">
        <v>44757</v>
      </c>
      <c r="D70" t="s">
        <v>27</v>
      </c>
      <c r="E70" t="s">
        <v>28</v>
      </c>
      <c r="F70" t="s">
        <v>400</v>
      </c>
      <c r="G70" s="30">
        <v>7</v>
      </c>
      <c r="H70" t="s">
        <v>29</v>
      </c>
      <c r="I70" t="s">
        <v>30</v>
      </c>
      <c r="K70" t="s">
        <v>31</v>
      </c>
      <c r="L70" s="29">
        <v>-13056.63</v>
      </c>
      <c r="M70" t="s">
        <v>401</v>
      </c>
      <c r="N70" t="s">
        <v>32</v>
      </c>
      <c r="O70" t="s">
        <v>33</v>
      </c>
      <c r="P70" t="s">
        <v>34</v>
      </c>
      <c r="Q70" t="s">
        <v>35</v>
      </c>
      <c r="R70" t="s">
        <v>36</v>
      </c>
      <c r="U70" t="s">
        <v>37</v>
      </c>
      <c r="V70" s="30">
        <v>2022</v>
      </c>
      <c r="W70" s="31">
        <v>44767</v>
      </c>
      <c r="X70" s="32">
        <v>44767.65353009259</v>
      </c>
      <c r="Y70" t="s">
        <v>38</v>
      </c>
    </row>
    <row r="71" spans="1:25">
      <c r="A71" t="s">
        <v>25</v>
      </c>
      <c r="B71" t="s">
        <v>102</v>
      </c>
      <c r="C71" s="31">
        <v>44757</v>
      </c>
      <c r="D71" t="s">
        <v>27</v>
      </c>
      <c r="E71" t="s">
        <v>28</v>
      </c>
      <c r="F71" t="s">
        <v>400</v>
      </c>
      <c r="G71" s="30">
        <v>7</v>
      </c>
      <c r="H71" t="s">
        <v>29</v>
      </c>
      <c r="I71" t="s">
        <v>30</v>
      </c>
      <c r="K71" t="s">
        <v>31</v>
      </c>
      <c r="L71" s="29">
        <v>-76959.98</v>
      </c>
      <c r="M71" t="s">
        <v>401</v>
      </c>
      <c r="N71" t="s">
        <v>32</v>
      </c>
      <c r="O71" t="s">
        <v>33</v>
      </c>
      <c r="P71" t="s">
        <v>34</v>
      </c>
      <c r="Q71" t="s">
        <v>35</v>
      </c>
      <c r="R71" t="s">
        <v>36</v>
      </c>
      <c r="U71" t="s">
        <v>37</v>
      </c>
      <c r="V71" s="30">
        <v>2022</v>
      </c>
      <c r="W71" s="31">
        <v>44774</v>
      </c>
      <c r="X71" s="32">
        <v>44774.322766203702</v>
      </c>
      <c r="Y71" t="s">
        <v>38</v>
      </c>
    </row>
    <row r="72" spans="1:25">
      <c r="A72" t="s">
        <v>25</v>
      </c>
      <c r="B72" t="s">
        <v>101</v>
      </c>
      <c r="C72" s="31">
        <v>44757</v>
      </c>
      <c r="D72" t="s">
        <v>27</v>
      </c>
      <c r="E72" t="s">
        <v>28</v>
      </c>
      <c r="F72" t="s">
        <v>400</v>
      </c>
      <c r="G72" s="30">
        <v>7</v>
      </c>
      <c r="H72" t="s">
        <v>29</v>
      </c>
      <c r="I72" t="s">
        <v>30</v>
      </c>
      <c r="K72" t="s">
        <v>31</v>
      </c>
      <c r="L72" s="29">
        <v>24303.68</v>
      </c>
      <c r="M72" t="s">
        <v>401</v>
      </c>
      <c r="N72" t="s">
        <v>32</v>
      </c>
      <c r="O72" t="s">
        <v>33</v>
      </c>
      <c r="P72" t="s">
        <v>34</v>
      </c>
      <c r="Q72" t="s">
        <v>35</v>
      </c>
      <c r="R72" t="s">
        <v>36</v>
      </c>
      <c r="U72" t="s">
        <v>37</v>
      </c>
      <c r="V72" s="30">
        <v>2022</v>
      </c>
      <c r="W72" s="31">
        <v>44774</v>
      </c>
      <c r="X72" s="32">
        <v>44774.322777777779</v>
      </c>
      <c r="Y72" t="s">
        <v>38</v>
      </c>
    </row>
    <row r="73" spans="1:25">
      <c r="A73" t="s">
        <v>25</v>
      </c>
      <c r="B73" t="s">
        <v>172</v>
      </c>
      <c r="C73" s="31">
        <v>44757</v>
      </c>
      <c r="D73" t="s">
        <v>27</v>
      </c>
      <c r="E73" t="s">
        <v>28</v>
      </c>
      <c r="F73" t="s">
        <v>400</v>
      </c>
      <c r="G73" s="30">
        <v>7</v>
      </c>
      <c r="H73" t="s">
        <v>29</v>
      </c>
      <c r="I73" t="s">
        <v>30</v>
      </c>
      <c r="K73" t="s">
        <v>31</v>
      </c>
      <c r="L73" s="29">
        <v>-21849.07</v>
      </c>
      <c r="M73" t="s">
        <v>401</v>
      </c>
      <c r="N73" t="s">
        <v>32</v>
      </c>
      <c r="O73" t="s">
        <v>33</v>
      </c>
      <c r="P73" t="s">
        <v>34</v>
      </c>
      <c r="Q73" t="s">
        <v>35</v>
      </c>
      <c r="R73" t="s">
        <v>36</v>
      </c>
      <c r="U73" t="s">
        <v>37</v>
      </c>
      <c r="V73" s="30">
        <v>2022</v>
      </c>
      <c r="W73" s="31">
        <v>44767</v>
      </c>
      <c r="X73" s="32">
        <v>44767.65351851852</v>
      </c>
      <c r="Y73" t="s">
        <v>38</v>
      </c>
    </row>
    <row r="74" spans="1:25">
      <c r="A74" t="s">
        <v>25</v>
      </c>
      <c r="B74" t="s">
        <v>192</v>
      </c>
      <c r="C74" s="31">
        <v>44757</v>
      </c>
      <c r="D74" t="s">
        <v>27</v>
      </c>
      <c r="E74" t="s">
        <v>28</v>
      </c>
      <c r="F74" t="s">
        <v>400</v>
      </c>
      <c r="G74" s="30">
        <v>7</v>
      </c>
      <c r="H74" t="s">
        <v>29</v>
      </c>
      <c r="I74" t="s">
        <v>30</v>
      </c>
      <c r="K74" t="s">
        <v>31</v>
      </c>
      <c r="L74" s="29">
        <v>3912.75</v>
      </c>
      <c r="M74" t="s">
        <v>401</v>
      </c>
      <c r="N74" t="s">
        <v>32</v>
      </c>
      <c r="O74" t="s">
        <v>33</v>
      </c>
      <c r="P74" t="s">
        <v>34</v>
      </c>
      <c r="Q74" t="s">
        <v>35</v>
      </c>
      <c r="R74" t="s">
        <v>36</v>
      </c>
      <c r="U74" t="s">
        <v>37</v>
      </c>
      <c r="V74" s="30">
        <v>2022</v>
      </c>
      <c r="W74" s="31">
        <v>44774</v>
      </c>
      <c r="X74" s="32">
        <v>44774.322789351849</v>
      </c>
      <c r="Y74" t="s">
        <v>38</v>
      </c>
    </row>
    <row r="75" spans="1:25">
      <c r="A75" t="s">
        <v>25</v>
      </c>
      <c r="B75" t="s">
        <v>193</v>
      </c>
      <c r="C75" s="31">
        <v>44757</v>
      </c>
      <c r="D75" t="s">
        <v>27</v>
      </c>
      <c r="E75" t="s">
        <v>28</v>
      </c>
      <c r="F75" t="s">
        <v>400</v>
      </c>
      <c r="G75" s="30">
        <v>7</v>
      </c>
      <c r="H75" t="s">
        <v>29</v>
      </c>
      <c r="I75" t="s">
        <v>30</v>
      </c>
      <c r="K75" t="s">
        <v>31</v>
      </c>
      <c r="L75" s="29">
        <v>-9159.52</v>
      </c>
      <c r="M75" t="s">
        <v>401</v>
      </c>
      <c r="N75" t="s">
        <v>32</v>
      </c>
      <c r="O75" t="s">
        <v>33</v>
      </c>
      <c r="P75" t="s">
        <v>34</v>
      </c>
      <c r="Q75" t="s">
        <v>35</v>
      </c>
      <c r="R75" t="s">
        <v>36</v>
      </c>
      <c r="U75" t="s">
        <v>37</v>
      </c>
      <c r="V75" s="30">
        <v>2022</v>
      </c>
      <c r="W75" s="31">
        <v>44774</v>
      </c>
      <c r="X75" s="32">
        <v>44774.322812500002</v>
      </c>
      <c r="Y75" t="s">
        <v>38</v>
      </c>
    </row>
    <row r="76" spans="1:25">
      <c r="A76" t="s">
        <v>25</v>
      </c>
      <c r="B76" t="s">
        <v>194</v>
      </c>
      <c r="C76" s="31">
        <v>44757</v>
      </c>
      <c r="D76" t="s">
        <v>27</v>
      </c>
      <c r="E76" t="s">
        <v>28</v>
      </c>
      <c r="F76" t="s">
        <v>400</v>
      </c>
      <c r="G76" s="30">
        <v>7</v>
      </c>
      <c r="H76" t="s">
        <v>29</v>
      </c>
      <c r="I76" t="s">
        <v>30</v>
      </c>
      <c r="K76" t="s">
        <v>31</v>
      </c>
      <c r="L76" s="29">
        <v>4706.33</v>
      </c>
      <c r="M76" t="s">
        <v>401</v>
      </c>
      <c r="N76" t="s">
        <v>32</v>
      </c>
      <c r="O76" t="s">
        <v>33</v>
      </c>
      <c r="P76" t="s">
        <v>34</v>
      </c>
      <c r="Q76" t="s">
        <v>35</v>
      </c>
      <c r="R76" t="s">
        <v>36</v>
      </c>
      <c r="U76" t="s">
        <v>37</v>
      </c>
      <c r="V76" s="30">
        <v>2022</v>
      </c>
      <c r="W76" s="31">
        <v>44774</v>
      </c>
      <c r="X76" s="32">
        <v>44774.322800925926</v>
      </c>
      <c r="Y76" t="s">
        <v>38</v>
      </c>
    </row>
    <row r="77" spans="1:25">
      <c r="A77" t="s">
        <v>25</v>
      </c>
      <c r="B77" t="s">
        <v>195</v>
      </c>
      <c r="C77" s="31">
        <v>44757</v>
      </c>
      <c r="D77" t="s">
        <v>27</v>
      </c>
      <c r="E77" t="s">
        <v>28</v>
      </c>
      <c r="F77" t="s">
        <v>400</v>
      </c>
      <c r="G77" s="30">
        <v>7</v>
      </c>
      <c r="H77" t="s">
        <v>29</v>
      </c>
      <c r="I77" t="s">
        <v>30</v>
      </c>
      <c r="K77" t="s">
        <v>31</v>
      </c>
      <c r="L77" s="29">
        <v>-5109.51</v>
      </c>
      <c r="M77" t="s">
        <v>401</v>
      </c>
      <c r="N77" t="s">
        <v>32</v>
      </c>
      <c r="O77" t="s">
        <v>33</v>
      </c>
      <c r="P77" t="s">
        <v>34</v>
      </c>
      <c r="Q77" t="s">
        <v>35</v>
      </c>
      <c r="R77" t="s">
        <v>36</v>
      </c>
      <c r="U77" t="s">
        <v>37</v>
      </c>
      <c r="V77" s="30">
        <v>2022</v>
      </c>
      <c r="W77" s="31">
        <v>44774</v>
      </c>
      <c r="X77" s="32">
        <v>44774.71539351852</v>
      </c>
      <c r="Y77" t="s">
        <v>38</v>
      </c>
    </row>
    <row r="78" spans="1:25">
      <c r="A78" t="s">
        <v>25</v>
      </c>
      <c r="B78" t="s">
        <v>221</v>
      </c>
      <c r="C78" s="31">
        <v>44757</v>
      </c>
      <c r="D78" t="s">
        <v>27</v>
      </c>
      <c r="E78" t="s">
        <v>28</v>
      </c>
      <c r="F78" t="s">
        <v>400</v>
      </c>
      <c r="G78" s="30">
        <v>7</v>
      </c>
      <c r="H78" t="s">
        <v>29</v>
      </c>
      <c r="I78" t="s">
        <v>30</v>
      </c>
      <c r="K78" t="s">
        <v>31</v>
      </c>
      <c r="L78" s="29">
        <v>-1836.78</v>
      </c>
      <c r="M78" t="s">
        <v>401</v>
      </c>
      <c r="N78" t="s">
        <v>32</v>
      </c>
      <c r="O78" t="s">
        <v>33</v>
      </c>
      <c r="P78" t="s">
        <v>34</v>
      </c>
      <c r="Q78" t="s">
        <v>35</v>
      </c>
      <c r="R78" t="s">
        <v>36</v>
      </c>
      <c r="U78" t="s">
        <v>37</v>
      </c>
      <c r="V78" s="30">
        <v>2022</v>
      </c>
      <c r="W78" s="31">
        <v>44767</v>
      </c>
      <c r="X78" s="32">
        <v>44767.653506944444</v>
      </c>
      <c r="Y78" t="s">
        <v>38</v>
      </c>
    </row>
    <row r="79" spans="1:25">
      <c r="A79" t="s">
        <v>25</v>
      </c>
      <c r="B79" t="s">
        <v>225</v>
      </c>
      <c r="C79" s="31">
        <v>44757</v>
      </c>
      <c r="D79" t="s">
        <v>27</v>
      </c>
      <c r="E79" t="s">
        <v>28</v>
      </c>
      <c r="F79" t="s">
        <v>400</v>
      </c>
      <c r="G79" s="30">
        <v>7</v>
      </c>
      <c r="H79" t="s">
        <v>29</v>
      </c>
      <c r="I79" t="s">
        <v>30</v>
      </c>
      <c r="K79" t="s">
        <v>31</v>
      </c>
      <c r="L79" s="29">
        <v>-12563.99</v>
      </c>
      <c r="M79" t="s">
        <v>401</v>
      </c>
      <c r="N79" t="s">
        <v>32</v>
      </c>
      <c r="O79" t="s">
        <v>33</v>
      </c>
      <c r="P79" t="s">
        <v>34</v>
      </c>
      <c r="Q79" t="s">
        <v>35</v>
      </c>
      <c r="R79" t="s">
        <v>36</v>
      </c>
      <c r="U79" t="s">
        <v>37</v>
      </c>
      <c r="V79" s="30">
        <v>2022</v>
      </c>
      <c r="W79" s="31">
        <v>44767</v>
      </c>
      <c r="X79" s="32">
        <v>44767.653495370374</v>
      </c>
      <c r="Y79" t="s">
        <v>38</v>
      </c>
    </row>
    <row r="80" spans="1:25">
      <c r="A80" t="s">
        <v>25</v>
      </c>
      <c r="B80" t="s">
        <v>273</v>
      </c>
      <c r="C80" s="31">
        <v>44757</v>
      </c>
      <c r="D80" t="s">
        <v>27</v>
      </c>
      <c r="E80" t="s">
        <v>28</v>
      </c>
      <c r="F80" t="s">
        <v>400</v>
      </c>
      <c r="G80" s="30">
        <v>7</v>
      </c>
      <c r="H80" t="s">
        <v>29</v>
      </c>
      <c r="I80" t="s">
        <v>30</v>
      </c>
      <c r="K80" t="s">
        <v>31</v>
      </c>
      <c r="L80" s="29">
        <v>-12019.54</v>
      </c>
      <c r="M80" t="s">
        <v>401</v>
      </c>
      <c r="N80" t="s">
        <v>32</v>
      </c>
      <c r="O80" t="s">
        <v>33</v>
      </c>
      <c r="P80" t="s">
        <v>34</v>
      </c>
      <c r="Q80" t="s">
        <v>35</v>
      </c>
      <c r="R80" t="s">
        <v>36</v>
      </c>
      <c r="U80" t="s">
        <v>37</v>
      </c>
      <c r="V80" s="30">
        <v>2022</v>
      </c>
      <c r="W80" s="31">
        <v>44767</v>
      </c>
      <c r="X80" s="32">
        <v>44767.65351851852</v>
      </c>
      <c r="Y80" t="s">
        <v>38</v>
      </c>
    </row>
    <row r="81" spans="1:25">
      <c r="A81" t="s">
        <v>25</v>
      </c>
      <c r="B81" t="s">
        <v>281</v>
      </c>
      <c r="C81" s="31">
        <v>44757</v>
      </c>
      <c r="D81" t="s">
        <v>27</v>
      </c>
      <c r="E81" t="s">
        <v>28</v>
      </c>
      <c r="F81" t="s">
        <v>400</v>
      </c>
      <c r="G81" s="30">
        <v>7</v>
      </c>
      <c r="H81" t="s">
        <v>29</v>
      </c>
      <c r="I81" t="s">
        <v>30</v>
      </c>
      <c r="K81" t="s">
        <v>31</v>
      </c>
      <c r="L81" s="29">
        <v>-16727.28</v>
      </c>
      <c r="M81" t="s">
        <v>401</v>
      </c>
      <c r="N81" t="s">
        <v>32</v>
      </c>
      <c r="O81" t="s">
        <v>33</v>
      </c>
      <c r="P81" t="s">
        <v>34</v>
      </c>
      <c r="Q81" t="s">
        <v>35</v>
      </c>
      <c r="R81" t="s">
        <v>36</v>
      </c>
      <c r="U81" t="s">
        <v>37</v>
      </c>
      <c r="V81" s="30">
        <v>2022</v>
      </c>
      <c r="W81" s="31">
        <v>44775</v>
      </c>
      <c r="X81" s="32">
        <v>44775.686701388891</v>
      </c>
      <c r="Y81" t="s">
        <v>38</v>
      </c>
    </row>
    <row r="82" spans="1:25">
      <c r="A82" t="s">
        <v>25</v>
      </c>
      <c r="B82" t="s">
        <v>212</v>
      </c>
      <c r="C82" s="31">
        <v>44757</v>
      </c>
      <c r="D82" t="s">
        <v>27</v>
      </c>
      <c r="E82" t="s">
        <v>28</v>
      </c>
      <c r="F82" t="s">
        <v>400</v>
      </c>
      <c r="G82" s="30">
        <v>7</v>
      </c>
      <c r="H82" t="s">
        <v>29</v>
      </c>
      <c r="I82" t="s">
        <v>30</v>
      </c>
      <c r="K82" t="s">
        <v>31</v>
      </c>
      <c r="L82" s="29">
        <v>-32731.47</v>
      </c>
      <c r="M82" t="s">
        <v>401</v>
      </c>
      <c r="N82" t="s">
        <v>32</v>
      </c>
      <c r="O82" t="s">
        <v>33</v>
      </c>
      <c r="P82" t="s">
        <v>34</v>
      </c>
      <c r="Q82" t="s">
        <v>35</v>
      </c>
      <c r="R82" t="s">
        <v>36</v>
      </c>
      <c r="U82" t="s">
        <v>37</v>
      </c>
      <c r="V82" s="30">
        <v>2022</v>
      </c>
      <c r="W82" s="31">
        <v>44774</v>
      </c>
      <c r="X82" s="32">
        <v>44774.322824074072</v>
      </c>
      <c r="Y82" t="s">
        <v>38</v>
      </c>
    </row>
    <row r="83" spans="1:25">
      <c r="A83" t="s">
        <v>25</v>
      </c>
      <c r="B83" t="s">
        <v>222</v>
      </c>
      <c r="C83" s="31">
        <v>44757</v>
      </c>
      <c r="D83" t="s">
        <v>27</v>
      </c>
      <c r="E83" t="s">
        <v>28</v>
      </c>
      <c r="F83" t="s">
        <v>400</v>
      </c>
      <c r="G83" s="30">
        <v>7</v>
      </c>
      <c r="H83" t="s">
        <v>29</v>
      </c>
      <c r="I83" t="s">
        <v>30</v>
      </c>
      <c r="K83" t="s">
        <v>31</v>
      </c>
      <c r="L83" s="29">
        <v>-8823.57</v>
      </c>
      <c r="M83" t="s">
        <v>401</v>
      </c>
      <c r="N83" t="s">
        <v>32</v>
      </c>
      <c r="O83" t="s">
        <v>33</v>
      </c>
      <c r="P83" t="s">
        <v>34</v>
      </c>
      <c r="Q83" t="s">
        <v>35</v>
      </c>
      <c r="R83" t="s">
        <v>36</v>
      </c>
      <c r="U83" t="s">
        <v>37</v>
      </c>
      <c r="V83" s="30">
        <v>2022</v>
      </c>
      <c r="W83" s="31">
        <v>44774</v>
      </c>
      <c r="X83" s="32">
        <v>44774.322847222225</v>
      </c>
      <c r="Y83" t="s">
        <v>38</v>
      </c>
    </row>
    <row r="84" spans="1:25">
      <c r="A84" t="s">
        <v>25</v>
      </c>
      <c r="B84" t="s">
        <v>314</v>
      </c>
      <c r="C84" s="31">
        <v>44757</v>
      </c>
      <c r="D84" t="s">
        <v>27</v>
      </c>
      <c r="E84" t="s">
        <v>28</v>
      </c>
      <c r="F84" t="s">
        <v>400</v>
      </c>
      <c r="G84" s="30">
        <v>7</v>
      </c>
      <c r="H84" t="s">
        <v>29</v>
      </c>
      <c r="I84" t="s">
        <v>30</v>
      </c>
      <c r="K84" t="s">
        <v>31</v>
      </c>
      <c r="L84" s="29">
        <v>-9847.9500000000007</v>
      </c>
      <c r="M84" t="s">
        <v>401</v>
      </c>
      <c r="N84" t="s">
        <v>32</v>
      </c>
      <c r="O84" t="s">
        <v>33</v>
      </c>
      <c r="P84" t="s">
        <v>34</v>
      </c>
      <c r="Q84" t="s">
        <v>35</v>
      </c>
      <c r="R84" t="s">
        <v>36</v>
      </c>
      <c r="U84" t="s">
        <v>37</v>
      </c>
      <c r="V84" s="30">
        <v>2022</v>
      </c>
      <c r="W84" s="31">
        <v>44767</v>
      </c>
      <c r="X84" s="32">
        <v>44767.655636574076</v>
      </c>
      <c r="Y84" t="s">
        <v>38</v>
      </c>
    </row>
    <row r="85" spans="1:25">
      <c r="A85" t="s">
        <v>25</v>
      </c>
      <c r="B85" t="s">
        <v>78</v>
      </c>
      <c r="C85" s="31">
        <v>44788</v>
      </c>
      <c r="D85" t="s">
        <v>27</v>
      </c>
      <c r="E85" t="s">
        <v>28</v>
      </c>
      <c r="F85" t="s">
        <v>400</v>
      </c>
      <c r="G85" s="30">
        <v>8</v>
      </c>
      <c r="H85" t="s">
        <v>29</v>
      </c>
      <c r="I85" t="s">
        <v>30</v>
      </c>
      <c r="K85" t="s">
        <v>31</v>
      </c>
      <c r="L85" s="29">
        <v>-2637.59</v>
      </c>
      <c r="M85" t="s">
        <v>401</v>
      </c>
      <c r="N85" t="s">
        <v>32</v>
      </c>
      <c r="O85" t="s">
        <v>33</v>
      </c>
      <c r="P85" t="s">
        <v>34</v>
      </c>
      <c r="Q85" t="s">
        <v>35</v>
      </c>
      <c r="R85" t="s">
        <v>36</v>
      </c>
      <c r="U85" t="s">
        <v>37</v>
      </c>
      <c r="V85" s="30">
        <v>2022</v>
      </c>
      <c r="W85" s="31">
        <v>44804</v>
      </c>
      <c r="X85" s="32">
        <v>44804.478171296294</v>
      </c>
      <c r="Y85" t="s">
        <v>38</v>
      </c>
    </row>
    <row r="86" spans="1:25">
      <c r="A86" t="s">
        <v>25</v>
      </c>
      <c r="B86" t="s">
        <v>84</v>
      </c>
      <c r="C86" s="31">
        <v>44788</v>
      </c>
      <c r="D86" t="s">
        <v>27</v>
      </c>
      <c r="E86" t="s">
        <v>28</v>
      </c>
      <c r="F86" t="s">
        <v>400</v>
      </c>
      <c r="G86" s="30">
        <v>8</v>
      </c>
      <c r="H86" t="s">
        <v>29</v>
      </c>
      <c r="I86" t="s">
        <v>30</v>
      </c>
      <c r="K86" t="s">
        <v>31</v>
      </c>
      <c r="L86" s="29">
        <v>21153.17</v>
      </c>
      <c r="M86" t="s">
        <v>401</v>
      </c>
      <c r="N86" t="s">
        <v>32</v>
      </c>
      <c r="O86" t="s">
        <v>33</v>
      </c>
      <c r="P86" t="s">
        <v>34</v>
      </c>
      <c r="Q86" t="s">
        <v>35</v>
      </c>
      <c r="R86" t="s">
        <v>36</v>
      </c>
      <c r="U86" t="s">
        <v>37</v>
      </c>
      <c r="V86" s="30">
        <v>2022</v>
      </c>
      <c r="W86" s="31">
        <v>44804</v>
      </c>
      <c r="X86" s="32">
        <v>44804.478182870371</v>
      </c>
      <c r="Y86" t="s">
        <v>38</v>
      </c>
    </row>
    <row r="87" spans="1:25">
      <c r="A87" t="s">
        <v>25</v>
      </c>
      <c r="B87" t="s">
        <v>128</v>
      </c>
      <c r="C87" s="31">
        <v>44788</v>
      </c>
      <c r="D87" t="s">
        <v>27</v>
      </c>
      <c r="E87" t="s">
        <v>28</v>
      </c>
      <c r="F87" t="s">
        <v>400</v>
      </c>
      <c r="G87" s="30">
        <v>8</v>
      </c>
      <c r="H87" t="s">
        <v>29</v>
      </c>
      <c r="I87" t="s">
        <v>30</v>
      </c>
      <c r="K87" t="s">
        <v>31</v>
      </c>
      <c r="L87" s="29">
        <v>-2430.23</v>
      </c>
      <c r="M87" t="s">
        <v>401</v>
      </c>
      <c r="N87" t="s">
        <v>32</v>
      </c>
      <c r="O87" t="s">
        <v>33</v>
      </c>
      <c r="P87" t="s">
        <v>34</v>
      </c>
      <c r="Q87" t="s">
        <v>35</v>
      </c>
      <c r="R87" t="s">
        <v>36</v>
      </c>
      <c r="U87" t="s">
        <v>37</v>
      </c>
      <c r="V87" s="30">
        <v>2022</v>
      </c>
      <c r="W87" s="31">
        <v>44804</v>
      </c>
      <c r="X87" s="32">
        <v>44804.478194444448</v>
      </c>
      <c r="Y87" t="s">
        <v>38</v>
      </c>
    </row>
    <row r="88" spans="1:25">
      <c r="A88" t="s">
        <v>25</v>
      </c>
      <c r="B88" t="s">
        <v>144</v>
      </c>
      <c r="C88" s="31">
        <v>44788</v>
      </c>
      <c r="D88" t="s">
        <v>27</v>
      </c>
      <c r="E88" t="s">
        <v>28</v>
      </c>
      <c r="F88" t="s">
        <v>400</v>
      </c>
      <c r="G88" s="30">
        <v>8</v>
      </c>
      <c r="H88" t="s">
        <v>29</v>
      </c>
      <c r="I88" t="s">
        <v>30</v>
      </c>
      <c r="K88" t="s">
        <v>31</v>
      </c>
      <c r="L88" s="29">
        <v>1912.55</v>
      </c>
      <c r="M88" t="s">
        <v>401</v>
      </c>
      <c r="N88" t="s">
        <v>32</v>
      </c>
      <c r="O88" t="s">
        <v>33</v>
      </c>
      <c r="P88" t="s">
        <v>34</v>
      </c>
      <c r="Q88" t="s">
        <v>35</v>
      </c>
      <c r="R88" t="s">
        <v>36</v>
      </c>
      <c r="U88" t="s">
        <v>37</v>
      </c>
      <c r="V88" s="30">
        <v>2022</v>
      </c>
      <c r="W88" s="31">
        <v>44804</v>
      </c>
      <c r="X88" s="32">
        <v>44804.478148148148</v>
      </c>
      <c r="Y88" t="s">
        <v>38</v>
      </c>
    </row>
    <row r="89" spans="1:25">
      <c r="A89" t="s">
        <v>25</v>
      </c>
      <c r="B89" t="s">
        <v>145</v>
      </c>
      <c r="C89" s="31">
        <v>44788</v>
      </c>
      <c r="D89" t="s">
        <v>27</v>
      </c>
      <c r="E89" t="s">
        <v>28</v>
      </c>
      <c r="F89" t="s">
        <v>400</v>
      </c>
      <c r="G89" s="30">
        <v>8</v>
      </c>
      <c r="H89" t="s">
        <v>29</v>
      </c>
      <c r="I89" t="s">
        <v>30</v>
      </c>
      <c r="K89" t="s">
        <v>31</v>
      </c>
      <c r="L89" s="29">
        <v>2232.27</v>
      </c>
      <c r="M89" t="s">
        <v>401</v>
      </c>
      <c r="N89" t="s">
        <v>32</v>
      </c>
      <c r="O89" t="s">
        <v>33</v>
      </c>
      <c r="P89" t="s">
        <v>34</v>
      </c>
      <c r="Q89" t="s">
        <v>35</v>
      </c>
      <c r="R89" t="s">
        <v>36</v>
      </c>
      <c r="U89" t="s">
        <v>37</v>
      </c>
      <c r="V89" s="30">
        <v>2022</v>
      </c>
      <c r="W89" s="31">
        <v>44806</v>
      </c>
      <c r="X89" s="32">
        <v>44806.468865740739</v>
      </c>
      <c r="Y89" t="s">
        <v>38</v>
      </c>
    </row>
    <row r="90" spans="1:25">
      <c r="A90" t="s">
        <v>25</v>
      </c>
      <c r="B90" t="s">
        <v>148</v>
      </c>
      <c r="C90" s="31">
        <v>44788</v>
      </c>
      <c r="D90" t="s">
        <v>27</v>
      </c>
      <c r="E90" t="s">
        <v>28</v>
      </c>
      <c r="F90" t="s">
        <v>400</v>
      </c>
      <c r="G90" s="30">
        <v>8</v>
      </c>
      <c r="H90" t="s">
        <v>29</v>
      </c>
      <c r="I90" t="s">
        <v>30</v>
      </c>
      <c r="K90" t="s">
        <v>31</v>
      </c>
      <c r="L90" s="29">
        <v>-3131.91</v>
      </c>
      <c r="M90" t="s">
        <v>401</v>
      </c>
      <c r="N90" t="s">
        <v>32</v>
      </c>
      <c r="O90" t="s">
        <v>33</v>
      </c>
      <c r="P90" t="s">
        <v>34</v>
      </c>
      <c r="Q90" t="s">
        <v>35</v>
      </c>
      <c r="R90" t="s">
        <v>36</v>
      </c>
      <c r="U90" t="s">
        <v>37</v>
      </c>
      <c r="V90" s="30">
        <v>2022</v>
      </c>
      <c r="W90" s="31">
        <v>44792</v>
      </c>
      <c r="X90" s="32">
        <v>44792.503622685188</v>
      </c>
      <c r="Y90" t="s">
        <v>38</v>
      </c>
    </row>
    <row r="91" spans="1:25">
      <c r="A91" t="s">
        <v>25</v>
      </c>
      <c r="B91" t="s">
        <v>150</v>
      </c>
      <c r="C91" s="31">
        <v>44788</v>
      </c>
      <c r="D91" t="s">
        <v>27</v>
      </c>
      <c r="E91" t="s">
        <v>28</v>
      </c>
      <c r="F91" t="s">
        <v>400</v>
      </c>
      <c r="G91" s="30">
        <v>8</v>
      </c>
      <c r="H91" t="s">
        <v>29</v>
      </c>
      <c r="I91" t="s">
        <v>30</v>
      </c>
      <c r="K91" t="s">
        <v>31</v>
      </c>
      <c r="L91" s="29">
        <v>775.45</v>
      </c>
      <c r="M91" t="s">
        <v>401</v>
      </c>
      <c r="N91" t="s">
        <v>32</v>
      </c>
      <c r="O91" t="s">
        <v>33</v>
      </c>
      <c r="P91" t="s">
        <v>34</v>
      </c>
      <c r="Q91" t="s">
        <v>35</v>
      </c>
      <c r="R91" t="s">
        <v>36</v>
      </c>
      <c r="U91" t="s">
        <v>37</v>
      </c>
      <c r="V91" s="30">
        <v>2022</v>
      </c>
      <c r="W91" s="31">
        <v>44792</v>
      </c>
      <c r="X91" s="32">
        <v>44792.503622685188</v>
      </c>
      <c r="Y91" t="s">
        <v>38</v>
      </c>
    </row>
    <row r="92" spans="1:25">
      <c r="A92" t="s">
        <v>25</v>
      </c>
      <c r="B92" t="s">
        <v>152</v>
      </c>
      <c r="C92" s="31">
        <v>44788</v>
      </c>
      <c r="D92" t="s">
        <v>27</v>
      </c>
      <c r="E92" t="s">
        <v>28</v>
      </c>
      <c r="F92" t="s">
        <v>400</v>
      </c>
      <c r="G92" s="30">
        <v>8</v>
      </c>
      <c r="H92" t="s">
        <v>29</v>
      </c>
      <c r="I92" t="s">
        <v>30</v>
      </c>
      <c r="K92" t="s">
        <v>31</v>
      </c>
      <c r="L92" s="29">
        <v>-37984.85</v>
      </c>
      <c r="M92" t="s">
        <v>401</v>
      </c>
      <c r="N92" t="s">
        <v>32</v>
      </c>
      <c r="O92" t="s">
        <v>33</v>
      </c>
      <c r="P92" t="s">
        <v>34</v>
      </c>
      <c r="Q92" t="s">
        <v>35</v>
      </c>
      <c r="R92" t="s">
        <v>36</v>
      </c>
      <c r="U92" t="s">
        <v>37</v>
      </c>
      <c r="V92" s="30">
        <v>2022</v>
      </c>
      <c r="W92" s="31">
        <v>44804</v>
      </c>
      <c r="X92" s="32">
        <v>44804.478159722225</v>
      </c>
      <c r="Y92" t="s">
        <v>38</v>
      </c>
    </row>
    <row r="93" spans="1:25">
      <c r="A93" t="s">
        <v>25</v>
      </c>
      <c r="B93" t="s">
        <v>158</v>
      </c>
      <c r="C93" s="31">
        <v>44788</v>
      </c>
      <c r="D93" t="s">
        <v>27</v>
      </c>
      <c r="E93" t="s">
        <v>28</v>
      </c>
      <c r="F93" t="s">
        <v>400</v>
      </c>
      <c r="G93" s="30">
        <v>8</v>
      </c>
      <c r="H93" t="s">
        <v>29</v>
      </c>
      <c r="I93" t="s">
        <v>30</v>
      </c>
      <c r="K93" t="s">
        <v>31</v>
      </c>
      <c r="L93" s="29">
        <v>-2723.43</v>
      </c>
      <c r="M93" t="s">
        <v>401</v>
      </c>
      <c r="N93" t="s">
        <v>32</v>
      </c>
      <c r="O93" t="s">
        <v>33</v>
      </c>
      <c r="P93" t="s">
        <v>34</v>
      </c>
      <c r="Q93" t="s">
        <v>35</v>
      </c>
      <c r="R93" t="s">
        <v>36</v>
      </c>
      <c r="U93" t="s">
        <v>37</v>
      </c>
      <c r="V93" s="30">
        <v>2022</v>
      </c>
      <c r="W93" s="31">
        <v>44806</v>
      </c>
      <c r="X93" s="32">
        <v>44806.468842592592</v>
      </c>
      <c r="Y93" t="s">
        <v>38</v>
      </c>
    </row>
    <row r="94" spans="1:25">
      <c r="A94" t="s">
        <v>25</v>
      </c>
      <c r="B94" t="s">
        <v>173</v>
      </c>
      <c r="C94" s="31">
        <v>44788</v>
      </c>
      <c r="D94" t="s">
        <v>27</v>
      </c>
      <c r="E94" t="s">
        <v>28</v>
      </c>
      <c r="F94" t="s">
        <v>400</v>
      </c>
      <c r="G94" s="30">
        <v>8</v>
      </c>
      <c r="H94" t="s">
        <v>29</v>
      </c>
      <c r="I94" t="s">
        <v>30</v>
      </c>
      <c r="K94" t="s">
        <v>31</v>
      </c>
      <c r="L94" s="29">
        <v>-14219.87</v>
      </c>
      <c r="M94" t="s">
        <v>401</v>
      </c>
      <c r="N94" t="s">
        <v>32</v>
      </c>
      <c r="O94" t="s">
        <v>33</v>
      </c>
      <c r="P94" t="s">
        <v>34</v>
      </c>
      <c r="Q94" t="s">
        <v>35</v>
      </c>
      <c r="R94" t="s">
        <v>36</v>
      </c>
      <c r="U94" t="s">
        <v>37</v>
      </c>
      <c r="V94" s="30">
        <v>2022</v>
      </c>
      <c r="W94" s="31">
        <v>44806</v>
      </c>
      <c r="X94" s="32">
        <v>44806.468842592592</v>
      </c>
      <c r="Y94" t="s">
        <v>38</v>
      </c>
    </row>
    <row r="95" spans="1:25">
      <c r="A95" t="s">
        <v>25</v>
      </c>
      <c r="B95" t="s">
        <v>189</v>
      </c>
      <c r="C95" s="31">
        <v>44788</v>
      </c>
      <c r="D95" t="s">
        <v>27</v>
      </c>
      <c r="E95" t="s">
        <v>28</v>
      </c>
      <c r="F95" t="s">
        <v>400</v>
      </c>
      <c r="G95" s="30">
        <v>8</v>
      </c>
      <c r="H95" t="s">
        <v>29</v>
      </c>
      <c r="I95" t="s">
        <v>30</v>
      </c>
      <c r="K95" t="s">
        <v>31</v>
      </c>
      <c r="L95" s="29">
        <v>-8461.2800000000007</v>
      </c>
      <c r="M95" t="s">
        <v>401</v>
      </c>
      <c r="N95" t="s">
        <v>32</v>
      </c>
      <c r="O95" t="s">
        <v>33</v>
      </c>
      <c r="P95" t="s">
        <v>34</v>
      </c>
      <c r="Q95" t="s">
        <v>35</v>
      </c>
      <c r="R95" t="s">
        <v>36</v>
      </c>
      <c r="U95" t="s">
        <v>37</v>
      </c>
      <c r="V95" s="30">
        <v>2022</v>
      </c>
      <c r="W95" s="31">
        <v>44792</v>
      </c>
      <c r="X95" s="32">
        <v>44792.503611111111</v>
      </c>
      <c r="Y95" t="s">
        <v>38</v>
      </c>
    </row>
    <row r="96" spans="1:25">
      <c r="A96" t="s">
        <v>25</v>
      </c>
      <c r="B96" t="s">
        <v>196</v>
      </c>
      <c r="C96" s="31">
        <v>44788</v>
      </c>
      <c r="D96" t="s">
        <v>27</v>
      </c>
      <c r="E96" t="s">
        <v>28</v>
      </c>
      <c r="F96" t="s">
        <v>400</v>
      </c>
      <c r="G96" s="30">
        <v>8</v>
      </c>
      <c r="H96" t="s">
        <v>29</v>
      </c>
      <c r="I96" t="s">
        <v>30</v>
      </c>
      <c r="K96" t="s">
        <v>31</v>
      </c>
      <c r="L96" s="29">
        <v>-6626.73</v>
      </c>
      <c r="M96" t="s">
        <v>401</v>
      </c>
      <c r="N96" t="s">
        <v>32</v>
      </c>
      <c r="O96" t="s">
        <v>33</v>
      </c>
      <c r="P96" t="s">
        <v>34</v>
      </c>
      <c r="Q96" t="s">
        <v>35</v>
      </c>
      <c r="R96" t="s">
        <v>36</v>
      </c>
      <c r="U96" t="s">
        <v>37</v>
      </c>
      <c r="V96" s="30">
        <v>2022</v>
      </c>
      <c r="W96" s="31">
        <v>44804</v>
      </c>
      <c r="X96" s="32">
        <v>44804.478125000001</v>
      </c>
      <c r="Y96" t="s">
        <v>38</v>
      </c>
    </row>
    <row r="97" spans="1:25">
      <c r="A97" t="s">
        <v>25</v>
      </c>
      <c r="B97" t="s">
        <v>199</v>
      </c>
      <c r="C97" s="31">
        <v>44788</v>
      </c>
      <c r="D97" t="s">
        <v>27</v>
      </c>
      <c r="E97" t="s">
        <v>28</v>
      </c>
      <c r="F97" t="s">
        <v>400</v>
      </c>
      <c r="G97" s="30">
        <v>8</v>
      </c>
      <c r="H97" t="s">
        <v>29</v>
      </c>
      <c r="I97" t="s">
        <v>30</v>
      </c>
      <c r="K97" t="s">
        <v>31</v>
      </c>
      <c r="L97" s="29">
        <v>-5093.32</v>
      </c>
      <c r="M97" t="s">
        <v>401</v>
      </c>
      <c r="N97" t="s">
        <v>32</v>
      </c>
      <c r="O97" t="s">
        <v>33</v>
      </c>
      <c r="P97" t="s">
        <v>34</v>
      </c>
      <c r="Q97" t="s">
        <v>35</v>
      </c>
      <c r="R97" t="s">
        <v>36</v>
      </c>
      <c r="U97" t="s">
        <v>37</v>
      </c>
      <c r="V97" s="30">
        <v>2022</v>
      </c>
      <c r="W97" s="31">
        <v>44804</v>
      </c>
      <c r="X97" s="32">
        <v>44804.478136574071</v>
      </c>
      <c r="Y97" t="s">
        <v>38</v>
      </c>
    </row>
    <row r="98" spans="1:25">
      <c r="A98" t="s">
        <v>25</v>
      </c>
      <c r="B98" t="s">
        <v>200</v>
      </c>
      <c r="C98" s="31">
        <v>44788</v>
      </c>
      <c r="D98" t="s">
        <v>27</v>
      </c>
      <c r="E98" t="s">
        <v>28</v>
      </c>
      <c r="F98" t="s">
        <v>400</v>
      </c>
      <c r="G98" s="30">
        <v>8</v>
      </c>
      <c r="H98" t="s">
        <v>29</v>
      </c>
      <c r="I98" t="s">
        <v>30</v>
      </c>
      <c r="K98" t="s">
        <v>31</v>
      </c>
      <c r="L98" s="29">
        <v>-9700.51</v>
      </c>
      <c r="M98" t="s">
        <v>401</v>
      </c>
      <c r="N98" t="s">
        <v>32</v>
      </c>
      <c r="O98" t="s">
        <v>33</v>
      </c>
      <c r="P98" t="s">
        <v>34</v>
      </c>
      <c r="Q98" t="s">
        <v>35</v>
      </c>
      <c r="R98" t="s">
        <v>36</v>
      </c>
      <c r="U98" t="s">
        <v>37</v>
      </c>
      <c r="V98" s="30">
        <v>2022</v>
      </c>
      <c r="W98" s="31">
        <v>44804</v>
      </c>
      <c r="X98" s="32">
        <v>44804.478136574071</v>
      </c>
      <c r="Y98" t="s">
        <v>38</v>
      </c>
    </row>
    <row r="99" spans="1:25">
      <c r="A99" t="s">
        <v>25</v>
      </c>
      <c r="B99" t="s">
        <v>238</v>
      </c>
      <c r="C99" s="31">
        <v>44788</v>
      </c>
      <c r="D99" t="s">
        <v>27</v>
      </c>
      <c r="E99" t="s">
        <v>28</v>
      </c>
      <c r="F99" t="s">
        <v>400</v>
      </c>
      <c r="G99" s="30">
        <v>8</v>
      </c>
      <c r="H99" t="s">
        <v>29</v>
      </c>
      <c r="I99" t="s">
        <v>30</v>
      </c>
      <c r="K99" t="s">
        <v>31</v>
      </c>
      <c r="L99" s="29">
        <v>1571.5</v>
      </c>
      <c r="M99" t="s">
        <v>401</v>
      </c>
      <c r="N99" t="s">
        <v>32</v>
      </c>
      <c r="O99" t="s">
        <v>33</v>
      </c>
      <c r="P99" t="s">
        <v>34</v>
      </c>
      <c r="Q99" t="s">
        <v>35</v>
      </c>
      <c r="R99" t="s">
        <v>36</v>
      </c>
      <c r="U99" t="s">
        <v>37</v>
      </c>
      <c r="V99" s="30">
        <v>2022</v>
      </c>
      <c r="W99" s="31">
        <v>44792</v>
      </c>
      <c r="X99" s="32">
        <v>44792.503599537034</v>
      </c>
      <c r="Y99" t="s">
        <v>38</v>
      </c>
    </row>
    <row r="100" spans="1:25">
      <c r="A100" t="s">
        <v>25</v>
      </c>
      <c r="B100" t="s">
        <v>170</v>
      </c>
      <c r="C100" s="31">
        <v>44788</v>
      </c>
      <c r="D100" t="s">
        <v>27</v>
      </c>
      <c r="E100" t="s">
        <v>28</v>
      </c>
      <c r="F100" t="s">
        <v>400</v>
      </c>
      <c r="G100" s="30">
        <v>8</v>
      </c>
      <c r="H100" t="s">
        <v>29</v>
      </c>
      <c r="I100" t="s">
        <v>30</v>
      </c>
      <c r="K100" t="s">
        <v>31</v>
      </c>
      <c r="L100" s="29">
        <v>-18594.259999999998</v>
      </c>
      <c r="M100" t="s">
        <v>401</v>
      </c>
      <c r="N100" t="s">
        <v>32</v>
      </c>
      <c r="O100" t="s">
        <v>33</v>
      </c>
      <c r="P100" t="s">
        <v>34</v>
      </c>
      <c r="Q100" t="s">
        <v>35</v>
      </c>
      <c r="R100" t="s">
        <v>36</v>
      </c>
      <c r="U100" t="s">
        <v>37</v>
      </c>
      <c r="V100" s="30">
        <v>2022</v>
      </c>
      <c r="W100" s="31">
        <v>44792</v>
      </c>
      <c r="X100" s="32">
        <v>44792.503611111111</v>
      </c>
      <c r="Y100" t="s">
        <v>38</v>
      </c>
    </row>
    <row r="101" spans="1:25">
      <c r="A101" t="s">
        <v>25</v>
      </c>
      <c r="B101" t="s">
        <v>254</v>
      </c>
      <c r="C101" s="31">
        <v>44788</v>
      </c>
      <c r="D101" t="s">
        <v>27</v>
      </c>
      <c r="E101" t="s">
        <v>28</v>
      </c>
      <c r="F101" t="s">
        <v>400</v>
      </c>
      <c r="G101" s="30">
        <v>8</v>
      </c>
      <c r="H101" t="s">
        <v>29</v>
      </c>
      <c r="I101" t="s">
        <v>30</v>
      </c>
      <c r="K101" t="s">
        <v>31</v>
      </c>
      <c r="L101" s="29">
        <v>-13601.67</v>
      </c>
      <c r="M101" t="s">
        <v>401</v>
      </c>
      <c r="N101" t="s">
        <v>32</v>
      </c>
      <c r="O101" t="s">
        <v>33</v>
      </c>
      <c r="P101" t="s">
        <v>34</v>
      </c>
      <c r="Q101" t="s">
        <v>35</v>
      </c>
      <c r="R101" t="s">
        <v>36</v>
      </c>
      <c r="U101" t="s">
        <v>37</v>
      </c>
      <c r="V101" s="30">
        <v>2022</v>
      </c>
      <c r="W101" s="31">
        <v>44804</v>
      </c>
      <c r="X101" s="32">
        <v>44804.478171296294</v>
      </c>
      <c r="Y101" t="s">
        <v>38</v>
      </c>
    </row>
    <row r="102" spans="1:25">
      <c r="A102" t="s">
        <v>25</v>
      </c>
      <c r="B102" t="s">
        <v>262</v>
      </c>
      <c r="C102" s="31">
        <v>44788</v>
      </c>
      <c r="D102" t="s">
        <v>27</v>
      </c>
      <c r="E102" t="s">
        <v>28</v>
      </c>
      <c r="F102" t="s">
        <v>400</v>
      </c>
      <c r="G102" s="30">
        <v>8</v>
      </c>
      <c r="H102" t="s">
        <v>29</v>
      </c>
      <c r="I102" t="s">
        <v>30</v>
      </c>
      <c r="K102" t="s">
        <v>31</v>
      </c>
      <c r="L102" s="29">
        <v>-4119.5200000000004</v>
      </c>
      <c r="M102" t="s">
        <v>401</v>
      </c>
      <c r="N102" t="s">
        <v>32</v>
      </c>
      <c r="O102" t="s">
        <v>33</v>
      </c>
      <c r="P102" t="s">
        <v>34</v>
      </c>
      <c r="Q102" t="s">
        <v>35</v>
      </c>
      <c r="R102" t="s">
        <v>36</v>
      </c>
      <c r="U102" t="s">
        <v>37</v>
      </c>
      <c r="V102" s="30">
        <v>2022</v>
      </c>
      <c r="W102" s="31">
        <v>44806</v>
      </c>
      <c r="X102" s="32">
        <v>44806.468877314815</v>
      </c>
      <c r="Y102" t="s">
        <v>38</v>
      </c>
    </row>
    <row r="103" spans="1:25">
      <c r="A103" t="s">
        <v>25</v>
      </c>
      <c r="B103" t="s">
        <v>269</v>
      </c>
      <c r="C103" s="31">
        <v>44788</v>
      </c>
      <c r="D103" t="s">
        <v>27</v>
      </c>
      <c r="E103" t="s">
        <v>28</v>
      </c>
      <c r="F103" t="s">
        <v>400</v>
      </c>
      <c r="G103" s="30">
        <v>8</v>
      </c>
      <c r="H103" t="s">
        <v>29</v>
      </c>
      <c r="I103" t="s">
        <v>30</v>
      </c>
      <c r="K103" t="s">
        <v>31</v>
      </c>
      <c r="L103" s="29">
        <v>-7715.71</v>
      </c>
      <c r="M103" t="s">
        <v>401</v>
      </c>
      <c r="N103" t="s">
        <v>32</v>
      </c>
      <c r="O103" t="s">
        <v>33</v>
      </c>
      <c r="P103" t="s">
        <v>34</v>
      </c>
      <c r="Q103" t="s">
        <v>35</v>
      </c>
      <c r="R103" t="s">
        <v>36</v>
      </c>
      <c r="U103" t="s">
        <v>37</v>
      </c>
      <c r="V103" s="30">
        <v>2022</v>
      </c>
      <c r="W103" s="31">
        <v>44792</v>
      </c>
      <c r="X103" s="32">
        <v>44792.503599537034</v>
      </c>
      <c r="Y103" t="s">
        <v>38</v>
      </c>
    </row>
    <row r="104" spans="1:25">
      <c r="A104" t="s">
        <v>25</v>
      </c>
      <c r="B104" t="s">
        <v>171</v>
      </c>
      <c r="C104" s="31">
        <v>44788</v>
      </c>
      <c r="D104" t="s">
        <v>27</v>
      </c>
      <c r="E104" t="s">
        <v>28</v>
      </c>
      <c r="F104" t="s">
        <v>400</v>
      </c>
      <c r="G104" s="30">
        <v>8</v>
      </c>
      <c r="H104" t="s">
        <v>29</v>
      </c>
      <c r="I104" t="s">
        <v>30</v>
      </c>
      <c r="K104" t="s">
        <v>31</v>
      </c>
      <c r="L104" s="29">
        <v>-4279.8900000000003</v>
      </c>
      <c r="M104" t="s">
        <v>401</v>
      </c>
      <c r="N104" t="s">
        <v>32</v>
      </c>
      <c r="O104" t="s">
        <v>33</v>
      </c>
      <c r="P104" t="s">
        <v>34</v>
      </c>
      <c r="Q104" t="s">
        <v>35</v>
      </c>
      <c r="R104" t="s">
        <v>36</v>
      </c>
      <c r="U104" t="s">
        <v>37</v>
      </c>
      <c r="V104" s="30">
        <v>2022</v>
      </c>
      <c r="W104" s="31">
        <v>44792</v>
      </c>
      <c r="X104" s="32">
        <v>44792.503611111111</v>
      </c>
      <c r="Y104" t="s">
        <v>38</v>
      </c>
    </row>
    <row r="105" spans="1:25">
      <c r="A105" t="s">
        <v>25</v>
      </c>
      <c r="B105" t="s">
        <v>283</v>
      </c>
      <c r="C105" s="31">
        <v>44788</v>
      </c>
      <c r="D105" t="s">
        <v>27</v>
      </c>
      <c r="E105" t="s">
        <v>28</v>
      </c>
      <c r="F105" t="s">
        <v>400</v>
      </c>
      <c r="G105" s="30">
        <v>8</v>
      </c>
      <c r="H105" t="s">
        <v>29</v>
      </c>
      <c r="I105" t="s">
        <v>30</v>
      </c>
      <c r="K105" t="s">
        <v>31</v>
      </c>
      <c r="L105" s="29">
        <v>-9320.3799999999992</v>
      </c>
      <c r="M105" t="s">
        <v>401</v>
      </c>
      <c r="N105" t="s">
        <v>32</v>
      </c>
      <c r="O105" t="s">
        <v>33</v>
      </c>
      <c r="P105" t="s">
        <v>34</v>
      </c>
      <c r="Q105" t="s">
        <v>35</v>
      </c>
      <c r="R105" t="s">
        <v>36</v>
      </c>
      <c r="U105" t="s">
        <v>37</v>
      </c>
      <c r="V105" s="30">
        <v>2022</v>
      </c>
      <c r="W105" s="31">
        <v>44806</v>
      </c>
      <c r="X105" s="32">
        <v>44806.468865740739</v>
      </c>
      <c r="Y105" t="s">
        <v>38</v>
      </c>
    </row>
    <row r="106" spans="1:25">
      <c r="A106" t="s">
        <v>25</v>
      </c>
      <c r="B106" t="s">
        <v>293</v>
      </c>
      <c r="C106" s="31">
        <v>44788</v>
      </c>
      <c r="D106" t="s">
        <v>27</v>
      </c>
      <c r="E106" t="s">
        <v>28</v>
      </c>
      <c r="F106" t="s">
        <v>400</v>
      </c>
      <c r="G106" s="30">
        <v>8</v>
      </c>
      <c r="H106" t="s">
        <v>29</v>
      </c>
      <c r="I106" t="s">
        <v>30</v>
      </c>
      <c r="K106" t="s">
        <v>31</v>
      </c>
      <c r="L106" s="29">
        <v>-25154.74</v>
      </c>
      <c r="M106" t="s">
        <v>401</v>
      </c>
      <c r="N106" t="s">
        <v>32</v>
      </c>
      <c r="O106" t="s">
        <v>33</v>
      </c>
      <c r="P106" t="s">
        <v>34</v>
      </c>
      <c r="Q106" t="s">
        <v>35</v>
      </c>
      <c r="R106" t="s">
        <v>36</v>
      </c>
      <c r="U106" t="s">
        <v>37</v>
      </c>
      <c r="V106" s="30">
        <v>2022</v>
      </c>
      <c r="W106" s="31">
        <v>44804</v>
      </c>
      <c r="X106" s="32">
        <v>44804.478159722225</v>
      </c>
      <c r="Y106" t="s">
        <v>38</v>
      </c>
    </row>
    <row r="107" spans="1:25">
      <c r="A107" t="s">
        <v>25</v>
      </c>
      <c r="B107" t="s">
        <v>315</v>
      </c>
      <c r="C107" s="31">
        <v>44788</v>
      </c>
      <c r="D107" t="s">
        <v>27</v>
      </c>
      <c r="E107" t="s">
        <v>28</v>
      </c>
      <c r="F107" t="s">
        <v>400</v>
      </c>
      <c r="G107" s="30">
        <v>8</v>
      </c>
      <c r="H107" t="s">
        <v>29</v>
      </c>
      <c r="I107" t="s">
        <v>30</v>
      </c>
      <c r="K107" t="s">
        <v>31</v>
      </c>
      <c r="L107" s="29">
        <v>-31019.25</v>
      </c>
      <c r="M107" t="s">
        <v>401</v>
      </c>
      <c r="N107" t="s">
        <v>32</v>
      </c>
      <c r="O107" t="s">
        <v>33</v>
      </c>
      <c r="P107" t="s">
        <v>34</v>
      </c>
      <c r="Q107" t="s">
        <v>35</v>
      </c>
      <c r="R107" t="s">
        <v>36</v>
      </c>
      <c r="U107" t="s">
        <v>37</v>
      </c>
      <c r="V107" s="30">
        <v>2022</v>
      </c>
      <c r="W107" s="31">
        <v>44806</v>
      </c>
      <c r="X107" s="32">
        <v>44806.468854166669</v>
      </c>
      <c r="Y107" t="s">
        <v>38</v>
      </c>
    </row>
    <row r="108" spans="1:25">
      <c r="A108" t="s">
        <v>25</v>
      </c>
      <c r="B108" t="s">
        <v>26</v>
      </c>
      <c r="C108" s="31">
        <v>44819</v>
      </c>
      <c r="D108" t="s">
        <v>27</v>
      </c>
      <c r="E108" t="s">
        <v>28</v>
      </c>
      <c r="F108" t="s">
        <v>400</v>
      </c>
      <c r="G108" s="30">
        <v>9</v>
      </c>
      <c r="H108" t="s">
        <v>29</v>
      </c>
      <c r="I108" t="s">
        <v>30</v>
      </c>
      <c r="K108" t="s">
        <v>31</v>
      </c>
      <c r="L108" s="29">
        <v>-15354.55</v>
      </c>
      <c r="M108" t="s">
        <v>401</v>
      </c>
      <c r="N108" t="s">
        <v>32</v>
      </c>
      <c r="O108" t="s">
        <v>33</v>
      </c>
      <c r="P108" t="s">
        <v>34</v>
      </c>
      <c r="Q108" t="s">
        <v>35</v>
      </c>
      <c r="R108" t="s">
        <v>36</v>
      </c>
      <c r="U108" t="s">
        <v>37</v>
      </c>
      <c r="V108" s="30">
        <v>2022</v>
      </c>
      <c r="W108" s="31">
        <v>44825</v>
      </c>
      <c r="X108" s="32">
        <v>44825.691423611112</v>
      </c>
      <c r="Y108" t="s">
        <v>38</v>
      </c>
    </row>
    <row r="109" spans="1:25">
      <c r="A109" t="s">
        <v>25</v>
      </c>
      <c r="B109" t="s">
        <v>47</v>
      </c>
      <c r="C109" s="31">
        <v>44819</v>
      </c>
      <c r="D109" t="s">
        <v>27</v>
      </c>
      <c r="E109" t="s">
        <v>28</v>
      </c>
      <c r="F109" t="s">
        <v>400</v>
      </c>
      <c r="G109" s="30">
        <v>9</v>
      </c>
      <c r="H109" t="s">
        <v>29</v>
      </c>
      <c r="I109" t="s">
        <v>30</v>
      </c>
      <c r="K109" t="s">
        <v>31</v>
      </c>
      <c r="L109" s="29">
        <v>-10649.37</v>
      </c>
      <c r="M109" t="s">
        <v>401</v>
      </c>
      <c r="N109" t="s">
        <v>32</v>
      </c>
      <c r="O109" t="s">
        <v>33</v>
      </c>
      <c r="P109" t="s">
        <v>34</v>
      </c>
      <c r="Q109" t="s">
        <v>35</v>
      </c>
      <c r="R109" t="s">
        <v>36</v>
      </c>
      <c r="U109" t="s">
        <v>37</v>
      </c>
      <c r="V109" s="30">
        <v>2022</v>
      </c>
      <c r="W109" s="31">
        <v>44837</v>
      </c>
      <c r="X109" s="32">
        <v>44837.28765046296</v>
      </c>
      <c r="Y109" t="s">
        <v>38</v>
      </c>
    </row>
    <row r="110" spans="1:25">
      <c r="A110" t="s">
        <v>25</v>
      </c>
      <c r="B110" t="s">
        <v>61</v>
      </c>
      <c r="C110" s="31">
        <v>44819</v>
      </c>
      <c r="D110" t="s">
        <v>27</v>
      </c>
      <c r="E110" t="s">
        <v>28</v>
      </c>
      <c r="F110" t="s">
        <v>400</v>
      </c>
      <c r="G110" s="30">
        <v>9</v>
      </c>
      <c r="H110" t="s">
        <v>29</v>
      </c>
      <c r="I110" t="s">
        <v>30</v>
      </c>
      <c r="K110" t="s">
        <v>31</v>
      </c>
      <c r="L110" s="29">
        <v>-3738.27</v>
      </c>
      <c r="M110" t="s">
        <v>401</v>
      </c>
      <c r="N110" t="s">
        <v>32</v>
      </c>
      <c r="O110" t="s">
        <v>33</v>
      </c>
      <c r="P110" t="s">
        <v>34</v>
      </c>
      <c r="Q110" t="s">
        <v>35</v>
      </c>
      <c r="R110" t="s">
        <v>36</v>
      </c>
      <c r="U110" t="s">
        <v>37</v>
      </c>
      <c r="V110" s="30">
        <v>2022</v>
      </c>
      <c r="W110" s="31">
        <v>44837</v>
      </c>
      <c r="X110" s="32">
        <v>44837.287662037037</v>
      </c>
      <c r="Y110" t="s">
        <v>38</v>
      </c>
    </row>
    <row r="111" spans="1:25">
      <c r="A111" t="s">
        <v>25</v>
      </c>
      <c r="B111" t="s">
        <v>197</v>
      </c>
      <c r="C111" s="31">
        <v>44819</v>
      </c>
      <c r="D111" t="s">
        <v>27</v>
      </c>
      <c r="E111" t="s">
        <v>28</v>
      </c>
      <c r="F111" t="s">
        <v>400</v>
      </c>
      <c r="G111" s="30">
        <v>9</v>
      </c>
      <c r="H111" t="s">
        <v>29</v>
      </c>
      <c r="I111" t="s">
        <v>30</v>
      </c>
      <c r="K111" t="s">
        <v>31</v>
      </c>
      <c r="L111" s="29">
        <v>-25177.51</v>
      </c>
      <c r="M111" t="s">
        <v>401</v>
      </c>
      <c r="N111" t="s">
        <v>32</v>
      </c>
      <c r="O111" t="s">
        <v>33</v>
      </c>
      <c r="P111" t="s">
        <v>34</v>
      </c>
      <c r="Q111" t="s">
        <v>35</v>
      </c>
      <c r="R111" t="s">
        <v>36</v>
      </c>
      <c r="U111" t="s">
        <v>37</v>
      </c>
      <c r="V111" s="30">
        <v>2022</v>
      </c>
      <c r="W111" s="31">
        <v>44838</v>
      </c>
      <c r="X111" s="32">
        <v>44838.623402777775</v>
      </c>
      <c r="Y111" t="s">
        <v>38</v>
      </c>
    </row>
    <row r="112" spans="1:25">
      <c r="A112" t="s">
        <v>25</v>
      </c>
      <c r="B112" t="s">
        <v>207</v>
      </c>
      <c r="C112" s="31">
        <v>44819</v>
      </c>
      <c r="D112" t="s">
        <v>27</v>
      </c>
      <c r="E112" t="s">
        <v>28</v>
      </c>
      <c r="F112" t="s">
        <v>400</v>
      </c>
      <c r="G112" s="30">
        <v>9</v>
      </c>
      <c r="H112" t="s">
        <v>29</v>
      </c>
      <c r="I112" t="s">
        <v>30</v>
      </c>
      <c r="K112" t="s">
        <v>31</v>
      </c>
      <c r="L112" s="29">
        <v>-4921.3100000000004</v>
      </c>
      <c r="M112" t="s">
        <v>401</v>
      </c>
      <c r="N112" t="s">
        <v>32</v>
      </c>
      <c r="O112" t="s">
        <v>33</v>
      </c>
      <c r="P112" t="s">
        <v>34</v>
      </c>
      <c r="Q112" t="s">
        <v>35</v>
      </c>
      <c r="R112" t="s">
        <v>36</v>
      </c>
      <c r="U112" t="s">
        <v>37</v>
      </c>
      <c r="V112" s="30">
        <v>2022</v>
      </c>
      <c r="W112" s="31">
        <v>44837</v>
      </c>
      <c r="X112" s="32">
        <v>44837.287708333337</v>
      </c>
      <c r="Y112" t="s">
        <v>38</v>
      </c>
    </row>
    <row r="113" spans="1:25">
      <c r="A113" t="s">
        <v>25</v>
      </c>
      <c r="B113" t="s">
        <v>208</v>
      </c>
      <c r="C113" s="31">
        <v>44819</v>
      </c>
      <c r="D113" t="s">
        <v>27</v>
      </c>
      <c r="E113" t="s">
        <v>28</v>
      </c>
      <c r="F113" t="s">
        <v>400</v>
      </c>
      <c r="G113" s="30">
        <v>9</v>
      </c>
      <c r="H113" t="s">
        <v>29</v>
      </c>
      <c r="I113" t="s">
        <v>30</v>
      </c>
      <c r="K113" t="s">
        <v>31</v>
      </c>
      <c r="L113" s="29">
        <v>-2634.89</v>
      </c>
      <c r="M113" t="s">
        <v>401</v>
      </c>
      <c r="N113" t="s">
        <v>32</v>
      </c>
      <c r="O113" t="s">
        <v>33</v>
      </c>
      <c r="P113" t="s">
        <v>34</v>
      </c>
      <c r="Q113" t="s">
        <v>35</v>
      </c>
      <c r="R113" t="s">
        <v>36</v>
      </c>
      <c r="U113" t="s">
        <v>37</v>
      </c>
      <c r="V113" s="30">
        <v>2022</v>
      </c>
      <c r="W113" s="31">
        <v>44837</v>
      </c>
      <c r="X113" s="32">
        <v>44837.287708333337</v>
      </c>
      <c r="Y113" t="s">
        <v>38</v>
      </c>
    </row>
    <row r="114" spans="1:25">
      <c r="A114" t="s">
        <v>25</v>
      </c>
      <c r="B114" t="s">
        <v>226</v>
      </c>
      <c r="C114" s="31">
        <v>44819</v>
      </c>
      <c r="D114" t="s">
        <v>27</v>
      </c>
      <c r="E114" t="s">
        <v>28</v>
      </c>
      <c r="F114" t="s">
        <v>400</v>
      </c>
      <c r="G114" s="30">
        <v>9</v>
      </c>
      <c r="H114" t="s">
        <v>29</v>
      </c>
      <c r="I114" t="s">
        <v>30</v>
      </c>
      <c r="K114" t="s">
        <v>31</v>
      </c>
      <c r="L114" s="29">
        <v>-17250.04</v>
      </c>
      <c r="M114" t="s">
        <v>401</v>
      </c>
      <c r="N114" t="s">
        <v>32</v>
      </c>
      <c r="O114" t="s">
        <v>33</v>
      </c>
      <c r="P114" t="s">
        <v>34</v>
      </c>
      <c r="Q114" t="s">
        <v>35</v>
      </c>
      <c r="R114" t="s">
        <v>36</v>
      </c>
      <c r="U114" t="s">
        <v>37</v>
      </c>
      <c r="V114" s="30">
        <v>2022</v>
      </c>
      <c r="W114" s="31">
        <v>44825</v>
      </c>
      <c r="X114" s="32">
        <v>44825.691412037035</v>
      </c>
      <c r="Y114" t="s">
        <v>38</v>
      </c>
    </row>
    <row r="115" spans="1:25">
      <c r="A115" t="s">
        <v>25</v>
      </c>
      <c r="B115" t="s">
        <v>237</v>
      </c>
      <c r="C115" s="31">
        <v>44819</v>
      </c>
      <c r="D115" t="s">
        <v>27</v>
      </c>
      <c r="E115" t="s">
        <v>28</v>
      </c>
      <c r="F115" t="s">
        <v>400</v>
      </c>
      <c r="G115" s="30">
        <v>9</v>
      </c>
      <c r="H115" t="s">
        <v>29</v>
      </c>
      <c r="I115" t="s">
        <v>30</v>
      </c>
      <c r="K115" t="s">
        <v>31</v>
      </c>
      <c r="L115" s="29">
        <v>-10249.5</v>
      </c>
      <c r="M115" t="s">
        <v>401</v>
      </c>
      <c r="N115" t="s">
        <v>32</v>
      </c>
      <c r="O115" t="s">
        <v>33</v>
      </c>
      <c r="P115" t="s">
        <v>34</v>
      </c>
      <c r="Q115" t="s">
        <v>35</v>
      </c>
      <c r="R115" t="s">
        <v>36</v>
      </c>
      <c r="U115" t="s">
        <v>37</v>
      </c>
      <c r="V115" s="30">
        <v>2022</v>
      </c>
      <c r="W115" s="31">
        <v>44837</v>
      </c>
      <c r="X115" s="32">
        <v>44837.287685185183</v>
      </c>
      <c r="Y115" t="s">
        <v>38</v>
      </c>
    </row>
    <row r="116" spans="1:25">
      <c r="A116" t="s">
        <v>25</v>
      </c>
      <c r="B116" t="s">
        <v>240</v>
      </c>
      <c r="C116" s="31">
        <v>44819</v>
      </c>
      <c r="D116" t="s">
        <v>27</v>
      </c>
      <c r="E116" t="s">
        <v>28</v>
      </c>
      <c r="F116" t="s">
        <v>400</v>
      </c>
      <c r="G116" s="30">
        <v>9</v>
      </c>
      <c r="H116" t="s">
        <v>29</v>
      </c>
      <c r="I116" t="s">
        <v>30</v>
      </c>
      <c r="K116" t="s">
        <v>31</v>
      </c>
      <c r="L116" s="29">
        <v>-55881.75</v>
      </c>
      <c r="M116" t="s">
        <v>401</v>
      </c>
      <c r="N116" t="s">
        <v>32</v>
      </c>
      <c r="O116" t="s">
        <v>33</v>
      </c>
      <c r="P116" t="s">
        <v>34</v>
      </c>
      <c r="Q116" t="s">
        <v>35</v>
      </c>
      <c r="R116" t="s">
        <v>36</v>
      </c>
      <c r="U116" t="s">
        <v>37</v>
      </c>
      <c r="V116" s="30">
        <v>2022</v>
      </c>
      <c r="W116" s="31">
        <v>44837</v>
      </c>
      <c r="X116" s="32">
        <v>44837.287673611114</v>
      </c>
      <c r="Y116" t="s">
        <v>38</v>
      </c>
    </row>
    <row r="117" spans="1:25">
      <c r="A117" t="s">
        <v>25</v>
      </c>
      <c r="B117" t="s">
        <v>241</v>
      </c>
      <c r="C117" s="31">
        <v>44819</v>
      </c>
      <c r="D117" t="s">
        <v>27</v>
      </c>
      <c r="E117" t="s">
        <v>28</v>
      </c>
      <c r="F117" t="s">
        <v>400</v>
      </c>
      <c r="G117" s="30">
        <v>9</v>
      </c>
      <c r="H117" t="s">
        <v>29</v>
      </c>
      <c r="I117" t="s">
        <v>30</v>
      </c>
      <c r="K117" t="s">
        <v>31</v>
      </c>
      <c r="L117" s="29">
        <v>-4974.1899999999996</v>
      </c>
      <c r="M117" t="s">
        <v>401</v>
      </c>
      <c r="N117" t="s">
        <v>32</v>
      </c>
      <c r="O117" t="s">
        <v>33</v>
      </c>
      <c r="P117" t="s">
        <v>34</v>
      </c>
      <c r="Q117" t="s">
        <v>35</v>
      </c>
      <c r="R117" t="s">
        <v>36</v>
      </c>
      <c r="U117" t="s">
        <v>37</v>
      </c>
      <c r="V117" s="30">
        <v>2022</v>
      </c>
      <c r="W117" s="31">
        <v>44837</v>
      </c>
      <c r="X117" s="32">
        <v>44837.287685185183</v>
      </c>
      <c r="Y117" t="s">
        <v>38</v>
      </c>
    </row>
    <row r="118" spans="1:25">
      <c r="A118" t="s">
        <v>25</v>
      </c>
      <c r="B118" t="s">
        <v>242</v>
      </c>
      <c r="C118" s="31">
        <v>44819</v>
      </c>
      <c r="D118" t="s">
        <v>27</v>
      </c>
      <c r="E118" t="s">
        <v>28</v>
      </c>
      <c r="F118" t="s">
        <v>400</v>
      </c>
      <c r="G118" s="30">
        <v>9</v>
      </c>
      <c r="H118" t="s">
        <v>29</v>
      </c>
      <c r="I118" t="s">
        <v>30</v>
      </c>
      <c r="K118" t="s">
        <v>31</v>
      </c>
      <c r="L118" s="29">
        <v>-20015.61</v>
      </c>
      <c r="M118" t="s">
        <v>401</v>
      </c>
      <c r="N118" t="s">
        <v>32</v>
      </c>
      <c r="O118" t="s">
        <v>33</v>
      </c>
      <c r="P118" t="s">
        <v>34</v>
      </c>
      <c r="Q118" t="s">
        <v>35</v>
      </c>
      <c r="R118" t="s">
        <v>36</v>
      </c>
      <c r="U118" t="s">
        <v>37</v>
      </c>
      <c r="V118" s="30">
        <v>2022</v>
      </c>
      <c r="W118" s="31">
        <v>44837</v>
      </c>
      <c r="X118" s="32">
        <v>44837.287673611114</v>
      </c>
      <c r="Y118" t="s">
        <v>38</v>
      </c>
    </row>
    <row r="119" spans="1:25">
      <c r="A119" t="s">
        <v>25</v>
      </c>
      <c r="B119" t="s">
        <v>243</v>
      </c>
      <c r="C119" s="31">
        <v>44819</v>
      </c>
      <c r="D119" t="s">
        <v>27</v>
      </c>
      <c r="E119" t="s">
        <v>28</v>
      </c>
      <c r="F119" t="s">
        <v>400</v>
      </c>
      <c r="G119" s="30">
        <v>9</v>
      </c>
      <c r="H119" t="s">
        <v>29</v>
      </c>
      <c r="I119" t="s">
        <v>30</v>
      </c>
      <c r="K119" t="s">
        <v>31</v>
      </c>
      <c r="L119" s="29">
        <v>4372.16</v>
      </c>
      <c r="M119" t="s">
        <v>401</v>
      </c>
      <c r="N119" t="s">
        <v>32</v>
      </c>
      <c r="O119" t="s">
        <v>33</v>
      </c>
      <c r="P119" t="s">
        <v>34</v>
      </c>
      <c r="Q119" t="s">
        <v>35</v>
      </c>
      <c r="R119" t="s">
        <v>36</v>
      </c>
      <c r="U119" t="s">
        <v>37</v>
      </c>
      <c r="V119" s="30">
        <v>2022</v>
      </c>
      <c r="W119" s="31">
        <v>44837</v>
      </c>
      <c r="X119" s="32">
        <v>44837.287673611114</v>
      </c>
      <c r="Y119" t="s">
        <v>38</v>
      </c>
    </row>
    <row r="120" spans="1:25">
      <c r="A120" t="s">
        <v>25</v>
      </c>
      <c r="B120" t="s">
        <v>247</v>
      </c>
      <c r="C120" s="31">
        <v>44819</v>
      </c>
      <c r="D120" t="s">
        <v>27</v>
      </c>
      <c r="E120" t="s">
        <v>28</v>
      </c>
      <c r="F120" t="s">
        <v>400</v>
      </c>
      <c r="G120" s="30">
        <v>9</v>
      </c>
      <c r="H120" t="s">
        <v>29</v>
      </c>
      <c r="I120" t="s">
        <v>30</v>
      </c>
      <c r="K120" t="s">
        <v>31</v>
      </c>
      <c r="L120" s="29">
        <v>-14002.15</v>
      </c>
      <c r="M120" t="s">
        <v>401</v>
      </c>
      <c r="N120" t="s">
        <v>32</v>
      </c>
      <c r="O120" t="s">
        <v>33</v>
      </c>
      <c r="P120" t="s">
        <v>34</v>
      </c>
      <c r="Q120" t="s">
        <v>35</v>
      </c>
      <c r="R120" t="s">
        <v>36</v>
      </c>
      <c r="U120" t="s">
        <v>37</v>
      </c>
      <c r="V120" s="30">
        <v>2022</v>
      </c>
      <c r="W120" s="31">
        <v>44837</v>
      </c>
      <c r="X120" s="32">
        <v>44837.28769675926</v>
      </c>
      <c r="Y120" t="s">
        <v>38</v>
      </c>
    </row>
    <row r="121" spans="1:25">
      <c r="A121" t="s">
        <v>25</v>
      </c>
      <c r="B121" t="s">
        <v>255</v>
      </c>
      <c r="C121" s="31">
        <v>44819</v>
      </c>
      <c r="D121" t="s">
        <v>27</v>
      </c>
      <c r="E121" t="s">
        <v>28</v>
      </c>
      <c r="F121" t="s">
        <v>400</v>
      </c>
      <c r="G121" s="30">
        <v>9</v>
      </c>
      <c r="H121" t="s">
        <v>29</v>
      </c>
      <c r="I121" t="s">
        <v>30</v>
      </c>
      <c r="K121" t="s">
        <v>31</v>
      </c>
      <c r="L121" s="29">
        <v>-11771.74</v>
      </c>
      <c r="M121" t="s">
        <v>401</v>
      </c>
      <c r="N121" t="s">
        <v>32</v>
      </c>
      <c r="O121" t="s">
        <v>33</v>
      </c>
      <c r="P121" t="s">
        <v>34</v>
      </c>
      <c r="Q121" t="s">
        <v>35</v>
      </c>
      <c r="R121" t="s">
        <v>36</v>
      </c>
      <c r="U121" t="s">
        <v>37</v>
      </c>
      <c r="V121" s="30">
        <v>2022</v>
      </c>
      <c r="W121" s="31">
        <v>44837</v>
      </c>
      <c r="X121" s="32">
        <v>44837.287719907406</v>
      </c>
      <c r="Y121" t="s">
        <v>38</v>
      </c>
    </row>
    <row r="122" spans="1:25">
      <c r="A122" t="s">
        <v>25</v>
      </c>
      <c r="B122" t="s">
        <v>256</v>
      </c>
      <c r="C122" s="31">
        <v>44819</v>
      </c>
      <c r="D122" t="s">
        <v>27</v>
      </c>
      <c r="E122" t="s">
        <v>28</v>
      </c>
      <c r="F122" t="s">
        <v>400</v>
      </c>
      <c r="G122" s="30">
        <v>9</v>
      </c>
      <c r="H122" t="s">
        <v>29</v>
      </c>
      <c r="I122" t="s">
        <v>30</v>
      </c>
      <c r="K122" t="s">
        <v>31</v>
      </c>
      <c r="L122" s="29">
        <v>-12068.92</v>
      </c>
      <c r="M122" t="s">
        <v>401</v>
      </c>
      <c r="N122" t="s">
        <v>32</v>
      </c>
      <c r="O122" t="s">
        <v>33</v>
      </c>
      <c r="P122" t="s">
        <v>34</v>
      </c>
      <c r="Q122" t="s">
        <v>35</v>
      </c>
      <c r="R122" t="s">
        <v>36</v>
      </c>
      <c r="U122" t="s">
        <v>37</v>
      </c>
      <c r="V122" s="30">
        <v>2022</v>
      </c>
      <c r="W122" s="31">
        <v>44837</v>
      </c>
      <c r="X122" s="32">
        <v>44837.597407407404</v>
      </c>
      <c r="Y122" t="s">
        <v>38</v>
      </c>
    </row>
    <row r="123" spans="1:25">
      <c r="A123" t="s">
        <v>25</v>
      </c>
      <c r="B123" t="s">
        <v>258</v>
      </c>
      <c r="C123" s="31">
        <v>44819</v>
      </c>
      <c r="D123" t="s">
        <v>27</v>
      </c>
      <c r="E123" t="s">
        <v>28</v>
      </c>
      <c r="F123" t="s">
        <v>400</v>
      </c>
      <c r="G123" s="30">
        <v>9</v>
      </c>
      <c r="H123" t="s">
        <v>29</v>
      </c>
      <c r="I123" t="s">
        <v>30</v>
      </c>
      <c r="K123" t="s">
        <v>31</v>
      </c>
      <c r="L123" s="29">
        <v>-3849.39</v>
      </c>
      <c r="M123" t="s">
        <v>401</v>
      </c>
      <c r="N123" t="s">
        <v>32</v>
      </c>
      <c r="O123" t="s">
        <v>33</v>
      </c>
      <c r="P123" t="s">
        <v>34</v>
      </c>
      <c r="Q123" t="s">
        <v>35</v>
      </c>
      <c r="R123" t="s">
        <v>36</v>
      </c>
      <c r="U123" t="s">
        <v>37</v>
      </c>
      <c r="V123" s="30">
        <v>2022</v>
      </c>
      <c r="W123" s="31">
        <v>44837</v>
      </c>
      <c r="X123" s="32">
        <v>44837.287708333337</v>
      </c>
      <c r="Y123" t="s">
        <v>38</v>
      </c>
    </row>
    <row r="124" spans="1:25">
      <c r="A124" t="s">
        <v>25</v>
      </c>
      <c r="B124" t="s">
        <v>276</v>
      </c>
      <c r="C124" s="31">
        <v>44819</v>
      </c>
      <c r="D124" t="s">
        <v>27</v>
      </c>
      <c r="E124" t="s">
        <v>28</v>
      </c>
      <c r="F124" t="s">
        <v>400</v>
      </c>
      <c r="G124" s="30">
        <v>9</v>
      </c>
      <c r="H124" t="s">
        <v>29</v>
      </c>
      <c r="I124" t="s">
        <v>30</v>
      </c>
      <c r="K124" t="s">
        <v>31</v>
      </c>
      <c r="L124" s="29">
        <v>-1321.53</v>
      </c>
      <c r="M124" t="s">
        <v>401</v>
      </c>
      <c r="N124" t="s">
        <v>32</v>
      </c>
      <c r="O124" t="s">
        <v>33</v>
      </c>
      <c r="P124" t="s">
        <v>34</v>
      </c>
      <c r="Q124" t="s">
        <v>35</v>
      </c>
      <c r="R124" t="s">
        <v>36</v>
      </c>
      <c r="U124" t="s">
        <v>37</v>
      </c>
      <c r="V124" s="30">
        <v>2022</v>
      </c>
      <c r="W124" s="31">
        <v>44825</v>
      </c>
      <c r="X124" s="32">
        <v>44825.691412037035</v>
      </c>
      <c r="Y124" t="s">
        <v>38</v>
      </c>
    </row>
    <row r="125" spans="1:25">
      <c r="A125" t="s">
        <v>25</v>
      </c>
      <c r="B125" t="s">
        <v>282</v>
      </c>
      <c r="C125" s="31">
        <v>44819</v>
      </c>
      <c r="D125" t="s">
        <v>27</v>
      </c>
      <c r="E125" t="s">
        <v>28</v>
      </c>
      <c r="F125" t="s">
        <v>400</v>
      </c>
      <c r="G125" s="30">
        <v>9</v>
      </c>
      <c r="H125" t="s">
        <v>29</v>
      </c>
      <c r="I125" t="s">
        <v>30</v>
      </c>
      <c r="K125" t="s">
        <v>31</v>
      </c>
      <c r="L125" s="29">
        <v>836.64</v>
      </c>
      <c r="M125" t="s">
        <v>401</v>
      </c>
      <c r="N125" t="s">
        <v>32</v>
      </c>
      <c r="O125" t="s">
        <v>33</v>
      </c>
      <c r="P125" t="s">
        <v>34</v>
      </c>
      <c r="Q125" t="s">
        <v>35</v>
      </c>
      <c r="R125" t="s">
        <v>36</v>
      </c>
      <c r="U125" t="s">
        <v>37</v>
      </c>
      <c r="V125" s="30">
        <v>2022</v>
      </c>
      <c r="W125" s="31">
        <v>44837</v>
      </c>
      <c r="X125" s="32">
        <v>44837.28769675926</v>
      </c>
      <c r="Y125" t="s">
        <v>38</v>
      </c>
    </row>
    <row r="126" spans="1:25">
      <c r="A126" t="s">
        <v>25</v>
      </c>
      <c r="B126" t="s">
        <v>290</v>
      </c>
      <c r="C126" s="31">
        <v>44819</v>
      </c>
      <c r="D126" t="s">
        <v>27</v>
      </c>
      <c r="E126" t="s">
        <v>28</v>
      </c>
      <c r="F126" t="s">
        <v>400</v>
      </c>
      <c r="G126" s="30">
        <v>9</v>
      </c>
      <c r="H126" t="s">
        <v>29</v>
      </c>
      <c r="I126" t="s">
        <v>30</v>
      </c>
      <c r="K126" t="s">
        <v>31</v>
      </c>
      <c r="L126" s="29">
        <v>193.18</v>
      </c>
      <c r="M126" t="s">
        <v>401</v>
      </c>
      <c r="N126" t="s">
        <v>32</v>
      </c>
      <c r="O126" t="s">
        <v>33</v>
      </c>
      <c r="P126" t="s">
        <v>34</v>
      </c>
      <c r="Q126" t="s">
        <v>35</v>
      </c>
      <c r="R126" t="s">
        <v>36</v>
      </c>
      <c r="U126" t="s">
        <v>37</v>
      </c>
      <c r="V126" s="30">
        <v>2022</v>
      </c>
      <c r="W126" s="31">
        <v>44837</v>
      </c>
      <c r="X126" s="32">
        <v>44837.28769675926</v>
      </c>
      <c r="Y126" t="s">
        <v>38</v>
      </c>
    </row>
    <row r="127" spans="1:25">
      <c r="A127" t="s">
        <v>25</v>
      </c>
      <c r="B127" t="s">
        <v>296</v>
      </c>
      <c r="C127" s="31">
        <v>44819</v>
      </c>
      <c r="D127" t="s">
        <v>27</v>
      </c>
      <c r="E127" t="s">
        <v>28</v>
      </c>
      <c r="F127" t="s">
        <v>400</v>
      </c>
      <c r="G127" s="30">
        <v>9</v>
      </c>
      <c r="H127" t="s">
        <v>29</v>
      </c>
      <c r="I127" t="s">
        <v>30</v>
      </c>
      <c r="K127" t="s">
        <v>31</v>
      </c>
      <c r="L127" s="29">
        <v>-11902.18</v>
      </c>
      <c r="M127" t="s">
        <v>401</v>
      </c>
      <c r="N127" t="s">
        <v>32</v>
      </c>
      <c r="O127" t="s">
        <v>33</v>
      </c>
      <c r="P127" t="s">
        <v>34</v>
      </c>
      <c r="Q127" t="s">
        <v>35</v>
      </c>
      <c r="R127" t="s">
        <v>36</v>
      </c>
      <c r="U127" t="s">
        <v>37</v>
      </c>
      <c r="V127" s="30">
        <v>2022</v>
      </c>
      <c r="W127" s="31">
        <v>44837</v>
      </c>
      <c r="X127" s="32">
        <v>44837.287719907406</v>
      </c>
      <c r="Y127" t="s">
        <v>38</v>
      </c>
    </row>
    <row r="128" spans="1:25">
      <c r="A128" t="s">
        <v>25</v>
      </c>
      <c r="B128" t="s">
        <v>298</v>
      </c>
      <c r="C128" s="31">
        <v>44819</v>
      </c>
      <c r="D128" t="s">
        <v>27</v>
      </c>
      <c r="E128" t="s">
        <v>28</v>
      </c>
      <c r="F128" t="s">
        <v>400</v>
      </c>
      <c r="G128" s="30">
        <v>9</v>
      </c>
      <c r="H128" t="s">
        <v>29</v>
      </c>
      <c r="I128" t="s">
        <v>30</v>
      </c>
      <c r="K128" t="s">
        <v>31</v>
      </c>
      <c r="L128" s="29">
        <v>-7085.95</v>
      </c>
      <c r="M128" t="s">
        <v>401</v>
      </c>
      <c r="N128" t="s">
        <v>32</v>
      </c>
      <c r="O128" t="s">
        <v>33</v>
      </c>
      <c r="P128" t="s">
        <v>34</v>
      </c>
      <c r="Q128" t="s">
        <v>35</v>
      </c>
      <c r="R128" t="s">
        <v>36</v>
      </c>
      <c r="U128" t="s">
        <v>37</v>
      </c>
      <c r="V128" s="30">
        <v>2022</v>
      </c>
      <c r="W128" s="31">
        <v>44825</v>
      </c>
      <c r="X128" s="32">
        <v>44825.691412037035</v>
      </c>
      <c r="Y128" t="s">
        <v>38</v>
      </c>
    </row>
    <row r="129" spans="1:25">
      <c r="A129" t="s">
        <v>25</v>
      </c>
      <c r="B129" t="s">
        <v>39</v>
      </c>
      <c r="C129" s="31">
        <v>44849</v>
      </c>
      <c r="D129" t="s">
        <v>27</v>
      </c>
      <c r="E129" t="s">
        <v>28</v>
      </c>
      <c r="F129" t="s">
        <v>400</v>
      </c>
      <c r="G129" s="30">
        <v>10</v>
      </c>
      <c r="H129" t="s">
        <v>29</v>
      </c>
      <c r="I129" t="s">
        <v>30</v>
      </c>
      <c r="K129" t="s">
        <v>31</v>
      </c>
      <c r="L129" s="29">
        <v>2296.5500000000002</v>
      </c>
      <c r="M129" t="s">
        <v>401</v>
      </c>
      <c r="N129" t="s">
        <v>32</v>
      </c>
      <c r="O129" t="s">
        <v>33</v>
      </c>
      <c r="P129" t="s">
        <v>34</v>
      </c>
      <c r="Q129" t="s">
        <v>35</v>
      </c>
      <c r="R129" t="s">
        <v>36</v>
      </c>
      <c r="U129" t="s">
        <v>37</v>
      </c>
      <c r="V129" s="30">
        <v>2022</v>
      </c>
      <c r="W129" s="31">
        <v>44866</v>
      </c>
      <c r="X129" s="32">
        <v>44866.248761574076</v>
      </c>
      <c r="Y129" t="s">
        <v>38</v>
      </c>
    </row>
    <row r="130" spans="1:25">
      <c r="A130" t="s">
        <v>25</v>
      </c>
      <c r="B130" t="s">
        <v>67</v>
      </c>
      <c r="C130" s="31">
        <v>44849</v>
      </c>
      <c r="D130" t="s">
        <v>27</v>
      </c>
      <c r="E130" t="s">
        <v>28</v>
      </c>
      <c r="F130" t="s">
        <v>400</v>
      </c>
      <c r="G130" s="30">
        <v>10</v>
      </c>
      <c r="H130" t="s">
        <v>29</v>
      </c>
      <c r="I130" t="s">
        <v>30</v>
      </c>
      <c r="K130" t="s">
        <v>31</v>
      </c>
      <c r="L130" s="29">
        <v>13502.83</v>
      </c>
      <c r="M130" t="s">
        <v>401</v>
      </c>
      <c r="N130" t="s">
        <v>32</v>
      </c>
      <c r="O130" t="s">
        <v>33</v>
      </c>
      <c r="P130" t="s">
        <v>34</v>
      </c>
      <c r="Q130" t="s">
        <v>35</v>
      </c>
      <c r="R130" t="s">
        <v>36</v>
      </c>
      <c r="U130" t="s">
        <v>37</v>
      </c>
      <c r="V130" s="30">
        <v>2022</v>
      </c>
      <c r="W130" s="31">
        <v>44848</v>
      </c>
      <c r="X130" s="32">
        <v>44848.044363425928</v>
      </c>
      <c r="Y130" t="s">
        <v>38</v>
      </c>
    </row>
    <row r="131" spans="1:25">
      <c r="A131" t="s">
        <v>25</v>
      </c>
      <c r="B131" t="s">
        <v>82</v>
      </c>
      <c r="C131" s="31">
        <v>44849</v>
      </c>
      <c r="D131" t="s">
        <v>27</v>
      </c>
      <c r="E131" t="s">
        <v>28</v>
      </c>
      <c r="F131" t="s">
        <v>400</v>
      </c>
      <c r="G131" s="30">
        <v>10</v>
      </c>
      <c r="H131" t="s">
        <v>29</v>
      </c>
      <c r="I131" t="s">
        <v>30</v>
      </c>
      <c r="K131" t="s">
        <v>31</v>
      </c>
      <c r="L131" s="29">
        <v>-5712.39</v>
      </c>
      <c r="M131" t="s">
        <v>401</v>
      </c>
      <c r="N131" t="s">
        <v>32</v>
      </c>
      <c r="O131" t="s">
        <v>33</v>
      </c>
      <c r="P131" t="s">
        <v>34</v>
      </c>
      <c r="Q131" t="s">
        <v>35</v>
      </c>
      <c r="R131" t="s">
        <v>36</v>
      </c>
      <c r="U131" t="s">
        <v>37</v>
      </c>
      <c r="V131" s="30">
        <v>2022</v>
      </c>
      <c r="W131" s="31">
        <v>44866</v>
      </c>
      <c r="X131" s="32">
        <v>44866.248680555553</v>
      </c>
      <c r="Y131" t="s">
        <v>38</v>
      </c>
    </row>
    <row r="132" spans="1:25">
      <c r="A132" t="s">
        <v>25</v>
      </c>
      <c r="B132" t="s">
        <v>103</v>
      </c>
      <c r="C132" s="31">
        <v>44849</v>
      </c>
      <c r="D132" t="s">
        <v>27</v>
      </c>
      <c r="E132" t="s">
        <v>28</v>
      </c>
      <c r="F132" t="s">
        <v>400</v>
      </c>
      <c r="G132" s="30">
        <v>10</v>
      </c>
      <c r="H132" t="s">
        <v>29</v>
      </c>
      <c r="I132" t="s">
        <v>30</v>
      </c>
      <c r="K132" t="s">
        <v>31</v>
      </c>
      <c r="L132" s="29">
        <v>492.19</v>
      </c>
      <c r="M132" t="s">
        <v>401</v>
      </c>
      <c r="N132" t="s">
        <v>32</v>
      </c>
      <c r="O132" t="s">
        <v>33</v>
      </c>
      <c r="P132" t="s">
        <v>34</v>
      </c>
      <c r="Q132" t="s">
        <v>35</v>
      </c>
      <c r="R132" t="s">
        <v>36</v>
      </c>
      <c r="U132" t="s">
        <v>37</v>
      </c>
      <c r="V132" s="30">
        <v>2022</v>
      </c>
      <c r="W132" s="31">
        <v>44866</v>
      </c>
      <c r="X132" s="32">
        <v>44866.248761574076</v>
      </c>
      <c r="Y132" t="s">
        <v>38</v>
      </c>
    </row>
    <row r="133" spans="1:25">
      <c r="A133" t="s">
        <v>25</v>
      </c>
      <c r="B133" t="s">
        <v>130</v>
      </c>
      <c r="C133" s="31">
        <v>44849</v>
      </c>
      <c r="D133" t="s">
        <v>27</v>
      </c>
      <c r="E133" t="s">
        <v>28</v>
      </c>
      <c r="F133" t="s">
        <v>400</v>
      </c>
      <c r="G133" s="30">
        <v>10</v>
      </c>
      <c r="H133" t="s">
        <v>29</v>
      </c>
      <c r="I133" t="s">
        <v>30</v>
      </c>
      <c r="K133" t="s">
        <v>31</v>
      </c>
      <c r="L133" s="29">
        <v>-13197.28</v>
      </c>
      <c r="M133" t="s">
        <v>401</v>
      </c>
      <c r="N133" t="s">
        <v>32</v>
      </c>
      <c r="O133" t="s">
        <v>33</v>
      </c>
      <c r="P133" t="s">
        <v>34</v>
      </c>
      <c r="Q133" t="s">
        <v>35</v>
      </c>
      <c r="R133" t="s">
        <v>36</v>
      </c>
      <c r="U133" t="s">
        <v>37</v>
      </c>
      <c r="V133" s="30">
        <v>2022</v>
      </c>
      <c r="W133" s="31">
        <v>44867</v>
      </c>
      <c r="X133" s="32">
        <v>44867.445937500001</v>
      </c>
      <c r="Y133" t="s">
        <v>38</v>
      </c>
    </row>
    <row r="134" spans="1:25">
      <c r="A134" t="s">
        <v>25</v>
      </c>
      <c r="B134" t="s">
        <v>131</v>
      </c>
      <c r="C134" s="31">
        <v>44849</v>
      </c>
      <c r="D134" t="s">
        <v>27</v>
      </c>
      <c r="E134" t="s">
        <v>28</v>
      </c>
      <c r="F134" t="s">
        <v>400</v>
      </c>
      <c r="G134" s="30">
        <v>10</v>
      </c>
      <c r="H134" t="s">
        <v>29</v>
      </c>
      <c r="I134" t="s">
        <v>30</v>
      </c>
      <c r="K134" t="s">
        <v>31</v>
      </c>
      <c r="L134" s="29">
        <v>2235.88</v>
      </c>
      <c r="M134" t="s">
        <v>401</v>
      </c>
      <c r="N134" t="s">
        <v>32</v>
      </c>
      <c r="O134" t="s">
        <v>33</v>
      </c>
      <c r="P134" t="s">
        <v>34</v>
      </c>
      <c r="Q134" t="s">
        <v>35</v>
      </c>
      <c r="R134" t="s">
        <v>36</v>
      </c>
      <c r="U134" t="s">
        <v>37</v>
      </c>
      <c r="V134" s="30">
        <v>2022</v>
      </c>
      <c r="W134" s="31">
        <v>44867</v>
      </c>
      <c r="X134" s="32">
        <v>44867.610682870371</v>
      </c>
      <c r="Y134" t="s">
        <v>38</v>
      </c>
    </row>
    <row r="135" spans="1:25">
      <c r="A135" t="s">
        <v>25</v>
      </c>
      <c r="B135" t="s">
        <v>132</v>
      </c>
      <c r="C135" s="31">
        <v>44849</v>
      </c>
      <c r="D135" t="s">
        <v>27</v>
      </c>
      <c r="E135" t="s">
        <v>28</v>
      </c>
      <c r="F135" t="s">
        <v>400</v>
      </c>
      <c r="G135" s="30">
        <v>10</v>
      </c>
      <c r="H135" t="s">
        <v>29</v>
      </c>
      <c r="I135" t="s">
        <v>30</v>
      </c>
      <c r="K135" t="s">
        <v>31</v>
      </c>
      <c r="L135" s="29">
        <v>-36693.32</v>
      </c>
      <c r="M135" t="s">
        <v>401</v>
      </c>
      <c r="N135" t="s">
        <v>32</v>
      </c>
      <c r="O135" t="s">
        <v>33</v>
      </c>
      <c r="P135" t="s">
        <v>34</v>
      </c>
      <c r="Q135" t="s">
        <v>35</v>
      </c>
      <c r="R135" t="s">
        <v>36</v>
      </c>
      <c r="U135" t="s">
        <v>37</v>
      </c>
      <c r="V135" s="30">
        <v>2022</v>
      </c>
      <c r="W135" s="31">
        <v>44867</v>
      </c>
      <c r="X135" s="32">
        <v>44867.445937500001</v>
      </c>
      <c r="Y135" t="s">
        <v>38</v>
      </c>
    </row>
    <row r="136" spans="1:25">
      <c r="A136" t="s">
        <v>25</v>
      </c>
      <c r="B136" t="s">
        <v>159</v>
      </c>
      <c r="C136" s="31">
        <v>44849</v>
      </c>
      <c r="D136" t="s">
        <v>27</v>
      </c>
      <c r="E136" t="s">
        <v>28</v>
      </c>
      <c r="F136" t="s">
        <v>400</v>
      </c>
      <c r="G136" s="30">
        <v>10</v>
      </c>
      <c r="H136" t="s">
        <v>29</v>
      </c>
      <c r="I136" t="s">
        <v>30</v>
      </c>
      <c r="K136" t="s">
        <v>31</v>
      </c>
      <c r="L136" s="29">
        <v>-6975.78</v>
      </c>
      <c r="M136" t="s">
        <v>401</v>
      </c>
      <c r="N136" t="s">
        <v>32</v>
      </c>
      <c r="O136" t="s">
        <v>33</v>
      </c>
      <c r="P136" t="s">
        <v>34</v>
      </c>
      <c r="Q136" t="s">
        <v>35</v>
      </c>
      <c r="R136" t="s">
        <v>36</v>
      </c>
      <c r="U136" t="s">
        <v>37</v>
      </c>
      <c r="V136" s="30">
        <v>2022</v>
      </c>
      <c r="W136" s="31">
        <v>44866</v>
      </c>
      <c r="X136" s="32">
        <v>44866.248807870368</v>
      </c>
      <c r="Y136" t="s">
        <v>38</v>
      </c>
    </row>
    <row r="137" spans="1:25">
      <c r="A137" t="s">
        <v>25</v>
      </c>
      <c r="B137" t="s">
        <v>177</v>
      </c>
      <c r="C137" s="31">
        <v>44849</v>
      </c>
      <c r="D137" t="s">
        <v>27</v>
      </c>
      <c r="E137" t="s">
        <v>28</v>
      </c>
      <c r="F137" t="s">
        <v>400</v>
      </c>
      <c r="G137" s="30">
        <v>10</v>
      </c>
      <c r="H137" t="s">
        <v>29</v>
      </c>
      <c r="I137" t="s">
        <v>30</v>
      </c>
      <c r="K137" t="s">
        <v>31</v>
      </c>
      <c r="L137" s="29">
        <v>-14901.52</v>
      </c>
      <c r="M137" t="s">
        <v>401</v>
      </c>
      <c r="N137" t="s">
        <v>32</v>
      </c>
      <c r="O137" t="s">
        <v>33</v>
      </c>
      <c r="P137" t="s">
        <v>34</v>
      </c>
      <c r="Q137" t="s">
        <v>35</v>
      </c>
      <c r="R137" t="s">
        <v>36</v>
      </c>
      <c r="U137" t="s">
        <v>37</v>
      </c>
      <c r="V137" s="30">
        <v>2022</v>
      </c>
      <c r="W137" s="31">
        <v>44866</v>
      </c>
      <c r="X137" s="32">
        <v>44866.248692129629</v>
      </c>
      <c r="Y137" t="s">
        <v>38</v>
      </c>
    </row>
    <row r="138" spans="1:25">
      <c r="A138" t="s">
        <v>25</v>
      </c>
      <c r="B138" t="s">
        <v>178</v>
      </c>
      <c r="C138" s="31">
        <v>44849</v>
      </c>
      <c r="D138" t="s">
        <v>27</v>
      </c>
      <c r="E138" t="s">
        <v>28</v>
      </c>
      <c r="F138" t="s">
        <v>400</v>
      </c>
      <c r="G138" s="30">
        <v>10</v>
      </c>
      <c r="H138" t="s">
        <v>29</v>
      </c>
      <c r="I138" t="s">
        <v>30</v>
      </c>
      <c r="K138" t="s">
        <v>31</v>
      </c>
      <c r="L138" s="29">
        <v>20396.77</v>
      </c>
      <c r="M138" t="s">
        <v>401</v>
      </c>
      <c r="N138" t="s">
        <v>32</v>
      </c>
      <c r="O138" t="s">
        <v>33</v>
      </c>
      <c r="P138" t="s">
        <v>34</v>
      </c>
      <c r="Q138" t="s">
        <v>35</v>
      </c>
      <c r="R138" t="s">
        <v>36</v>
      </c>
      <c r="U138" t="s">
        <v>37</v>
      </c>
      <c r="V138" s="30">
        <v>2022</v>
      </c>
      <c r="W138" s="31">
        <v>44866</v>
      </c>
      <c r="X138" s="32">
        <v>44866.248703703706</v>
      </c>
      <c r="Y138" t="s">
        <v>38</v>
      </c>
    </row>
    <row r="139" spans="1:25">
      <c r="A139" t="s">
        <v>25</v>
      </c>
      <c r="B139" t="s">
        <v>202</v>
      </c>
      <c r="C139" s="31">
        <v>44849</v>
      </c>
      <c r="D139" t="s">
        <v>27</v>
      </c>
      <c r="E139" t="s">
        <v>28</v>
      </c>
      <c r="F139" t="s">
        <v>400</v>
      </c>
      <c r="G139" s="30">
        <v>10</v>
      </c>
      <c r="H139" t="s">
        <v>29</v>
      </c>
      <c r="I139" t="s">
        <v>30</v>
      </c>
      <c r="K139" t="s">
        <v>31</v>
      </c>
      <c r="L139" s="29">
        <v>5766.74</v>
      </c>
      <c r="M139" t="s">
        <v>401</v>
      </c>
      <c r="N139" t="s">
        <v>32</v>
      </c>
      <c r="O139" t="s">
        <v>33</v>
      </c>
      <c r="P139" t="s">
        <v>34</v>
      </c>
      <c r="Q139" t="s">
        <v>35</v>
      </c>
      <c r="R139" t="s">
        <v>36</v>
      </c>
      <c r="U139" t="s">
        <v>37</v>
      </c>
      <c r="V139" s="30">
        <v>2022</v>
      </c>
      <c r="W139" s="31">
        <v>44848</v>
      </c>
      <c r="X139" s="32">
        <v>44848.044363425928</v>
      </c>
      <c r="Y139" t="s">
        <v>38</v>
      </c>
    </row>
    <row r="140" spans="1:25">
      <c r="A140" t="s">
        <v>25</v>
      </c>
      <c r="B140" t="s">
        <v>205</v>
      </c>
      <c r="C140" s="31">
        <v>44849</v>
      </c>
      <c r="D140" t="s">
        <v>27</v>
      </c>
      <c r="E140" t="s">
        <v>28</v>
      </c>
      <c r="F140" t="s">
        <v>400</v>
      </c>
      <c r="G140" s="30">
        <v>10</v>
      </c>
      <c r="H140" t="s">
        <v>29</v>
      </c>
      <c r="I140" t="s">
        <v>30</v>
      </c>
      <c r="K140" t="s">
        <v>31</v>
      </c>
      <c r="L140" s="29">
        <v>-4508.3</v>
      </c>
      <c r="M140" t="s">
        <v>401</v>
      </c>
      <c r="N140" t="s">
        <v>32</v>
      </c>
      <c r="O140" t="s">
        <v>33</v>
      </c>
      <c r="P140" t="s">
        <v>34</v>
      </c>
      <c r="Q140" t="s">
        <v>35</v>
      </c>
      <c r="R140" t="s">
        <v>36</v>
      </c>
      <c r="U140" t="s">
        <v>37</v>
      </c>
      <c r="V140" s="30">
        <v>2022</v>
      </c>
      <c r="W140" s="31">
        <v>44866</v>
      </c>
      <c r="X140" s="32">
        <v>44866.248796296299</v>
      </c>
      <c r="Y140" t="s">
        <v>38</v>
      </c>
    </row>
    <row r="141" spans="1:25">
      <c r="A141" t="s">
        <v>25</v>
      </c>
      <c r="B141" t="s">
        <v>209</v>
      </c>
      <c r="C141" s="31">
        <v>44849</v>
      </c>
      <c r="D141" t="s">
        <v>27</v>
      </c>
      <c r="E141" t="s">
        <v>28</v>
      </c>
      <c r="F141" t="s">
        <v>400</v>
      </c>
      <c r="G141" s="30">
        <v>10</v>
      </c>
      <c r="H141" t="s">
        <v>29</v>
      </c>
      <c r="I141" t="s">
        <v>30</v>
      </c>
      <c r="K141" t="s">
        <v>31</v>
      </c>
      <c r="L141" s="29">
        <v>7878.72</v>
      </c>
      <c r="M141" t="s">
        <v>401</v>
      </c>
      <c r="N141" t="s">
        <v>32</v>
      </c>
      <c r="O141" t="s">
        <v>33</v>
      </c>
      <c r="P141" t="s">
        <v>34</v>
      </c>
      <c r="Q141" t="s">
        <v>35</v>
      </c>
      <c r="R141" t="s">
        <v>36</v>
      </c>
      <c r="U141" t="s">
        <v>37</v>
      </c>
      <c r="V141" s="30">
        <v>2022</v>
      </c>
      <c r="W141" s="31">
        <v>44866</v>
      </c>
      <c r="X141" s="32">
        <v>44866.248715277776</v>
      </c>
      <c r="Y141" t="s">
        <v>38</v>
      </c>
    </row>
    <row r="142" spans="1:25">
      <c r="A142" t="s">
        <v>25</v>
      </c>
      <c r="B142" t="s">
        <v>211</v>
      </c>
      <c r="C142" s="31">
        <v>44849</v>
      </c>
      <c r="D142" t="s">
        <v>27</v>
      </c>
      <c r="E142" t="s">
        <v>28</v>
      </c>
      <c r="F142" t="s">
        <v>400</v>
      </c>
      <c r="G142" s="30">
        <v>10</v>
      </c>
      <c r="H142" t="s">
        <v>29</v>
      </c>
      <c r="I142" t="s">
        <v>30</v>
      </c>
      <c r="K142" t="s">
        <v>31</v>
      </c>
      <c r="L142" s="29">
        <v>-9344.4</v>
      </c>
      <c r="M142" t="s">
        <v>401</v>
      </c>
      <c r="N142" t="s">
        <v>32</v>
      </c>
      <c r="O142" t="s">
        <v>33</v>
      </c>
      <c r="P142" t="s">
        <v>34</v>
      </c>
      <c r="Q142" t="s">
        <v>35</v>
      </c>
      <c r="R142" t="s">
        <v>36</v>
      </c>
      <c r="U142" t="s">
        <v>37</v>
      </c>
      <c r="V142" s="30">
        <v>2022</v>
      </c>
      <c r="W142" s="31">
        <v>44866</v>
      </c>
      <c r="X142" s="32">
        <v>44866.248773148145</v>
      </c>
      <c r="Y142" t="s">
        <v>38</v>
      </c>
    </row>
    <row r="143" spans="1:25">
      <c r="A143" t="s">
        <v>25</v>
      </c>
      <c r="B143" t="s">
        <v>227</v>
      </c>
      <c r="C143" s="31">
        <v>44849</v>
      </c>
      <c r="D143" t="s">
        <v>27</v>
      </c>
      <c r="E143" t="s">
        <v>28</v>
      </c>
      <c r="F143" t="s">
        <v>400</v>
      </c>
      <c r="G143" s="30">
        <v>10</v>
      </c>
      <c r="H143" t="s">
        <v>29</v>
      </c>
      <c r="I143" t="s">
        <v>30</v>
      </c>
      <c r="K143" t="s">
        <v>31</v>
      </c>
      <c r="L143" s="29">
        <v>9482.8799999999992</v>
      </c>
      <c r="M143" t="s">
        <v>401</v>
      </c>
      <c r="N143" t="s">
        <v>32</v>
      </c>
      <c r="O143" t="s">
        <v>33</v>
      </c>
      <c r="P143" t="s">
        <v>34</v>
      </c>
      <c r="Q143" t="s">
        <v>35</v>
      </c>
      <c r="R143" t="s">
        <v>36</v>
      </c>
      <c r="U143" t="s">
        <v>37</v>
      </c>
      <c r="V143" s="30">
        <v>2022</v>
      </c>
      <c r="W143" s="31">
        <v>44866</v>
      </c>
      <c r="X143" s="32">
        <v>44866.248749999999</v>
      </c>
      <c r="Y143" t="s">
        <v>38</v>
      </c>
    </row>
    <row r="144" spans="1:25">
      <c r="A144" t="s">
        <v>25</v>
      </c>
      <c r="B144" t="s">
        <v>229</v>
      </c>
      <c r="C144" s="31">
        <v>44849</v>
      </c>
      <c r="D144" t="s">
        <v>27</v>
      </c>
      <c r="E144" t="s">
        <v>28</v>
      </c>
      <c r="F144" t="s">
        <v>400</v>
      </c>
      <c r="G144" s="30">
        <v>10</v>
      </c>
      <c r="H144" t="s">
        <v>29</v>
      </c>
      <c r="I144" t="s">
        <v>30</v>
      </c>
      <c r="K144" t="s">
        <v>31</v>
      </c>
      <c r="L144" s="29">
        <v>-31782.97</v>
      </c>
      <c r="M144" t="s">
        <v>401</v>
      </c>
      <c r="N144" t="s">
        <v>32</v>
      </c>
      <c r="O144" t="s">
        <v>33</v>
      </c>
      <c r="P144" t="s">
        <v>34</v>
      </c>
      <c r="Q144" t="s">
        <v>35</v>
      </c>
      <c r="R144" t="s">
        <v>36</v>
      </c>
      <c r="U144" t="s">
        <v>37</v>
      </c>
      <c r="V144" s="30">
        <v>2022</v>
      </c>
      <c r="W144" s="31">
        <v>44866</v>
      </c>
      <c r="X144" s="32">
        <v>44866.248749999999</v>
      </c>
      <c r="Y144" t="s">
        <v>38</v>
      </c>
    </row>
    <row r="145" spans="1:25">
      <c r="A145" t="s">
        <v>25</v>
      </c>
      <c r="B145" t="s">
        <v>230</v>
      </c>
      <c r="C145" s="31">
        <v>44849</v>
      </c>
      <c r="D145" t="s">
        <v>27</v>
      </c>
      <c r="E145" t="s">
        <v>28</v>
      </c>
      <c r="F145" t="s">
        <v>400</v>
      </c>
      <c r="G145" s="30">
        <v>10</v>
      </c>
      <c r="H145" t="s">
        <v>29</v>
      </c>
      <c r="I145" t="s">
        <v>30</v>
      </c>
      <c r="K145" t="s">
        <v>31</v>
      </c>
      <c r="L145" s="29">
        <v>-14321.93</v>
      </c>
      <c r="M145" t="s">
        <v>401</v>
      </c>
      <c r="N145" t="s">
        <v>32</v>
      </c>
      <c r="O145" t="s">
        <v>33</v>
      </c>
      <c r="P145" t="s">
        <v>34</v>
      </c>
      <c r="Q145" t="s">
        <v>35</v>
      </c>
      <c r="R145" t="s">
        <v>36</v>
      </c>
      <c r="U145" t="s">
        <v>37</v>
      </c>
      <c r="V145" s="30">
        <v>2022</v>
      </c>
      <c r="W145" s="31">
        <v>44866</v>
      </c>
      <c r="X145" s="32">
        <v>44866.248738425929</v>
      </c>
      <c r="Y145" t="s">
        <v>38</v>
      </c>
    </row>
    <row r="146" spans="1:25">
      <c r="A146" t="s">
        <v>25</v>
      </c>
      <c r="B146" t="s">
        <v>246</v>
      </c>
      <c r="C146" s="31">
        <v>44849</v>
      </c>
      <c r="D146" t="s">
        <v>27</v>
      </c>
      <c r="E146" t="s">
        <v>28</v>
      </c>
      <c r="F146" t="s">
        <v>400</v>
      </c>
      <c r="G146" s="30">
        <v>10</v>
      </c>
      <c r="H146" t="s">
        <v>29</v>
      </c>
      <c r="I146" t="s">
        <v>30</v>
      </c>
      <c r="K146" t="s">
        <v>31</v>
      </c>
      <c r="L146" s="29">
        <v>8987.5499999999993</v>
      </c>
      <c r="M146" t="s">
        <v>401</v>
      </c>
      <c r="N146" t="s">
        <v>32</v>
      </c>
      <c r="O146" t="s">
        <v>33</v>
      </c>
      <c r="P146" t="s">
        <v>34</v>
      </c>
      <c r="Q146" t="s">
        <v>35</v>
      </c>
      <c r="R146" t="s">
        <v>36</v>
      </c>
      <c r="U146" t="s">
        <v>37</v>
      </c>
      <c r="V146" s="30">
        <v>2022</v>
      </c>
      <c r="W146" s="31">
        <v>44848</v>
      </c>
      <c r="X146" s="32">
        <v>44848.044363425928</v>
      </c>
      <c r="Y146" t="s">
        <v>38</v>
      </c>
    </row>
    <row r="147" spans="1:25">
      <c r="A147" t="s">
        <v>25</v>
      </c>
      <c r="B147" t="s">
        <v>251</v>
      </c>
      <c r="C147" s="31">
        <v>44849</v>
      </c>
      <c r="D147" t="s">
        <v>27</v>
      </c>
      <c r="E147" t="s">
        <v>28</v>
      </c>
      <c r="F147" t="s">
        <v>400</v>
      </c>
      <c r="G147" s="30">
        <v>10</v>
      </c>
      <c r="H147" t="s">
        <v>29</v>
      </c>
      <c r="I147" t="s">
        <v>30</v>
      </c>
      <c r="K147" t="s">
        <v>31</v>
      </c>
      <c r="L147" s="29">
        <v>-10179.42</v>
      </c>
      <c r="M147" t="s">
        <v>401</v>
      </c>
      <c r="N147" t="s">
        <v>32</v>
      </c>
      <c r="O147" t="s">
        <v>33</v>
      </c>
      <c r="P147" t="s">
        <v>34</v>
      </c>
      <c r="Q147" t="s">
        <v>35</v>
      </c>
      <c r="R147" t="s">
        <v>36</v>
      </c>
      <c r="U147" t="s">
        <v>37</v>
      </c>
      <c r="V147" s="30">
        <v>2022</v>
      </c>
      <c r="W147" s="31">
        <v>44866</v>
      </c>
      <c r="X147" s="32">
        <v>44866.248784722222</v>
      </c>
      <c r="Y147" t="s">
        <v>38</v>
      </c>
    </row>
    <row r="148" spans="1:25">
      <c r="A148" t="s">
        <v>25</v>
      </c>
      <c r="B148" t="s">
        <v>263</v>
      </c>
      <c r="C148" s="31">
        <v>44849</v>
      </c>
      <c r="D148" t="s">
        <v>27</v>
      </c>
      <c r="E148" t="s">
        <v>28</v>
      </c>
      <c r="F148" t="s">
        <v>400</v>
      </c>
      <c r="G148" s="30">
        <v>10</v>
      </c>
      <c r="H148" t="s">
        <v>29</v>
      </c>
      <c r="I148" t="s">
        <v>30</v>
      </c>
      <c r="K148" t="s">
        <v>31</v>
      </c>
      <c r="L148" s="29">
        <v>-1732.39</v>
      </c>
      <c r="M148" t="s">
        <v>401</v>
      </c>
      <c r="N148" t="s">
        <v>32</v>
      </c>
      <c r="O148" t="s">
        <v>33</v>
      </c>
      <c r="P148" t="s">
        <v>34</v>
      </c>
      <c r="Q148" t="s">
        <v>35</v>
      </c>
      <c r="R148" t="s">
        <v>36</v>
      </c>
      <c r="U148" t="s">
        <v>37</v>
      </c>
      <c r="V148" s="30">
        <v>2022</v>
      </c>
      <c r="W148" s="31">
        <v>44866</v>
      </c>
      <c r="X148" s="32">
        <v>44866.248726851853</v>
      </c>
      <c r="Y148" t="s">
        <v>38</v>
      </c>
    </row>
    <row r="149" spans="1:25">
      <c r="A149" t="s">
        <v>25</v>
      </c>
      <c r="B149" t="s">
        <v>292</v>
      </c>
      <c r="C149" s="31">
        <v>44849</v>
      </c>
      <c r="D149" t="s">
        <v>27</v>
      </c>
      <c r="E149" t="s">
        <v>28</v>
      </c>
      <c r="F149" t="s">
        <v>400</v>
      </c>
      <c r="G149" s="30">
        <v>10</v>
      </c>
      <c r="H149" t="s">
        <v>29</v>
      </c>
      <c r="I149" t="s">
        <v>30</v>
      </c>
      <c r="K149" t="s">
        <v>31</v>
      </c>
      <c r="L149" s="29">
        <v>3726.04</v>
      </c>
      <c r="M149" t="s">
        <v>401</v>
      </c>
      <c r="N149" t="s">
        <v>32</v>
      </c>
      <c r="O149" t="s">
        <v>33</v>
      </c>
      <c r="P149" t="s">
        <v>34</v>
      </c>
      <c r="Q149" t="s">
        <v>35</v>
      </c>
      <c r="R149" t="s">
        <v>36</v>
      </c>
      <c r="U149" t="s">
        <v>37</v>
      </c>
      <c r="V149" s="30">
        <v>2022</v>
      </c>
      <c r="W149" s="31">
        <v>44866</v>
      </c>
      <c r="X149" s="32">
        <v>44866.248796296299</v>
      </c>
      <c r="Y149" t="s">
        <v>38</v>
      </c>
    </row>
    <row r="150" spans="1:25">
      <c r="A150" t="s">
        <v>25</v>
      </c>
      <c r="B150" t="s">
        <v>66</v>
      </c>
      <c r="C150" s="31">
        <v>44880</v>
      </c>
      <c r="D150" t="s">
        <v>27</v>
      </c>
      <c r="E150" t="s">
        <v>28</v>
      </c>
      <c r="F150" t="s">
        <v>400</v>
      </c>
      <c r="G150" s="30">
        <v>11</v>
      </c>
      <c r="H150" t="s">
        <v>29</v>
      </c>
      <c r="I150" t="s">
        <v>30</v>
      </c>
      <c r="K150" t="s">
        <v>31</v>
      </c>
      <c r="L150" s="29">
        <v>2351.52</v>
      </c>
      <c r="M150" t="s">
        <v>401</v>
      </c>
      <c r="N150" t="s">
        <v>32</v>
      </c>
      <c r="O150" t="s">
        <v>33</v>
      </c>
      <c r="P150" t="s">
        <v>34</v>
      </c>
      <c r="Q150" t="s">
        <v>35</v>
      </c>
      <c r="R150" t="s">
        <v>36</v>
      </c>
      <c r="U150" t="s">
        <v>37</v>
      </c>
      <c r="V150" s="30">
        <v>2022</v>
      </c>
      <c r="W150" s="31">
        <v>44895</v>
      </c>
      <c r="X150" s="32">
        <v>44895.648668981485</v>
      </c>
      <c r="Y150" t="s">
        <v>38</v>
      </c>
    </row>
    <row r="151" spans="1:25">
      <c r="A151" t="s">
        <v>25</v>
      </c>
      <c r="B151" t="s">
        <v>70</v>
      </c>
      <c r="C151" s="31">
        <v>44880</v>
      </c>
      <c r="D151" t="s">
        <v>27</v>
      </c>
      <c r="E151" t="s">
        <v>28</v>
      </c>
      <c r="F151" t="s">
        <v>400</v>
      </c>
      <c r="G151" s="30">
        <v>11</v>
      </c>
      <c r="H151" t="s">
        <v>29</v>
      </c>
      <c r="I151" t="s">
        <v>30</v>
      </c>
      <c r="K151" t="s">
        <v>31</v>
      </c>
      <c r="L151" s="29">
        <v>-39026.15</v>
      </c>
      <c r="M151" t="s">
        <v>401</v>
      </c>
      <c r="N151" t="s">
        <v>32</v>
      </c>
      <c r="O151" t="s">
        <v>33</v>
      </c>
      <c r="P151" t="s">
        <v>34</v>
      </c>
      <c r="Q151" t="s">
        <v>35</v>
      </c>
      <c r="R151" t="s">
        <v>36</v>
      </c>
      <c r="U151" t="s">
        <v>37</v>
      </c>
      <c r="V151" s="30">
        <v>2022</v>
      </c>
      <c r="W151" s="31">
        <v>44896</v>
      </c>
      <c r="X151" s="32">
        <v>44896.393101851849</v>
      </c>
      <c r="Y151" t="s">
        <v>38</v>
      </c>
    </row>
    <row r="152" spans="1:25">
      <c r="A152" t="s">
        <v>25</v>
      </c>
      <c r="B152" t="s">
        <v>104</v>
      </c>
      <c r="C152" s="31">
        <v>44880</v>
      </c>
      <c r="D152" t="s">
        <v>27</v>
      </c>
      <c r="E152" t="s">
        <v>28</v>
      </c>
      <c r="F152" t="s">
        <v>400</v>
      </c>
      <c r="G152" s="30">
        <v>11</v>
      </c>
      <c r="H152" t="s">
        <v>29</v>
      </c>
      <c r="I152" t="s">
        <v>30</v>
      </c>
      <c r="K152" t="s">
        <v>31</v>
      </c>
      <c r="L152" s="29">
        <v>-16488.509999999998</v>
      </c>
      <c r="M152" t="s">
        <v>401</v>
      </c>
      <c r="N152" t="s">
        <v>32</v>
      </c>
      <c r="O152" t="s">
        <v>33</v>
      </c>
      <c r="P152" t="s">
        <v>34</v>
      </c>
      <c r="Q152" t="s">
        <v>35</v>
      </c>
      <c r="R152" t="s">
        <v>36</v>
      </c>
      <c r="U152" t="s">
        <v>37</v>
      </c>
      <c r="V152" s="30">
        <v>2022</v>
      </c>
      <c r="W152" s="31">
        <v>44895</v>
      </c>
      <c r="X152" s="32">
        <v>44895.648657407408</v>
      </c>
      <c r="Y152" t="s">
        <v>38</v>
      </c>
    </row>
    <row r="153" spans="1:25">
      <c r="A153" t="s">
        <v>25</v>
      </c>
      <c r="B153" t="s">
        <v>114</v>
      </c>
      <c r="C153" s="31">
        <v>44880</v>
      </c>
      <c r="D153" t="s">
        <v>27</v>
      </c>
      <c r="E153" t="s">
        <v>28</v>
      </c>
      <c r="F153" t="s">
        <v>400</v>
      </c>
      <c r="G153" s="30">
        <v>11</v>
      </c>
      <c r="H153" t="s">
        <v>29</v>
      </c>
      <c r="I153" t="s">
        <v>30</v>
      </c>
      <c r="K153" t="s">
        <v>31</v>
      </c>
      <c r="L153" s="29">
        <v>7230.64</v>
      </c>
      <c r="M153" t="s">
        <v>401</v>
      </c>
      <c r="N153" t="s">
        <v>32</v>
      </c>
      <c r="O153" t="s">
        <v>33</v>
      </c>
      <c r="P153" t="s">
        <v>34</v>
      </c>
      <c r="Q153" t="s">
        <v>35</v>
      </c>
      <c r="R153" t="s">
        <v>36</v>
      </c>
      <c r="U153" t="s">
        <v>37</v>
      </c>
      <c r="V153" s="30">
        <v>2022</v>
      </c>
      <c r="W153" s="31">
        <v>44896</v>
      </c>
      <c r="X153" s="32">
        <v>44896.393113425926</v>
      </c>
      <c r="Y153" t="s">
        <v>38</v>
      </c>
    </row>
    <row r="154" spans="1:25">
      <c r="A154" t="s">
        <v>25</v>
      </c>
      <c r="B154" t="s">
        <v>156</v>
      </c>
      <c r="C154" s="31">
        <v>44880</v>
      </c>
      <c r="D154" t="s">
        <v>27</v>
      </c>
      <c r="E154" t="s">
        <v>28</v>
      </c>
      <c r="F154" t="s">
        <v>400</v>
      </c>
      <c r="G154" s="30">
        <v>11</v>
      </c>
      <c r="H154" t="s">
        <v>29</v>
      </c>
      <c r="I154" t="s">
        <v>30</v>
      </c>
      <c r="K154" t="s">
        <v>31</v>
      </c>
      <c r="L154" s="29">
        <v>727.93</v>
      </c>
      <c r="M154" t="s">
        <v>401</v>
      </c>
      <c r="N154" t="s">
        <v>32</v>
      </c>
      <c r="O154" t="s">
        <v>33</v>
      </c>
      <c r="P154" t="s">
        <v>34</v>
      </c>
      <c r="Q154" t="s">
        <v>35</v>
      </c>
      <c r="R154" t="s">
        <v>36</v>
      </c>
      <c r="U154" t="s">
        <v>37</v>
      </c>
      <c r="V154" s="30">
        <v>2022</v>
      </c>
      <c r="W154" s="31">
        <v>44879</v>
      </c>
      <c r="X154" s="32">
        <v>44879.640775462962</v>
      </c>
      <c r="Y154" t="s">
        <v>38</v>
      </c>
    </row>
    <row r="155" spans="1:25">
      <c r="A155" t="s">
        <v>25</v>
      </c>
      <c r="B155" t="s">
        <v>164</v>
      </c>
      <c r="C155" s="31">
        <v>44880</v>
      </c>
      <c r="D155" t="s">
        <v>27</v>
      </c>
      <c r="E155" t="s">
        <v>28</v>
      </c>
      <c r="F155" t="s">
        <v>400</v>
      </c>
      <c r="G155" s="30">
        <v>11</v>
      </c>
      <c r="H155" t="s">
        <v>29</v>
      </c>
      <c r="I155" t="s">
        <v>30</v>
      </c>
      <c r="K155" t="s">
        <v>31</v>
      </c>
      <c r="L155" s="29">
        <v>19209.84</v>
      </c>
      <c r="M155" t="s">
        <v>401</v>
      </c>
      <c r="N155" t="s">
        <v>32</v>
      </c>
      <c r="O155" t="s">
        <v>33</v>
      </c>
      <c r="P155" t="s">
        <v>34</v>
      </c>
      <c r="Q155" t="s">
        <v>35</v>
      </c>
      <c r="R155" t="s">
        <v>36</v>
      </c>
      <c r="U155" t="s">
        <v>37</v>
      </c>
      <c r="V155" s="30">
        <v>2022</v>
      </c>
      <c r="W155" s="31">
        <v>44895</v>
      </c>
      <c r="X155" s="32">
        <v>44895.648645833331</v>
      </c>
      <c r="Y155" t="s">
        <v>38</v>
      </c>
    </row>
    <row r="156" spans="1:25">
      <c r="A156" t="s">
        <v>25</v>
      </c>
      <c r="B156" t="s">
        <v>210</v>
      </c>
      <c r="C156" s="31">
        <v>44880</v>
      </c>
      <c r="D156" t="s">
        <v>27</v>
      </c>
      <c r="E156" t="s">
        <v>28</v>
      </c>
      <c r="F156" t="s">
        <v>400</v>
      </c>
      <c r="G156" s="30">
        <v>11</v>
      </c>
      <c r="H156" t="s">
        <v>29</v>
      </c>
      <c r="I156" t="s">
        <v>30</v>
      </c>
      <c r="K156" t="s">
        <v>31</v>
      </c>
      <c r="L156" s="29">
        <v>-50587.199999999997</v>
      </c>
      <c r="M156" t="s">
        <v>401</v>
      </c>
      <c r="N156" t="s">
        <v>32</v>
      </c>
      <c r="O156" t="s">
        <v>33</v>
      </c>
      <c r="P156" t="s">
        <v>34</v>
      </c>
      <c r="Q156" t="s">
        <v>35</v>
      </c>
      <c r="R156" t="s">
        <v>36</v>
      </c>
      <c r="U156" t="s">
        <v>37</v>
      </c>
      <c r="V156" s="30">
        <v>2022</v>
      </c>
      <c r="W156" s="31">
        <v>44895</v>
      </c>
      <c r="X156" s="32">
        <v>44895.648634259262</v>
      </c>
      <c r="Y156" t="s">
        <v>38</v>
      </c>
    </row>
    <row r="157" spans="1:25">
      <c r="A157" t="s">
        <v>25</v>
      </c>
      <c r="B157" t="s">
        <v>224</v>
      </c>
      <c r="C157" s="31">
        <v>44880</v>
      </c>
      <c r="D157" t="s">
        <v>27</v>
      </c>
      <c r="E157" t="s">
        <v>28</v>
      </c>
      <c r="F157" t="s">
        <v>400</v>
      </c>
      <c r="G157" s="30">
        <v>11</v>
      </c>
      <c r="H157" t="s">
        <v>29</v>
      </c>
      <c r="I157" t="s">
        <v>30</v>
      </c>
      <c r="K157" t="s">
        <v>31</v>
      </c>
      <c r="L157" s="29">
        <v>-3612.08</v>
      </c>
      <c r="M157" t="s">
        <v>401</v>
      </c>
      <c r="N157" t="s">
        <v>32</v>
      </c>
      <c r="O157" t="s">
        <v>33</v>
      </c>
      <c r="P157" t="s">
        <v>34</v>
      </c>
      <c r="Q157" t="s">
        <v>35</v>
      </c>
      <c r="R157" t="s">
        <v>36</v>
      </c>
      <c r="U157" t="s">
        <v>37</v>
      </c>
      <c r="V157" s="30">
        <v>2022</v>
      </c>
      <c r="W157" s="31">
        <v>44879</v>
      </c>
      <c r="X157" s="32">
        <v>44879.640752314815</v>
      </c>
      <c r="Y157" t="s">
        <v>38</v>
      </c>
    </row>
    <row r="158" spans="1:25">
      <c r="A158" t="s">
        <v>25</v>
      </c>
      <c r="B158" t="s">
        <v>231</v>
      </c>
      <c r="C158" s="31">
        <v>44880</v>
      </c>
      <c r="D158" t="s">
        <v>27</v>
      </c>
      <c r="E158" t="s">
        <v>28</v>
      </c>
      <c r="F158" t="s">
        <v>400</v>
      </c>
      <c r="G158" s="30">
        <v>11</v>
      </c>
      <c r="H158" t="s">
        <v>29</v>
      </c>
      <c r="I158" t="s">
        <v>30</v>
      </c>
      <c r="K158" t="s">
        <v>31</v>
      </c>
      <c r="L158" s="29">
        <v>14205.12</v>
      </c>
      <c r="M158" t="s">
        <v>401</v>
      </c>
      <c r="N158" t="s">
        <v>32</v>
      </c>
      <c r="O158" t="s">
        <v>33</v>
      </c>
      <c r="P158" t="s">
        <v>34</v>
      </c>
      <c r="Q158" t="s">
        <v>35</v>
      </c>
      <c r="R158" t="s">
        <v>36</v>
      </c>
      <c r="U158" t="s">
        <v>37</v>
      </c>
      <c r="V158" s="30">
        <v>2022</v>
      </c>
      <c r="W158" s="31">
        <v>44897</v>
      </c>
      <c r="X158" s="32">
        <v>44897.360474537039</v>
      </c>
      <c r="Y158" t="s">
        <v>38</v>
      </c>
    </row>
    <row r="159" spans="1:25">
      <c r="A159" t="s">
        <v>25</v>
      </c>
      <c r="B159" t="s">
        <v>233</v>
      </c>
      <c r="C159" s="31">
        <v>44880</v>
      </c>
      <c r="D159" t="s">
        <v>27</v>
      </c>
      <c r="E159" t="s">
        <v>28</v>
      </c>
      <c r="F159" t="s">
        <v>400</v>
      </c>
      <c r="G159" s="30">
        <v>11</v>
      </c>
      <c r="H159" t="s">
        <v>29</v>
      </c>
      <c r="I159" t="s">
        <v>30</v>
      </c>
      <c r="K159" t="s">
        <v>31</v>
      </c>
      <c r="L159" s="29">
        <v>834.51</v>
      </c>
      <c r="M159" t="s">
        <v>401</v>
      </c>
      <c r="N159" t="s">
        <v>32</v>
      </c>
      <c r="O159" t="s">
        <v>33</v>
      </c>
      <c r="P159" t="s">
        <v>34</v>
      </c>
      <c r="Q159" t="s">
        <v>35</v>
      </c>
      <c r="R159" t="s">
        <v>36</v>
      </c>
      <c r="U159" t="s">
        <v>37</v>
      </c>
      <c r="V159" s="30">
        <v>2022</v>
      </c>
      <c r="W159" s="31">
        <v>44896</v>
      </c>
      <c r="X159" s="32">
        <v>44896.393113425926</v>
      </c>
      <c r="Y159" t="s">
        <v>38</v>
      </c>
    </row>
    <row r="160" spans="1:25">
      <c r="A160" t="s">
        <v>25</v>
      </c>
      <c r="B160" t="s">
        <v>289</v>
      </c>
      <c r="C160" s="31">
        <v>44880</v>
      </c>
      <c r="D160" t="s">
        <v>27</v>
      </c>
      <c r="E160" t="s">
        <v>28</v>
      </c>
      <c r="F160" t="s">
        <v>400</v>
      </c>
      <c r="G160" s="30">
        <v>11</v>
      </c>
      <c r="H160" t="s">
        <v>29</v>
      </c>
      <c r="I160" t="s">
        <v>30</v>
      </c>
      <c r="K160" t="s">
        <v>31</v>
      </c>
      <c r="L160" s="29">
        <v>-1243.03</v>
      </c>
      <c r="M160" t="s">
        <v>401</v>
      </c>
      <c r="N160" t="s">
        <v>32</v>
      </c>
      <c r="O160" t="s">
        <v>33</v>
      </c>
      <c r="P160" t="s">
        <v>34</v>
      </c>
      <c r="Q160" t="s">
        <v>35</v>
      </c>
      <c r="R160" t="s">
        <v>36</v>
      </c>
      <c r="U160" t="s">
        <v>37</v>
      </c>
      <c r="V160" s="30">
        <v>2022</v>
      </c>
      <c r="W160" s="31">
        <v>44898</v>
      </c>
      <c r="X160" s="32">
        <v>44898.014386574076</v>
      </c>
      <c r="Y160" t="s">
        <v>38</v>
      </c>
    </row>
    <row r="161" spans="1:25">
      <c r="A161" t="s">
        <v>25</v>
      </c>
      <c r="B161" t="s">
        <v>291</v>
      </c>
      <c r="C161" s="31">
        <v>44880</v>
      </c>
      <c r="D161" t="s">
        <v>27</v>
      </c>
      <c r="E161" t="s">
        <v>28</v>
      </c>
      <c r="F161" t="s">
        <v>400</v>
      </c>
      <c r="G161" s="30">
        <v>11</v>
      </c>
      <c r="H161" t="s">
        <v>29</v>
      </c>
      <c r="I161" t="s">
        <v>30</v>
      </c>
      <c r="K161" t="s">
        <v>31</v>
      </c>
      <c r="L161" s="29">
        <v>-3057.35</v>
      </c>
      <c r="M161" t="s">
        <v>401</v>
      </c>
      <c r="N161" t="s">
        <v>32</v>
      </c>
      <c r="O161" t="s">
        <v>33</v>
      </c>
      <c r="P161" t="s">
        <v>34</v>
      </c>
      <c r="Q161" t="s">
        <v>35</v>
      </c>
      <c r="R161" t="s">
        <v>36</v>
      </c>
      <c r="U161" t="s">
        <v>37</v>
      </c>
      <c r="V161" s="30">
        <v>2022</v>
      </c>
      <c r="W161" s="31">
        <v>44895</v>
      </c>
      <c r="X161" s="32">
        <v>44895.648599537039</v>
      </c>
      <c r="Y161" t="s">
        <v>38</v>
      </c>
    </row>
    <row r="162" spans="1:25">
      <c r="A162" t="s">
        <v>25</v>
      </c>
      <c r="B162" t="s">
        <v>297</v>
      </c>
      <c r="C162" s="31">
        <v>44880</v>
      </c>
      <c r="D162" t="s">
        <v>27</v>
      </c>
      <c r="E162" t="s">
        <v>28</v>
      </c>
      <c r="F162" t="s">
        <v>400</v>
      </c>
      <c r="G162" s="30">
        <v>11</v>
      </c>
      <c r="H162" t="s">
        <v>29</v>
      </c>
      <c r="I162" t="s">
        <v>30</v>
      </c>
      <c r="K162" t="s">
        <v>31</v>
      </c>
      <c r="L162" s="29">
        <v>-293.60000000000002</v>
      </c>
      <c r="M162" t="s">
        <v>401</v>
      </c>
      <c r="N162" t="s">
        <v>32</v>
      </c>
      <c r="O162" t="s">
        <v>33</v>
      </c>
      <c r="P162" t="s">
        <v>34</v>
      </c>
      <c r="Q162" t="s">
        <v>35</v>
      </c>
      <c r="R162" t="s">
        <v>36</v>
      </c>
      <c r="U162" t="s">
        <v>37</v>
      </c>
      <c r="V162" s="30">
        <v>2022</v>
      </c>
      <c r="W162" s="31">
        <v>44895</v>
      </c>
      <c r="X162" s="32">
        <v>44895.648657407408</v>
      </c>
      <c r="Y162" t="s">
        <v>38</v>
      </c>
    </row>
    <row r="163" spans="1:25">
      <c r="A163" t="s">
        <v>25</v>
      </c>
      <c r="B163" t="s">
        <v>299</v>
      </c>
      <c r="C163" s="31">
        <v>44880</v>
      </c>
      <c r="D163" t="s">
        <v>27</v>
      </c>
      <c r="E163" t="s">
        <v>28</v>
      </c>
      <c r="F163" t="s">
        <v>400</v>
      </c>
      <c r="G163" s="30">
        <v>11</v>
      </c>
      <c r="H163" t="s">
        <v>29</v>
      </c>
      <c r="I163" t="s">
        <v>30</v>
      </c>
      <c r="K163" t="s">
        <v>31</v>
      </c>
      <c r="L163" s="29">
        <v>-4245.8599999999997</v>
      </c>
      <c r="M163" t="s">
        <v>401</v>
      </c>
      <c r="N163" t="s">
        <v>32</v>
      </c>
      <c r="O163" t="s">
        <v>33</v>
      </c>
      <c r="P163" t="s">
        <v>34</v>
      </c>
      <c r="Q163" t="s">
        <v>35</v>
      </c>
      <c r="R163" t="s">
        <v>36</v>
      </c>
      <c r="U163" t="s">
        <v>37</v>
      </c>
      <c r="V163" s="30">
        <v>2022</v>
      </c>
      <c r="W163" s="31">
        <v>44895</v>
      </c>
      <c r="X163" s="32">
        <v>44895.648611111108</v>
      </c>
      <c r="Y163" t="s">
        <v>38</v>
      </c>
    </row>
    <row r="164" spans="1:25">
      <c r="A164" t="s">
        <v>25</v>
      </c>
      <c r="B164" t="s">
        <v>300</v>
      </c>
      <c r="C164" s="31">
        <v>44880</v>
      </c>
      <c r="D164" t="s">
        <v>27</v>
      </c>
      <c r="E164" t="s">
        <v>28</v>
      </c>
      <c r="F164" t="s">
        <v>400</v>
      </c>
      <c r="G164" s="30">
        <v>11</v>
      </c>
      <c r="H164" t="s">
        <v>29</v>
      </c>
      <c r="I164" t="s">
        <v>30</v>
      </c>
      <c r="K164" t="s">
        <v>31</v>
      </c>
      <c r="L164" s="29">
        <v>-27066.32</v>
      </c>
      <c r="M164" t="s">
        <v>401</v>
      </c>
      <c r="N164" t="s">
        <v>32</v>
      </c>
      <c r="O164" t="s">
        <v>33</v>
      </c>
      <c r="P164" t="s">
        <v>34</v>
      </c>
      <c r="Q164" t="s">
        <v>35</v>
      </c>
      <c r="R164" t="s">
        <v>36</v>
      </c>
      <c r="U164" t="s">
        <v>37</v>
      </c>
      <c r="V164" s="30">
        <v>2022</v>
      </c>
      <c r="W164" s="31">
        <v>44895</v>
      </c>
      <c r="X164" s="32">
        <v>44895.648622685185</v>
      </c>
      <c r="Y164" t="s">
        <v>38</v>
      </c>
    </row>
    <row r="165" spans="1:25">
      <c r="A165" t="s">
        <v>25</v>
      </c>
      <c r="B165" t="s">
        <v>303</v>
      </c>
      <c r="C165" s="31">
        <v>44880</v>
      </c>
      <c r="D165" t="s">
        <v>27</v>
      </c>
      <c r="E165" t="s">
        <v>28</v>
      </c>
      <c r="F165" t="s">
        <v>400</v>
      </c>
      <c r="G165" s="30">
        <v>11</v>
      </c>
      <c r="H165" t="s">
        <v>29</v>
      </c>
      <c r="I165" t="s">
        <v>30</v>
      </c>
      <c r="K165" t="s">
        <v>31</v>
      </c>
      <c r="L165" s="29">
        <v>-7790.73</v>
      </c>
      <c r="M165" t="s">
        <v>401</v>
      </c>
      <c r="N165" t="s">
        <v>32</v>
      </c>
      <c r="O165" t="s">
        <v>33</v>
      </c>
      <c r="P165" t="s">
        <v>34</v>
      </c>
      <c r="Q165" t="s">
        <v>35</v>
      </c>
      <c r="R165" t="s">
        <v>36</v>
      </c>
      <c r="U165" t="s">
        <v>37</v>
      </c>
      <c r="V165" s="30">
        <v>2022</v>
      </c>
      <c r="W165" s="31">
        <v>44879</v>
      </c>
      <c r="X165" s="32">
        <v>44879.640775462962</v>
      </c>
      <c r="Y165" t="s">
        <v>38</v>
      </c>
    </row>
    <row r="166" spans="1:25">
      <c r="A166" t="s">
        <v>25</v>
      </c>
      <c r="B166" t="s">
        <v>304</v>
      </c>
      <c r="C166" s="31">
        <v>44880</v>
      </c>
      <c r="D166" t="s">
        <v>27</v>
      </c>
      <c r="E166" t="s">
        <v>28</v>
      </c>
      <c r="F166" t="s">
        <v>400</v>
      </c>
      <c r="G166" s="30">
        <v>11</v>
      </c>
      <c r="H166" t="s">
        <v>29</v>
      </c>
      <c r="I166" t="s">
        <v>30</v>
      </c>
      <c r="K166" t="s">
        <v>31</v>
      </c>
      <c r="L166" s="29">
        <v>-2800.58</v>
      </c>
      <c r="M166" t="s">
        <v>401</v>
      </c>
      <c r="N166" t="s">
        <v>32</v>
      </c>
      <c r="O166" t="s">
        <v>33</v>
      </c>
      <c r="P166" t="s">
        <v>34</v>
      </c>
      <c r="Q166" t="s">
        <v>35</v>
      </c>
      <c r="R166" t="s">
        <v>36</v>
      </c>
      <c r="U166" t="s">
        <v>37</v>
      </c>
      <c r="V166" s="30">
        <v>2022</v>
      </c>
      <c r="W166" s="31">
        <v>44879</v>
      </c>
      <c r="X166" s="32">
        <v>44879.640763888892</v>
      </c>
      <c r="Y166" t="s">
        <v>38</v>
      </c>
    </row>
    <row r="167" spans="1:25">
      <c r="A167" t="s">
        <v>25</v>
      </c>
      <c r="B167" t="s">
        <v>305</v>
      </c>
      <c r="C167" s="31">
        <v>44880</v>
      </c>
      <c r="D167" t="s">
        <v>27</v>
      </c>
      <c r="E167" t="s">
        <v>28</v>
      </c>
      <c r="F167" t="s">
        <v>400</v>
      </c>
      <c r="G167" s="30">
        <v>11</v>
      </c>
      <c r="H167" t="s">
        <v>29</v>
      </c>
      <c r="I167" t="s">
        <v>30</v>
      </c>
      <c r="K167" t="s">
        <v>31</v>
      </c>
      <c r="L167" s="29">
        <v>-1992.12</v>
      </c>
      <c r="M167" t="s">
        <v>401</v>
      </c>
      <c r="N167" t="s">
        <v>32</v>
      </c>
      <c r="O167" t="s">
        <v>33</v>
      </c>
      <c r="P167" t="s">
        <v>34</v>
      </c>
      <c r="Q167" t="s">
        <v>35</v>
      </c>
      <c r="R167" t="s">
        <v>36</v>
      </c>
      <c r="U167" t="s">
        <v>37</v>
      </c>
      <c r="V167" s="30">
        <v>2022</v>
      </c>
      <c r="W167" s="31">
        <v>44879</v>
      </c>
      <c r="X167" s="32">
        <v>44879.640763888892</v>
      </c>
      <c r="Y167" t="s">
        <v>38</v>
      </c>
    </row>
    <row r="168" spans="1:25">
      <c r="A168" t="s">
        <v>25</v>
      </c>
      <c r="B168" t="s">
        <v>308</v>
      </c>
      <c r="C168" s="31">
        <v>44880</v>
      </c>
      <c r="D168" t="s">
        <v>27</v>
      </c>
      <c r="E168" t="s">
        <v>28</v>
      </c>
      <c r="F168" t="s">
        <v>400</v>
      </c>
      <c r="G168" s="30">
        <v>11</v>
      </c>
      <c r="H168" t="s">
        <v>29</v>
      </c>
      <c r="I168" t="s">
        <v>30</v>
      </c>
      <c r="K168" t="s">
        <v>31</v>
      </c>
      <c r="L168" s="29">
        <v>-1246.1099999999999</v>
      </c>
      <c r="M168" t="s">
        <v>401</v>
      </c>
      <c r="N168" t="s">
        <v>32</v>
      </c>
      <c r="O168" t="s">
        <v>33</v>
      </c>
      <c r="P168" t="s">
        <v>34</v>
      </c>
      <c r="Q168" t="s">
        <v>35</v>
      </c>
      <c r="R168" t="s">
        <v>36</v>
      </c>
      <c r="U168" t="s">
        <v>37</v>
      </c>
      <c r="V168" s="30">
        <v>2022</v>
      </c>
      <c r="W168" s="31">
        <v>44895</v>
      </c>
      <c r="X168" s="32">
        <v>44895.648645833331</v>
      </c>
      <c r="Y168" t="s">
        <v>38</v>
      </c>
    </row>
    <row r="169" spans="1:25">
      <c r="A169" t="s">
        <v>25</v>
      </c>
      <c r="B169" t="s">
        <v>313</v>
      </c>
      <c r="C169" s="31">
        <v>44880</v>
      </c>
      <c r="D169" t="s">
        <v>27</v>
      </c>
      <c r="E169" t="s">
        <v>28</v>
      </c>
      <c r="F169" t="s">
        <v>400</v>
      </c>
      <c r="G169" s="30">
        <v>11</v>
      </c>
      <c r="H169" t="s">
        <v>29</v>
      </c>
      <c r="I169" t="s">
        <v>30</v>
      </c>
      <c r="K169" t="s">
        <v>31</v>
      </c>
      <c r="L169" s="29">
        <v>75.010000000000005</v>
      </c>
      <c r="M169" t="s">
        <v>401</v>
      </c>
      <c r="N169" t="s">
        <v>32</v>
      </c>
      <c r="O169" t="s">
        <v>33</v>
      </c>
      <c r="P169" t="s">
        <v>34</v>
      </c>
      <c r="Q169" t="s">
        <v>35</v>
      </c>
      <c r="R169" t="s">
        <v>36</v>
      </c>
      <c r="U169" t="s">
        <v>37</v>
      </c>
      <c r="V169" s="30">
        <v>2022</v>
      </c>
      <c r="W169" s="31">
        <v>44895</v>
      </c>
      <c r="X169" s="32">
        <v>44895.648634259262</v>
      </c>
      <c r="Y169" t="s">
        <v>38</v>
      </c>
    </row>
    <row r="170" spans="1:25">
      <c r="A170" t="s">
        <v>25</v>
      </c>
      <c r="B170" t="s">
        <v>52</v>
      </c>
      <c r="C170" s="31">
        <v>44910</v>
      </c>
      <c r="D170" t="s">
        <v>27</v>
      </c>
      <c r="E170" t="s">
        <v>28</v>
      </c>
      <c r="F170" t="s">
        <v>400</v>
      </c>
      <c r="G170" s="30">
        <v>12</v>
      </c>
      <c r="H170" t="s">
        <v>29</v>
      </c>
      <c r="I170" t="s">
        <v>30</v>
      </c>
      <c r="K170" t="s">
        <v>31</v>
      </c>
      <c r="L170" s="29">
        <v>-4023.07</v>
      </c>
      <c r="M170" t="s">
        <v>401</v>
      </c>
      <c r="N170" t="s">
        <v>32</v>
      </c>
      <c r="O170" t="s">
        <v>33</v>
      </c>
      <c r="P170" t="s">
        <v>34</v>
      </c>
      <c r="Q170" t="s">
        <v>35</v>
      </c>
      <c r="R170" t="s">
        <v>36</v>
      </c>
      <c r="U170" t="s">
        <v>37</v>
      </c>
      <c r="V170" s="30">
        <v>2022</v>
      </c>
      <c r="W170" s="31">
        <v>44929</v>
      </c>
      <c r="X170" s="32">
        <v>44929.371527777781</v>
      </c>
      <c r="Y170" t="s">
        <v>38</v>
      </c>
    </row>
    <row r="171" spans="1:25">
      <c r="A171" t="s">
        <v>25</v>
      </c>
      <c r="B171" t="s">
        <v>71</v>
      </c>
      <c r="C171" s="31">
        <v>44910</v>
      </c>
      <c r="D171" t="s">
        <v>27</v>
      </c>
      <c r="E171" t="s">
        <v>28</v>
      </c>
      <c r="F171" t="s">
        <v>400</v>
      </c>
      <c r="G171" s="30">
        <v>12</v>
      </c>
      <c r="H171" t="s">
        <v>29</v>
      </c>
      <c r="I171" t="s">
        <v>30</v>
      </c>
      <c r="K171" t="s">
        <v>31</v>
      </c>
      <c r="L171" s="29">
        <v>-2.64</v>
      </c>
      <c r="M171" t="s">
        <v>401</v>
      </c>
      <c r="N171" t="s">
        <v>32</v>
      </c>
      <c r="O171" t="s">
        <v>33</v>
      </c>
      <c r="P171" t="s">
        <v>34</v>
      </c>
      <c r="Q171" t="s">
        <v>35</v>
      </c>
      <c r="R171" t="s">
        <v>36</v>
      </c>
      <c r="U171" t="s">
        <v>37</v>
      </c>
      <c r="V171" s="30">
        <v>2022</v>
      </c>
      <c r="W171" s="31">
        <v>44929</v>
      </c>
      <c r="X171" s="32">
        <v>44929.371516203704</v>
      </c>
      <c r="Y171" t="s">
        <v>38</v>
      </c>
    </row>
    <row r="172" spans="1:25">
      <c r="A172" t="s">
        <v>25</v>
      </c>
      <c r="B172" t="s">
        <v>106</v>
      </c>
      <c r="C172" s="31">
        <v>44910</v>
      </c>
      <c r="D172" t="s">
        <v>27</v>
      </c>
      <c r="E172" t="s">
        <v>28</v>
      </c>
      <c r="F172" t="s">
        <v>400</v>
      </c>
      <c r="G172" s="30">
        <v>12</v>
      </c>
      <c r="H172" t="s">
        <v>29</v>
      </c>
      <c r="I172" t="s">
        <v>30</v>
      </c>
      <c r="K172" t="s">
        <v>31</v>
      </c>
      <c r="L172" s="29">
        <v>-3006.51</v>
      </c>
      <c r="M172" t="s">
        <v>401</v>
      </c>
      <c r="N172" t="s">
        <v>32</v>
      </c>
      <c r="O172" t="s">
        <v>33</v>
      </c>
      <c r="P172" t="s">
        <v>34</v>
      </c>
      <c r="Q172" t="s">
        <v>35</v>
      </c>
      <c r="R172" t="s">
        <v>36</v>
      </c>
      <c r="U172" t="s">
        <v>37</v>
      </c>
      <c r="V172" s="30">
        <v>2022</v>
      </c>
      <c r="W172" s="31">
        <v>44923</v>
      </c>
      <c r="X172" s="32">
        <v>44923.280150462961</v>
      </c>
      <c r="Y172" t="s">
        <v>38</v>
      </c>
    </row>
    <row r="173" spans="1:25">
      <c r="A173" t="s">
        <v>25</v>
      </c>
      <c r="B173" t="s">
        <v>151</v>
      </c>
      <c r="C173" s="31">
        <v>44910</v>
      </c>
      <c r="D173" t="s">
        <v>27</v>
      </c>
      <c r="E173" t="s">
        <v>28</v>
      </c>
      <c r="F173" t="s">
        <v>400</v>
      </c>
      <c r="G173" s="30">
        <v>12</v>
      </c>
      <c r="H173" t="s">
        <v>29</v>
      </c>
      <c r="I173" t="s">
        <v>30</v>
      </c>
      <c r="K173" t="s">
        <v>31</v>
      </c>
      <c r="L173" s="29">
        <v>6705.56</v>
      </c>
      <c r="M173" t="s">
        <v>401</v>
      </c>
      <c r="N173" t="s">
        <v>32</v>
      </c>
      <c r="O173" t="s">
        <v>33</v>
      </c>
      <c r="P173" t="s">
        <v>34</v>
      </c>
      <c r="Q173" t="s">
        <v>35</v>
      </c>
      <c r="R173" t="s">
        <v>36</v>
      </c>
      <c r="U173" t="s">
        <v>37</v>
      </c>
      <c r="V173" s="30">
        <v>2022</v>
      </c>
      <c r="W173" s="31">
        <v>44923</v>
      </c>
      <c r="X173" s="32">
        <v>44923.251909722225</v>
      </c>
      <c r="Y173" t="s">
        <v>38</v>
      </c>
    </row>
    <row r="174" spans="1:25">
      <c r="A174" t="s">
        <v>25</v>
      </c>
      <c r="B174" t="s">
        <v>153</v>
      </c>
      <c r="C174" s="31">
        <v>44910</v>
      </c>
      <c r="D174" t="s">
        <v>27</v>
      </c>
      <c r="E174" t="s">
        <v>28</v>
      </c>
      <c r="F174" t="s">
        <v>400</v>
      </c>
      <c r="G174" s="30">
        <v>12</v>
      </c>
      <c r="H174" t="s">
        <v>29</v>
      </c>
      <c r="I174" t="s">
        <v>30</v>
      </c>
      <c r="K174" t="s">
        <v>31</v>
      </c>
      <c r="L174" s="29">
        <v>3874.18</v>
      </c>
      <c r="M174" t="s">
        <v>401</v>
      </c>
      <c r="N174" t="s">
        <v>32</v>
      </c>
      <c r="O174" t="s">
        <v>33</v>
      </c>
      <c r="P174" t="s">
        <v>34</v>
      </c>
      <c r="Q174" t="s">
        <v>35</v>
      </c>
      <c r="R174" t="s">
        <v>36</v>
      </c>
      <c r="U174" t="s">
        <v>37</v>
      </c>
      <c r="V174" s="30">
        <v>2022</v>
      </c>
      <c r="W174" s="31">
        <v>44929</v>
      </c>
      <c r="X174" s="32">
        <v>44929.371539351851</v>
      </c>
      <c r="Y174" t="s">
        <v>38</v>
      </c>
    </row>
    <row r="175" spans="1:25">
      <c r="A175" t="s">
        <v>25</v>
      </c>
      <c r="B175" t="s">
        <v>154</v>
      </c>
      <c r="C175" s="31">
        <v>44910</v>
      </c>
      <c r="D175" t="s">
        <v>27</v>
      </c>
      <c r="E175" t="s">
        <v>28</v>
      </c>
      <c r="F175" t="s">
        <v>400</v>
      </c>
      <c r="G175" s="30">
        <v>12</v>
      </c>
      <c r="H175" t="s">
        <v>29</v>
      </c>
      <c r="I175" t="s">
        <v>30</v>
      </c>
      <c r="K175" t="s">
        <v>31</v>
      </c>
      <c r="L175" s="29">
        <v>-748.39</v>
      </c>
      <c r="M175" t="s">
        <v>401</v>
      </c>
      <c r="N175" t="s">
        <v>32</v>
      </c>
      <c r="O175" t="s">
        <v>33</v>
      </c>
      <c r="P175" t="s">
        <v>34</v>
      </c>
      <c r="Q175" t="s">
        <v>35</v>
      </c>
      <c r="R175" t="s">
        <v>36</v>
      </c>
      <c r="U175" t="s">
        <v>37</v>
      </c>
      <c r="V175" s="30">
        <v>2022</v>
      </c>
      <c r="W175" s="31">
        <v>44929</v>
      </c>
      <c r="X175" s="32">
        <v>44929.371550925927</v>
      </c>
      <c r="Y175" t="s">
        <v>38</v>
      </c>
    </row>
    <row r="176" spans="1:25">
      <c r="A176" t="s">
        <v>25</v>
      </c>
      <c r="B176" t="s">
        <v>157</v>
      </c>
      <c r="C176" s="31">
        <v>44910</v>
      </c>
      <c r="D176" t="s">
        <v>27</v>
      </c>
      <c r="E176" t="s">
        <v>28</v>
      </c>
      <c r="F176" t="s">
        <v>400</v>
      </c>
      <c r="G176" s="30">
        <v>12</v>
      </c>
      <c r="H176" t="s">
        <v>29</v>
      </c>
      <c r="I176" t="s">
        <v>30</v>
      </c>
      <c r="K176" t="s">
        <v>31</v>
      </c>
      <c r="L176" s="29">
        <v>-19794.02</v>
      </c>
      <c r="M176" t="s">
        <v>401</v>
      </c>
      <c r="N176" t="s">
        <v>32</v>
      </c>
      <c r="O176" t="s">
        <v>33</v>
      </c>
      <c r="P176" t="s">
        <v>34</v>
      </c>
      <c r="Q176" t="s">
        <v>35</v>
      </c>
      <c r="R176" t="s">
        <v>36</v>
      </c>
      <c r="U176" t="s">
        <v>37</v>
      </c>
      <c r="V176" s="30">
        <v>2022</v>
      </c>
      <c r="W176" s="31">
        <v>44929</v>
      </c>
      <c r="X176" s="32">
        <v>44929.371539351851</v>
      </c>
      <c r="Y176" t="s">
        <v>38</v>
      </c>
    </row>
    <row r="177" spans="1:25">
      <c r="A177" t="s">
        <v>25</v>
      </c>
      <c r="B177" t="s">
        <v>160</v>
      </c>
      <c r="C177" s="31">
        <v>44910</v>
      </c>
      <c r="D177" t="s">
        <v>27</v>
      </c>
      <c r="E177" t="s">
        <v>28</v>
      </c>
      <c r="F177" t="s">
        <v>400</v>
      </c>
      <c r="G177" s="30">
        <v>12</v>
      </c>
      <c r="H177" t="s">
        <v>29</v>
      </c>
      <c r="I177" t="s">
        <v>30</v>
      </c>
      <c r="K177" t="s">
        <v>31</v>
      </c>
      <c r="L177" s="29">
        <v>-15452.14</v>
      </c>
      <c r="M177" t="s">
        <v>401</v>
      </c>
      <c r="N177" t="s">
        <v>32</v>
      </c>
      <c r="O177" t="s">
        <v>33</v>
      </c>
      <c r="P177" t="s">
        <v>34</v>
      </c>
      <c r="Q177" t="s">
        <v>35</v>
      </c>
      <c r="R177" t="s">
        <v>36</v>
      </c>
      <c r="U177" t="s">
        <v>37</v>
      </c>
      <c r="V177" s="30">
        <v>2022</v>
      </c>
      <c r="W177" s="31">
        <v>44923</v>
      </c>
      <c r="X177" s="32">
        <v>44923.280138888891</v>
      </c>
      <c r="Y177" t="s">
        <v>38</v>
      </c>
    </row>
    <row r="178" spans="1:25">
      <c r="A178" t="s">
        <v>25</v>
      </c>
      <c r="B178" t="s">
        <v>174</v>
      </c>
      <c r="C178" s="31">
        <v>44910</v>
      </c>
      <c r="D178" t="s">
        <v>27</v>
      </c>
      <c r="E178" t="s">
        <v>28</v>
      </c>
      <c r="F178" t="s">
        <v>400</v>
      </c>
      <c r="G178" s="30">
        <v>12</v>
      </c>
      <c r="H178" t="s">
        <v>29</v>
      </c>
      <c r="I178" t="s">
        <v>30</v>
      </c>
      <c r="K178" t="s">
        <v>31</v>
      </c>
      <c r="L178" s="29">
        <v>-17748.349999999999</v>
      </c>
      <c r="M178" t="s">
        <v>401</v>
      </c>
      <c r="N178" t="s">
        <v>32</v>
      </c>
      <c r="O178" t="s">
        <v>33</v>
      </c>
      <c r="P178" t="s">
        <v>34</v>
      </c>
      <c r="Q178" t="s">
        <v>35</v>
      </c>
      <c r="R178" t="s">
        <v>36</v>
      </c>
      <c r="U178" t="s">
        <v>37</v>
      </c>
      <c r="V178" s="30">
        <v>2022</v>
      </c>
      <c r="W178" s="31">
        <v>44929</v>
      </c>
      <c r="X178" s="32">
        <v>44929.371550925927</v>
      </c>
      <c r="Y178" t="s">
        <v>38</v>
      </c>
    </row>
    <row r="179" spans="1:25">
      <c r="A179" t="s">
        <v>25</v>
      </c>
      <c r="B179" t="s">
        <v>201</v>
      </c>
      <c r="C179" s="31">
        <v>44910</v>
      </c>
      <c r="D179" t="s">
        <v>27</v>
      </c>
      <c r="E179" t="s">
        <v>28</v>
      </c>
      <c r="F179" t="s">
        <v>400</v>
      </c>
      <c r="G179" s="30">
        <v>12</v>
      </c>
      <c r="H179" t="s">
        <v>29</v>
      </c>
      <c r="I179" t="s">
        <v>30</v>
      </c>
      <c r="K179" t="s">
        <v>31</v>
      </c>
      <c r="L179" s="29">
        <v>-64830.12</v>
      </c>
      <c r="M179" t="s">
        <v>401</v>
      </c>
      <c r="N179" t="s">
        <v>32</v>
      </c>
      <c r="O179" t="s">
        <v>33</v>
      </c>
      <c r="P179" t="s">
        <v>34</v>
      </c>
      <c r="Q179" t="s">
        <v>35</v>
      </c>
      <c r="R179" t="s">
        <v>36</v>
      </c>
      <c r="U179" t="s">
        <v>37</v>
      </c>
      <c r="V179" s="30">
        <v>2022</v>
      </c>
      <c r="W179" s="31">
        <v>44929</v>
      </c>
      <c r="X179" s="32">
        <v>44929.371562499997</v>
      </c>
      <c r="Y179" t="s">
        <v>38</v>
      </c>
    </row>
    <row r="180" spans="1:25">
      <c r="A180" t="s">
        <v>25</v>
      </c>
      <c r="B180" t="s">
        <v>206</v>
      </c>
      <c r="C180" s="31">
        <v>44910</v>
      </c>
      <c r="D180" t="s">
        <v>27</v>
      </c>
      <c r="E180" t="s">
        <v>28</v>
      </c>
      <c r="F180" t="s">
        <v>400</v>
      </c>
      <c r="G180" s="30">
        <v>12</v>
      </c>
      <c r="H180" t="s">
        <v>29</v>
      </c>
      <c r="I180" t="s">
        <v>30</v>
      </c>
      <c r="K180" t="s">
        <v>31</v>
      </c>
      <c r="L180" s="29">
        <v>-5330.09</v>
      </c>
      <c r="M180" t="s">
        <v>401</v>
      </c>
      <c r="N180" t="s">
        <v>32</v>
      </c>
      <c r="O180" t="s">
        <v>33</v>
      </c>
      <c r="P180" t="s">
        <v>34</v>
      </c>
      <c r="Q180" t="s">
        <v>35</v>
      </c>
      <c r="R180" t="s">
        <v>36</v>
      </c>
      <c r="U180" t="s">
        <v>37</v>
      </c>
      <c r="V180" s="30">
        <v>2022</v>
      </c>
      <c r="W180" s="31">
        <v>44923</v>
      </c>
      <c r="X180" s="32">
        <v>44923.280162037037</v>
      </c>
      <c r="Y180" t="s">
        <v>38</v>
      </c>
    </row>
    <row r="181" spans="1:25">
      <c r="A181" t="s">
        <v>25</v>
      </c>
      <c r="B181" t="s">
        <v>250</v>
      </c>
      <c r="C181" s="31">
        <v>44910</v>
      </c>
      <c r="D181" t="s">
        <v>27</v>
      </c>
      <c r="E181" t="s">
        <v>28</v>
      </c>
      <c r="F181" t="s">
        <v>400</v>
      </c>
      <c r="G181" s="30">
        <v>12</v>
      </c>
      <c r="H181" t="s">
        <v>29</v>
      </c>
      <c r="I181" t="s">
        <v>30</v>
      </c>
      <c r="K181" t="s">
        <v>31</v>
      </c>
      <c r="L181" s="29">
        <v>-7658.66</v>
      </c>
      <c r="M181" t="s">
        <v>401</v>
      </c>
      <c r="N181" t="s">
        <v>32</v>
      </c>
      <c r="O181" t="s">
        <v>33</v>
      </c>
      <c r="P181" t="s">
        <v>34</v>
      </c>
      <c r="Q181" t="s">
        <v>35</v>
      </c>
      <c r="R181" t="s">
        <v>36</v>
      </c>
      <c r="U181" t="s">
        <v>37</v>
      </c>
      <c r="V181" s="30">
        <v>2022</v>
      </c>
      <c r="W181" s="31">
        <v>44930</v>
      </c>
      <c r="X181" s="32">
        <v>44930.269988425927</v>
      </c>
      <c r="Y181" t="s">
        <v>38</v>
      </c>
    </row>
    <row r="182" spans="1:25">
      <c r="A182" t="s">
        <v>25</v>
      </c>
      <c r="B182" t="s">
        <v>253</v>
      </c>
      <c r="C182" s="31">
        <v>44910</v>
      </c>
      <c r="D182" t="s">
        <v>27</v>
      </c>
      <c r="E182" t="s">
        <v>28</v>
      </c>
      <c r="F182" t="s">
        <v>400</v>
      </c>
      <c r="G182" s="30">
        <v>12</v>
      </c>
      <c r="H182" t="s">
        <v>29</v>
      </c>
      <c r="I182" t="s">
        <v>30</v>
      </c>
      <c r="K182" t="s">
        <v>31</v>
      </c>
      <c r="L182" s="29">
        <v>531.27</v>
      </c>
      <c r="M182" t="s">
        <v>401</v>
      </c>
      <c r="N182" t="s">
        <v>32</v>
      </c>
      <c r="O182" t="s">
        <v>33</v>
      </c>
      <c r="P182" t="s">
        <v>34</v>
      </c>
      <c r="Q182" t="s">
        <v>35</v>
      </c>
      <c r="R182" t="s">
        <v>36</v>
      </c>
      <c r="U182" t="s">
        <v>37</v>
      </c>
      <c r="V182" s="30">
        <v>2022</v>
      </c>
      <c r="W182" s="31">
        <v>44929</v>
      </c>
      <c r="X182" s="32">
        <v>44929.371539351851</v>
      </c>
      <c r="Y182" t="s">
        <v>38</v>
      </c>
    </row>
    <row r="183" spans="1:25">
      <c r="A183" t="s">
        <v>25</v>
      </c>
      <c r="B183" t="s">
        <v>257</v>
      </c>
      <c r="C183" s="31">
        <v>44910</v>
      </c>
      <c r="D183" t="s">
        <v>27</v>
      </c>
      <c r="E183" t="s">
        <v>28</v>
      </c>
      <c r="F183" t="s">
        <v>400</v>
      </c>
      <c r="G183" s="30">
        <v>12</v>
      </c>
      <c r="H183" t="s">
        <v>29</v>
      </c>
      <c r="I183" t="s">
        <v>30</v>
      </c>
      <c r="K183" t="s">
        <v>31</v>
      </c>
      <c r="L183" s="29">
        <v>-3548.05</v>
      </c>
      <c r="M183" t="s">
        <v>401</v>
      </c>
      <c r="N183" t="s">
        <v>32</v>
      </c>
      <c r="O183" t="s">
        <v>33</v>
      </c>
      <c r="P183" t="s">
        <v>34</v>
      </c>
      <c r="Q183" t="s">
        <v>35</v>
      </c>
      <c r="R183" t="s">
        <v>36</v>
      </c>
      <c r="U183" t="s">
        <v>37</v>
      </c>
      <c r="V183" s="30">
        <v>2022</v>
      </c>
      <c r="W183" s="31">
        <v>44923</v>
      </c>
      <c r="X183" s="32">
        <v>44923.280162037037</v>
      </c>
      <c r="Y183" t="s">
        <v>38</v>
      </c>
    </row>
    <row r="184" spans="1:25">
      <c r="A184" t="s">
        <v>25</v>
      </c>
      <c r="B184" t="s">
        <v>270</v>
      </c>
      <c r="C184" s="31">
        <v>44910</v>
      </c>
      <c r="D184" t="s">
        <v>27</v>
      </c>
      <c r="E184" t="s">
        <v>28</v>
      </c>
      <c r="F184" t="s">
        <v>400</v>
      </c>
      <c r="G184" s="30">
        <v>12</v>
      </c>
      <c r="H184" t="s">
        <v>29</v>
      </c>
      <c r="I184" t="s">
        <v>30</v>
      </c>
      <c r="K184" t="s">
        <v>31</v>
      </c>
      <c r="L184" s="29">
        <v>-1245.68</v>
      </c>
      <c r="M184" t="s">
        <v>401</v>
      </c>
      <c r="N184" t="s">
        <v>32</v>
      </c>
      <c r="O184" t="s">
        <v>33</v>
      </c>
      <c r="P184" t="s">
        <v>34</v>
      </c>
      <c r="Q184" t="s">
        <v>35</v>
      </c>
      <c r="R184" t="s">
        <v>36</v>
      </c>
      <c r="U184" t="s">
        <v>37</v>
      </c>
      <c r="V184" s="30">
        <v>2022</v>
      </c>
      <c r="W184" s="31">
        <v>44929</v>
      </c>
      <c r="X184" s="32">
        <v>44929.371504629627</v>
      </c>
      <c r="Y184" t="s">
        <v>38</v>
      </c>
    </row>
    <row r="185" spans="1:25">
      <c r="A185" t="s">
        <v>25</v>
      </c>
      <c r="B185" t="s">
        <v>274</v>
      </c>
      <c r="C185" s="31">
        <v>44910</v>
      </c>
      <c r="D185" t="s">
        <v>27</v>
      </c>
      <c r="E185" t="s">
        <v>28</v>
      </c>
      <c r="F185" t="s">
        <v>400</v>
      </c>
      <c r="G185" s="30">
        <v>12</v>
      </c>
      <c r="H185" t="s">
        <v>29</v>
      </c>
      <c r="I185" t="s">
        <v>30</v>
      </c>
      <c r="K185" t="s">
        <v>31</v>
      </c>
      <c r="L185" s="29">
        <v>-1679.25</v>
      </c>
      <c r="M185" t="s">
        <v>401</v>
      </c>
      <c r="N185" t="s">
        <v>32</v>
      </c>
      <c r="O185" t="s">
        <v>33</v>
      </c>
      <c r="P185" t="s">
        <v>34</v>
      </c>
      <c r="Q185" t="s">
        <v>35</v>
      </c>
      <c r="R185" t="s">
        <v>36</v>
      </c>
      <c r="U185" t="s">
        <v>37</v>
      </c>
      <c r="V185" s="30">
        <v>2022</v>
      </c>
      <c r="W185" s="31">
        <v>44929</v>
      </c>
      <c r="X185" s="32">
        <v>44929.371562499997</v>
      </c>
      <c r="Y185" t="s">
        <v>38</v>
      </c>
    </row>
    <row r="186" spans="1:25">
      <c r="A186" t="s">
        <v>25</v>
      </c>
      <c r="B186" t="s">
        <v>294</v>
      </c>
      <c r="C186" s="31">
        <v>44910</v>
      </c>
      <c r="D186" t="s">
        <v>27</v>
      </c>
      <c r="E186" t="s">
        <v>28</v>
      </c>
      <c r="F186" t="s">
        <v>400</v>
      </c>
      <c r="G186" s="30">
        <v>12</v>
      </c>
      <c r="H186" t="s">
        <v>29</v>
      </c>
      <c r="I186" t="s">
        <v>30</v>
      </c>
      <c r="K186" t="s">
        <v>31</v>
      </c>
      <c r="L186" s="29">
        <v>-102.1</v>
      </c>
      <c r="M186" t="s">
        <v>401</v>
      </c>
      <c r="N186" t="s">
        <v>32</v>
      </c>
      <c r="O186" t="s">
        <v>33</v>
      </c>
      <c r="P186" t="s">
        <v>34</v>
      </c>
      <c r="Q186" t="s">
        <v>35</v>
      </c>
      <c r="R186" t="s">
        <v>36</v>
      </c>
      <c r="U186" t="s">
        <v>37</v>
      </c>
      <c r="V186" s="30">
        <v>2022</v>
      </c>
      <c r="W186" s="31">
        <v>44923</v>
      </c>
      <c r="X186" s="32">
        <v>44923.280150462961</v>
      </c>
      <c r="Y186" t="s">
        <v>38</v>
      </c>
    </row>
    <row r="187" spans="1:25">
      <c r="A187" t="s">
        <v>25</v>
      </c>
      <c r="B187" t="s">
        <v>301</v>
      </c>
      <c r="C187" s="31">
        <v>44910</v>
      </c>
      <c r="D187" t="s">
        <v>27</v>
      </c>
      <c r="E187" t="s">
        <v>28</v>
      </c>
      <c r="F187" t="s">
        <v>400</v>
      </c>
      <c r="G187" s="30">
        <v>12</v>
      </c>
      <c r="H187" t="s">
        <v>29</v>
      </c>
      <c r="I187" t="s">
        <v>30</v>
      </c>
      <c r="K187" t="s">
        <v>31</v>
      </c>
      <c r="L187" s="29">
        <v>-7419.99</v>
      </c>
      <c r="M187" t="s">
        <v>401</v>
      </c>
      <c r="N187" t="s">
        <v>32</v>
      </c>
      <c r="O187" t="s">
        <v>33</v>
      </c>
      <c r="P187" t="s">
        <v>34</v>
      </c>
      <c r="Q187" t="s">
        <v>35</v>
      </c>
      <c r="R187" t="s">
        <v>36</v>
      </c>
      <c r="U187" t="s">
        <v>37</v>
      </c>
      <c r="V187" s="30">
        <v>2022</v>
      </c>
      <c r="W187" s="31">
        <v>44930</v>
      </c>
      <c r="X187" s="32">
        <v>44930.571458333332</v>
      </c>
      <c r="Y187" t="s">
        <v>38</v>
      </c>
    </row>
    <row r="188" spans="1:25">
      <c r="A188" t="s">
        <v>25</v>
      </c>
      <c r="B188" t="s">
        <v>307</v>
      </c>
      <c r="C188" s="31">
        <v>44910</v>
      </c>
      <c r="D188" t="s">
        <v>27</v>
      </c>
      <c r="E188" t="s">
        <v>28</v>
      </c>
      <c r="F188" t="s">
        <v>400</v>
      </c>
      <c r="G188" s="30">
        <v>12</v>
      </c>
      <c r="H188" t="s">
        <v>29</v>
      </c>
      <c r="I188" t="s">
        <v>30</v>
      </c>
      <c r="K188" t="s">
        <v>31</v>
      </c>
      <c r="L188" s="29">
        <v>-12722.57</v>
      </c>
      <c r="M188" t="s">
        <v>401</v>
      </c>
      <c r="N188" t="s">
        <v>32</v>
      </c>
      <c r="O188" t="s">
        <v>33</v>
      </c>
      <c r="P188" t="s">
        <v>34</v>
      </c>
      <c r="Q188" t="s">
        <v>35</v>
      </c>
      <c r="R188" t="s">
        <v>36</v>
      </c>
      <c r="U188" t="s">
        <v>37</v>
      </c>
      <c r="V188" s="30">
        <v>2022</v>
      </c>
      <c r="W188" s="31">
        <v>44929</v>
      </c>
      <c r="X188" s="32">
        <v>44929.371527777781</v>
      </c>
      <c r="Y188" t="s">
        <v>38</v>
      </c>
    </row>
    <row r="189" spans="1:25">
      <c r="A189" t="s">
        <v>25</v>
      </c>
      <c r="B189" t="s">
        <v>309</v>
      </c>
      <c r="C189" s="31">
        <v>44910</v>
      </c>
      <c r="D189" t="s">
        <v>27</v>
      </c>
      <c r="E189" t="s">
        <v>28</v>
      </c>
      <c r="F189" t="s">
        <v>400</v>
      </c>
      <c r="G189" s="30">
        <v>12</v>
      </c>
      <c r="H189" t="s">
        <v>29</v>
      </c>
      <c r="I189" t="s">
        <v>30</v>
      </c>
      <c r="K189" t="s">
        <v>31</v>
      </c>
      <c r="L189" s="29">
        <v>847.55</v>
      </c>
      <c r="M189" t="s">
        <v>401</v>
      </c>
      <c r="N189" t="s">
        <v>32</v>
      </c>
      <c r="O189" t="s">
        <v>33</v>
      </c>
      <c r="P189" t="s">
        <v>34</v>
      </c>
      <c r="Q189" t="s">
        <v>35</v>
      </c>
      <c r="R189" t="s">
        <v>36</v>
      </c>
      <c r="U189" t="s">
        <v>37</v>
      </c>
      <c r="V189" s="30">
        <v>2022</v>
      </c>
      <c r="W189" s="31">
        <v>44929</v>
      </c>
      <c r="X189" s="32">
        <v>44929.371516203704</v>
      </c>
      <c r="Y189" t="s">
        <v>38</v>
      </c>
    </row>
    <row r="190" spans="1:25">
      <c r="A190" t="s">
        <v>25</v>
      </c>
      <c r="B190" t="s">
        <v>68</v>
      </c>
      <c r="C190" s="31">
        <v>44941</v>
      </c>
      <c r="D190" t="s">
        <v>27</v>
      </c>
      <c r="E190" t="s">
        <v>28</v>
      </c>
      <c r="F190" t="s">
        <v>400</v>
      </c>
      <c r="G190" s="30">
        <v>1</v>
      </c>
      <c r="H190" t="s">
        <v>29</v>
      </c>
      <c r="I190" t="s">
        <v>30</v>
      </c>
      <c r="K190" t="s">
        <v>31</v>
      </c>
      <c r="L190" s="29">
        <v>-28769.47</v>
      </c>
      <c r="M190" t="s">
        <v>401</v>
      </c>
      <c r="N190" t="s">
        <v>32</v>
      </c>
      <c r="O190" t="s">
        <v>33</v>
      </c>
      <c r="P190" t="s">
        <v>34</v>
      </c>
      <c r="Q190" t="s">
        <v>35</v>
      </c>
      <c r="R190" t="s">
        <v>36</v>
      </c>
      <c r="U190" t="s">
        <v>37</v>
      </c>
      <c r="V190" s="30">
        <v>2023</v>
      </c>
      <c r="W190" s="31">
        <v>44958</v>
      </c>
      <c r="X190" s="32">
        <v>44958.316805555558</v>
      </c>
      <c r="Y190" t="s">
        <v>38</v>
      </c>
    </row>
    <row r="191" spans="1:25">
      <c r="A191" t="s">
        <v>25</v>
      </c>
      <c r="B191" t="s">
        <v>75</v>
      </c>
      <c r="C191" s="31">
        <v>44941</v>
      </c>
      <c r="D191" t="s">
        <v>27</v>
      </c>
      <c r="E191" t="s">
        <v>28</v>
      </c>
      <c r="F191" t="s">
        <v>400</v>
      </c>
      <c r="G191" s="30">
        <v>1</v>
      </c>
      <c r="H191" t="s">
        <v>29</v>
      </c>
      <c r="I191" t="s">
        <v>30</v>
      </c>
      <c r="K191" t="s">
        <v>31</v>
      </c>
      <c r="L191" s="29">
        <v>-240.25</v>
      </c>
      <c r="M191" t="s">
        <v>401</v>
      </c>
      <c r="N191" t="s">
        <v>32</v>
      </c>
      <c r="O191" t="s">
        <v>33</v>
      </c>
      <c r="P191" t="s">
        <v>34</v>
      </c>
      <c r="Q191" t="s">
        <v>35</v>
      </c>
      <c r="R191" t="s">
        <v>36</v>
      </c>
      <c r="U191" t="s">
        <v>37</v>
      </c>
      <c r="V191" s="30">
        <v>2023</v>
      </c>
      <c r="W191" s="31">
        <v>44958</v>
      </c>
      <c r="X191" s="32">
        <v>44958.311273148145</v>
      </c>
      <c r="Y191" t="s">
        <v>38</v>
      </c>
    </row>
    <row r="192" spans="1:25">
      <c r="A192" t="s">
        <v>25</v>
      </c>
      <c r="B192" t="s">
        <v>111</v>
      </c>
      <c r="C192" s="31">
        <v>44941</v>
      </c>
      <c r="D192" t="s">
        <v>27</v>
      </c>
      <c r="E192" t="s">
        <v>28</v>
      </c>
      <c r="F192" t="s">
        <v>400</v>
      </c>
      <c r="G192" s="30">
        <v>1</v>
      </c>
      <c r="H192" t="s">
        <v>29</v>
      </c>
      <c r="I192" t="s">
        <v>30</v>
      </c>
      <c r="K192" t="s">
        <v>31</v>
      </c>
      <c r="L192" s="29">
        <v>-1644.02</v>
      </c>
      <c r="M192" t="s">
        <v>401</v>
      </c>
      <c r="N192" t="s">
        <v>32</v>
      </c>
      <c r="O192" t="s">
        <v>33</v>
      </c>
      <c r="P192" t="s">
        <v>34</v>
      </c>
      <c r="Q192" t="s">
        <v>35</v>
      </c>
      <c r="R192" t="s">
        <v>36</v>
      </c>
      <c r="U192" t="s">
        <v>37</v>
      </c>
      <c r="V192" s="30">
        <v>2023</v>
      </c>
      <c r="W192" s="31">
        <v>44958</v>
      </c>
      <c r="X192" s="32">
        <v>44958.316805555558</v>
      </c>
      <c r="Y192" t="s">
        <v>38</v>
      </c>
    </row>
    <row r="193" spans="1:25">
      <c r="A193" t="s">
        <v>25</v>
      </c>
      <c r="B193" t="s">
        <v>134</v>
      </c>
      <c r="C193" s="31">
        <v>44941</v>
      </c>
      <c r="D193" t="s">
        <v>27</v>
      </c>
      <c r="E193" t="s">
        <v>28</v>
      </c>
      <c r="F193" t="s">
        <v>400</v>
      </c>
      <c r="G193" s="30">
        <v>1</v>
      </c>
      <c r="H193" t="s">
        <v>29</v>
      </c>
      <c r="I193" t="s">
        <v>30</v>
      </c>
      <c r="K193" t="s">
        <v>31</v>
      </c>
      <c r="L193" s="29">
        <v>-211.68</v>
      </c>
      <c r="M193" t="s">
        <v>401</v>
      </c>
      <c r="N193" t="s">
        <v>32</v>
      </c>
      <c r="O193" t="s">
        <v>33</v>
      </c>
      <c r="P193" t="s">
        <v>34</v>
      </c>
      <c r="Q193" t="s">
        <v>35</v>
      </c>
      <c r="R193" t="s">
        <v>36</v>
      </c>
      <c r="U193" t="s">
        <v>37</v>
      </c>
      <c r="V193" s="30">
        <v>2023</v>
      </c>
      <c r="W193" s="31">
        <v>44958</v>
      </c>
      <c r="X193" s="32">
        <v>44958.311284722222</v>
      </c>
      <c r="Y193" t="s">
        <v>38</v>
      </c>
    </row>
    <row r="194" spans="1:25">
      <c r="A194" t="s">
        <v>25</v>
      </c>
      <c r="B194" t="s">
        <v>112</v>
      </c>
      <c r="C194" s="31">
        <v>44941</v>
      </c>
      <c r="D194" t="s">
        <v>27</v>
      </c>
      <c r="E194" t="s">
        <v>28</v>
      </c>
      <c r="F194" t="s">
        <v>400</v>
      </c>
      <c r="G194" s="30">
        <v>1</v>
      </c>
      <c r="H194" t="s">
        <v>29</v>
      </c>
      <c r="I194" t="s">
        <v>30</v>
      </c>
      <c r="K194" t="s">
        <v>31</v>
      </c>
      <c r="L194" s="29">
        <v>5435.14</v>
      </c>
      <c r="M194" t="s">
        <v>401</v>
      </c>
      <c r="N194" t="s">
        <v>32</v>
      </c>
      <c r="O194" t="s">
        <v>33</v>
      </c>
      <c r="P194" t="s">
        <v>34</v>
      </c>
      <c r="Q194" t="s">
        <v>35</v>
      </c>
      <c r="R194" t="s">
        <v>36</v>
      </c>
      <c r="U194" t="s">
        <v>37</v>
      </c>
      <c r="V194" s="30">
        <v>2023</v>
      </c>
      <c r="W194" s="31">
        <v>44958</v>
      </c>
      <c r="X194" s="32">
        <v>44958.316817129627</v>
      </c>
      <c r="Y194" t="s">
        <v>38</v>
      </c>
    </row>
    <row r="195" spans="1:25">
      <c r="A195" t="s">
        <v>25</v>
      </c>
      <c r="B195" t="s">
        <v>155</v>
      </c>
      <c r="C195" s="31">
        <v>44941</v>
      </c>
      <c r="D195" t="s">
        <v>27</v>
      </c>
      <c r="E195" t="s">
        <v>28</v>
      </c>
      <c r="F195" t="s">
        <v>400</v>
      </c>
      <c r="G195" s="30">
        <v>1</v>
      </c>
      <c r="H195" t="s">
        <v>29</v>
      </c>
      <c r="I195" t="s">
        <v>30</v>
      </c>
      <c r="K195" t="s">
        <v>31</v>
      </c>
      <c r="L195" s="29">
        <v>-21029.06</v>
      </c>
      <c r="M195" t="s">
        <v>401</v>
      </c>
      <c r="N195" t="s">
        <v>32</v>
      </c>
      <c r="O195" t="s">
        <v>33</v>
      </c>
      <c r="P195" t="s">
        <v>34</v>
      </c>
      <c r="Q195" t="s">
        <v>35</v>
      </c>
      <c r="R195" t="s">
        <v>36</v>
      </c>
      <c r="U195" t="s">
        <v>37</v>
      </c>
      <c r="V195" s="30">
        <v>2023</v>
      </c>
      <c r="W195" s="31">
        <v>44958</v>
      </c>
      <c r="X195" s="32">
        <v>44958.316817129627</v>
      </c>
      <c r="Y195" t="s">
        <v>38</v>
      </c>
    </row>
    <row r="196" spans="1:25">
      <c r="A196" t="s">
        <v>25</v>
      </c>
      <c r="B196" t="s">
        <v>182</v>
      </c>
      <c r="C196" s="31">
        <v>44941</v>
      </c>
      <c r="D196" t="s">
        <v>27</v>
      </c>
      <c r="E196" t="s">
        <v>28</v>
      </c>
      <c r="F196" t="s">
        <v>400</v>
      </c>
      <c r="G196" s="30">
        <v>1</v>
      </c>
      <c r="H196" t="s">
        <v>29</v>
      </c>
      <c r="I196" t="s">
        <v>30</v>
      </c>
      <c r="K196" t="s">
        <v>31</v>
      </c>
      <c r="L196" s="29">
        <v>-14275.47</v>
      </c>
      <c r="M196" t="s">
        <v>401</v>
      </c>
      <c r="N196" t="s">
        <v>32</v>
      </c>
      <c r="O196" t="s">
        <v>33</v>
      </c>
      <c r="P196" t="s">
        <v>34</v>
      </c>
      <c r="Q196" t="s">
        <v>35</v>
      </c>
      <c r="R196" t="s">
        <v>36</v>
      </c>
      <c r="U196" t="s">
        <v>37</v>
      </c>
      <c r="V196" s="30">
        <v>2023</v>
      </c>
      <c r="W196" s="31">
        <v>44937</v>
      </c>
      <c r="X196" s="32">
        <v>44937.419456018521</v>
      </c>
      <c r="Y196" t="s">
        <v>38</v>
      </c>
    </row>
    <row r="197" spans="1:25">
      <c r="A197" t="s">
        <v>25</v>
      </c>
      <c r="B197" t="s">
        <v>183</v>
      </c>
      <c r="C197" s="31">
        <v>44941</v>
      </c>
      <c r="D197" t="s">
        <v>27</v>
      </c>
      <c r="E197" t="s">
        <v>28</v>
      </c>
      <c r="F197" t="s">
        <v>400</v>
      </c>
      <c r="G197" s="30">
        <v>1</v>
      </c>
      <c r="H197" t="s">
        <v>29</v>
      </c>
      <c r="I197" t="s">
        <v>30</v>
      </c>
      <c r="K197" t="s">
        <v>31</v>
      </c>
      <c r="L197" s="29">
        <v>-7456.42</v>
      </c>
      <c r="M197" t="s">
        <v>401</v>
      </c>
      <c r="N197" t="s">
        <v>32</v>
      </c>
      <c r="O197" t="s">
        <v>33</v>
      </c>
      <c r="P197" t="s">
        <v>34</v>
      </c>
      <c r="Q197" t="s">
        <v>35</v>
      </c>
      <c r="R197" t="s">
        <v>36</v>
      </c>
      <c r="U197" t="s">
        <v>37</v>
      </c>
      <c r="V197" s="30">
        <v>2023</v>
      </c>
      <c r="W197" s="31">
        <v>44958</v>
      </c>
      <c r="X197" s="32">
        <v>44958.311261574076</v>
      </c>
      <c r="Y197" t="s">
        <v>38</v>
      </c>
    </row>
    <row r="198" spans="1:25">
      <c r="A198" t="s">
        <v>25</v>
      </c>
      <c r="B198" t="s">
        <v>188</v>
      </c>
      <c r="C198" s="31">
        <v>44941</v>
      </c>
      <c r="D198" t="s">
        <v>27</v>
      </c>
      <c r="E198" t="s">
        <v>28</v>
      </c>
      <c r="F198" t="s">
        <v>400</v>
      </c>
      <c r="G198" s="30">
        <v>1</v>
      </c>
      <c r="H198" t="s">
        <v>29</v>
      </c>
      <c r="I198" t="s">
        <v>30</v>
      </c>
      <c r="K198" t="s">
        <v>31</v>
      </c>
      <c r="L198" s="29">
        <v>-6903.28</v>
      </c>
      <c r="M198" t="s">
        <v>401</v>
      </c>
      <c r="N198" t="s">
        <v>32</v>
      </c>
      <c r="O198" t="s">
        <v>33</v>
      </c>
      <c r="P198" t="s">
        <v>34</v>
      </c>
      <c r="Q198" t="s">
        <v>35</v>
      </c>
      <c r="R198" t="s">
        <v>36</v>
      </c>
      <c r="U198" t="s">
        <v>37</v>
      </c>
      <c r="V198" s="30">
        <v>2023</v>
      </c>
      <c r="W198" s="31">
        <v>44958</v>
      </c>
      <c r="X198" s="32">
        <v>44958.316828703704</v>
      </c>
      <c r="Y198" t="s">
        <v>38</v>
      </c>
    </row>
    <row r="199" spans="1:25">
      <c r="A199" t="s">
        <v>25</v>
      </c>
      <c r="B199" t="s">
        <v>204</v>
      </c>
      <c r="C199" s="31">
        <v>44941</v>
      </c>
      <c r="D199" t="s">
        <v>27</v>
      </c>
      <c r="E199" t="s">
        <v>28</v>
      </c>
      <c r="F199" t="s">
        <v>400</v>
      </c>
      <c r="G199" s="30">
        <v>1</v>
      </c>
      <c r="H199" t="s">
        <v>29</v>
      </c>
      <c r="I199" t="s">
        <v>30</v>
      </c>
      <c r="K199" t="s">
        <v>31</v>
      </c>
      <c r="L199" s="29">
        <v>-14643.87</v>
      </c>
      <c r="M199" t="s">
        <v>401</v>
      </c>
      <c r="N199" t="s">
        <v>32</v>
      </c>
      <c r="O199" t="s">
        <v>33</v>
      </c>
      <c r="P199" t="s">
        <v>34</v>
      </c>
      <c r="Q199" t="s">
        <v>35</v>
      </c>
      <c r="R199" t="s">
        <v>36</v>
      </c>
      <c r="U199" t="s">
        <v>37</v>
      </c>
      <c r="V199" s="30">
        <v>2023</v>
      </c>
      <c r="W199" s="31">
        <v>44958</v>
      </c>
      <c r="X199" s="32">
        <v>44958.311261574076</v>
      </c>
      <c r="Y199" t="s">
        <v>38</v>
      </c>
    </row>
    <row r="200" spans="1:25">
      <c r="A200" t="s">
        <v>25</v>
      </c>
      <c r="B200" t="s">
        <v>232</v>
      </c>
      <c r="C200" s="31">
        <v>44941</v>
      </c>
      <c r="D200" t="s">
        <v>27</v>
      </c>
      <c r="E200" t="s">
        <v>28</v>
      </c>
      <c r="F200" t="s">
        <v>400</v>
      </c>
      <c r="G200" s="30">
        <v>1</v>
      </c>
      <c r="H200" t="s">
        <v>29</v>
      </c>
      <c r="I200" t="s">
        <v>30</v>
      </c>
      <c r="K200" t="s">
        <v>31</v>
      </c>
      <c r="L200" s="29">
        <v>-5831.82</v>
      </c>
      <c r="M200" t="s">
        <v>401</v>
      </c>
      <c r="N200" t="s">
        <v>32</v>
      </c>
      <c r="O200" t="s">
        <v>33</v>
      </c>
      <c r="P200" t="s">
        <v>34</v>
      </c>
      <c r="Q200" t="s">
        <v>35</v>
      </c>
      <c r="R200" t="s">
        <v>36</v>
      </c>
      <c r="U200" t="s">
        <v>37</v>
      </c>
      <c r="V200" s="30">
        <v>2023</v>
      </c>
      <c r="W200" s="31">
        <v>44959</v>
      </c>
      <c r="X200" s="32">
        <v>44959.593425925923</v>
      </c>
      <c r="Y200" t="s">
        <v>38</v>
      </c>
    </row>
    <row r="201" spans="1:25">
      <c r="A201" t="s">
        <v>25</v>
      </c>
      <c r="B201" t="s">
        <v>234</v>
      </c>
      <c r="C201" s="31">
        <v>44941</v>
      </c>
      <c r="D201" t="s">
        <v>27</v>
      </c>
      <c r="E201" t="s">
        <v>28</v>
      </c>
      <c r="F201" t="s">
        <v>400</v>
      </c>
      <c r="G201" s="30">
        <v>1</v>
      </c>
      <c r="H201" t="s">
        <v>29</v>
      </c>
      <c r="I201" t="s">
        <v>30</v>
      </c>
      <c r="K201" t="s">
        <v>31</v>
      </c>
      <c r="L201" s="29">
        <v>483.32</v>
      </c>
      <c r="M201" t="s">
        <v>401</v>
      </c>
      <c r="N201" t="s">
        <v>32</v>
      </c>
      <c r="O201" t="s">
        <v>33</v>
      </c>
      <c r="P201" t="s">
        <v>34</v>
      </c>
      <c r="Q201" t="s">
        <v>35</v>
      </c>
      <c r="R201" t="s">
        <v>36</v>
      </c>
      <c r="U201" t="s">
        <v>37</v>
      </c>
      <c r="V201" s="30">
        <v>2023</v>
      </c>
      <c r="W201" s="31">
        <v>44959</v>
      </c>
      <c r="X201" s="32">
        <v>44959.593425925923</v>
      </c>
      <c r="Y201" t="s">
        <v>38</v>
      </c>
    </row>
    <row r="202" spans="1:25">
      <c r="A202" t="s">
        <v>25</v>
      </c>
      <c r="B202" t="s">
        <v>137</v>
      </c>
      <c r="C202" s="31">
        <v>44941</v>
      </c>
      <c r="D202" t="s">
        <v>27</v>
      </c>
      <c r="E202" t="s">
        <v>28</v>
      </c>
      <c r="F202" t="s">
        <v>400</v>
      </c>
      <c r="G202" s="30">
        <v>1</v>
      </c>
      <c r="H202" t="s">
        <v>29</v>
      </c>
      <c r="I202" t="s">
        <v>30</v>
      </c>
      <c r="K202" t="s">
        <v>31</v>
      </c>
      <c r="L202" s="29">
        <v>-3948.01</v>
      </c>
      <c r="M202" t="s">
        <v>401</v>
      </c>
      <c r="N202" t="s">
        <v>32</v>
      </c>
      <c r="O202" t="s">
        <v>33</v>
      </c>
      <c r="P202" t="s">
        <v>34</v>
      </c>
      <c r="Q202" t="s">
        <v>35</v>
      </c>
      <c r="R202" t="s">
        <v>36</v>
      </c>
      <c r="U202" t="s">
        <v>37</v>
      </c>
      <c r="V202" s="30">
        <v>2023</v>
      </c>
      <c r="W202" s="31">
        <v>44958</v>
      </c>
      <c r="X202" s="32">
        <v>44958.311284722222</v>
      </c>
      <c r="Y202" t="s">
        <v>38</v>
      </c>
    </row>
    <row r="203" spans="1:25">
      <c r="A203" t="s">
        <v>25</v>
      </c>
      <c r="B203" t="s">
        <v>235</v>
      </c>
      <c r="C203" s="31">
        <v>44941</v>
      </c>
      <c r="D203" t="s">
        <v>27</v>
      </c>
      <c r="E203" t="s">
        <v>28</v>
      </c>
      <c r="F203" t="s">
        <v>400</v>
      </c>
      <c r="G203" s="30">
        <v>1</v>
      </c>
      <c r="H203" t="s">
        <v>29</v>
      </c>
      <c r="I203" t="s">
        <v>30</v>
      </c>
      <c r="K203" t="s">
        <v>31</v>
      </c>
      <c r="L203" s="29">
        <v>-6011.21</v>
      </c>
      <c r="M203" t="s">
        <v>401</v>
      </c>
      <c r="N203" t="s">
        <v>32</v>
      </c>
      <c r="O203" t="s">
        <v>33</v>
      </c>
      <c r="P203" t="s">
        <v>34</v>
      </c>
      <c r="Q203" t="s">
        <v>35</v>
      </c>
      <c r="R203" t="s">
        <v>36</v>
      </c>
      <c r="U203" t="s">
        <v>37</v>
      </c>
      <c r="V203" s="30">
        <v>2023</v>
      </c>
      <c r="W203" s="31">
        <v>44958</v>
      </c>
      <c r="X203" s="32">
        <v>44958.311296296299</v>
      </c>
      <c r="Y203" t="s">
        <v>38</v>
      </c>
    </row>
    <row r="204" spans="1:25">
      <c r="A204" t="s">
        <v>25</v>
      </c>
      <c r="B204" t="s">
        <v>228</v>
      </c>
      <c r="C204" s="31">
        <v>44941</v>
      </c>
      <c r="D204" t="s">
        <v>27</v>
      </c>
      <c r="E204" t="s">
        <v>28</v>
      </c>
      <c r="F204" t="s">
        <v>400</v>
      </c>
      <c r="G204" s="30">
        <v>1</v>
      </c>
      <c r="H204" t="s">
        <v>29</v>
      </c>
      <c r="I204" t="s">
        <v>30</v>
      </c>
      <c r="K204" t="s">
        <v>31</v>
      </c>
      <c r="L204" s="29">
        <v>19097.77</v>
      </c>
      <c r="M204" t="s">
        <v>401</v>
      </c>
      <c r="N204" t="s">
        <v>32</v>
      </c>
      <c r="O204" t="s">
        <v>33</v>
      </c>
      <c r="P204" t="s">
        <v>34</v>
      </c>
      <c r="Q204" t="s">
        <v>35</v>
      </c>
      <c r="R204" t="s">
        <v>36</v>
      </c>
      <c r="U204" t="s">
        <v>37</v>
      </c>
      <c r="V204" s="30">
        <v>2023</v>
      </c>
      <c r="W204" s="31">
        <v>44958</v>
      </c>
      <c r="X204" s="32">
        <v>44958.311284722222</v>
      </c>
      <c r="Y204" t="s">
        <v>38</v>
      </c>
    </row>
    <row r="205" spans="1:25">
      <c r="A205" t="s">
        <v>25</v>
      </c>
      <c r="B205" t="s">
        <v>252</v>
      </c>
      <c r="C205" s="31">
        <v>44941</v>
      </c>
      <c r="D205" t="s">
        <v>27</v>
      </c>
      <c r="E205" t="s">
        <v>28</v>
      </c>
      <c r="F205" t="s">
        <v>400</v>
      </c>
      <c r="G205" s="30">
        <v>1</v>
      </c>
      <c r="H205" t="s">
        <v>29</v>
      </c>
      <c r="I205" t="s">
        <v>30</v>
      </c>
      <c r="K205" t="s">
        <v>31</v>
      </c>
      <c r="L205" s="29">
        <v>-27267.3</v>
      </c>
      <c r="M205" t="s">
        <v>401</v>
      </c>
      <c r="N205" t="s">
        <v>32</v>
      </c>
      <c r="O205" t="s">
        <v>33</v>
      </c>
      <c r="P205" t="s">
        <v>34</v>
      </c>
      <c r="Q205" t="s">
        <v>35</v>
      </c>
      <c r="R205" t="s">
        <v>36</v>
      </c>
      <c r="U205" t="s">
        <v>37</v>
      </c>
      <c r="V205" s="30">
        <v>2023</v>
      </c>
      <c r="W205" s="31">
        <v>44958</v>
      </c>
      <c r="X205" s="32">
        <v>44958.311284722222</v>
      </c>
      <c r="Y205" t="s">
        <v>38</v>
      </c>
    </row>
    <row r="206" spans="1:25">
      <c r="A206" t="s">
        <v>25</v>
      </c>
      <c r="B206" t="s">
        <v>260</v>
      </c>
      <c r="C206" s="31">
        <v>44941</v>
      </c>
      <c r="D206" t="s">
        <v>27</v>
      </c>
      <c r="E206" t="s">
        <v>28</v>
      </c>
      <c r="F206" t="s">
        <v>400</v>
      </c>
      <c r="G206" s="30">
        <v>1</v>
      </c>
      <c r="H206" t="s">
        <v>29</v>
      </c>
      <c r="I206" t="s">
        <v>30</v>
      </c>
      <c r="K206" t="s">
        <v>31</v>
      </c>
      <c r="L206" s="29">
        <v>-130181.09</v>
      </c>
      <c r="M206" t="s">
        <v>401</v>
      </c>
      <c r="N206" t="s">
        <v>32</v>
      </c>
      <c r="O206" t="s">
        <v>33</v>
      </c>
      <c r="P206" t="s">
        <v>34</v>
      </c>
      <c r="Q206" t="s">
        <v>35</v>
      </c>
      <c r="R206" t="s">
        <v>36</v>
      </c>
      <c r="U206" t="s">
        <v>37</v>
      </c>
      <c r="V206" s="30">
        <v>2023</v>
      </c>
      <c r="W206" s="31">
        <v>44958</v>
      </c>
      <c r="X206" s="32">
        <v>44958.316840277781</v>
      </c>
      <c r="Y206" t="s">
        <v>38</v>
      </c>
    </row>
    <row r="207" spans="1:25">
      <c r="A207" t="s">
        <v>25</v>
      </c>
      <c r="B207" t="s">
        <v>272</v>
      </c>
      <c r="C207" s="31">
        <v>44941</v>
      </c>
      <c r="D207" t="s">
        <v>27</v>
      </c>
      <c r="E207" t="s">
        <v>28</v>
      </c>
      <c r="F207" t="s">
        <v>400</v>
      </c>
      <c r="G207" s="30">
        <v>1</v>
      </c>
      <c r="H207" t="s">
        <v>29</v>
      </c>
      <c r="I207" t="s">
        <v>30</v>
      </c>
      <c r="K207" t="s">
        <v>31</v>
      </c>
      <c r="L207" s="29">
        <v>6543.29</v>
      </c>
      <c r="M207" t="s">
        <v>401</v>
      </c>
      <c r="N207" t="s">
        <v>32</v>
      </c>
      <c r="O207" t="s">
        <v>33</v>
      </c>
      <c r="P207" t="s">
        <v>34</v>
      </c>
      <c r="Q207" t="s">
        <v>35</v>
      </c>
      <c r="R207" t="s">
        <v>36</v>
      </c>
      <c r="U207" t="s">
        <v>37</v>
      </c>
      <c r="V207" s="30">
        <v>2023</v>
      </c>
      <c r="W207" s="31">
        <v>44958</v>
      </c>
      <c r="X207" s="32">
        <v>44958.311273148145</v>
      </c>
      <c r="Y207" t="s">
        <v>38</v>
      </c>
    </row>
    <row r="208" spans="1:25">
      <c r="A208" t="s">
        <v>25</v>
      </c>
      <c r="B208" t="s">
        <v>279</v>
      </c>
      <c r="C208" s="31">
        <v>44941</v>
      </c>
      <c r="D208" t="s">
        <v>27</v>
      </c>
      <c r="E208" t="s">
        <v>28</v>
      </c>
      <c r="F208" t="s">
        <v>400</v>
      </c>
      <c r="G208" s="30">
        <v>1</v>
      </c>
      <c r="H208" t="s">
        <v>29</v>
      </c>
      <c r="I208" t="s">
        <v>30</v>
      </c>
      <c r="K208" t="s">
        <v>31</v>
      </c>
      <c r="L208" s="29">
        <v>-2425.0700000000002</v>
      </c>
      <c r="M208" t="s">
        <v>401</v>
      </c>
      <c r="N208" t="s">
        <v>32</v>
      </c>
      <c r="O208" t="s">
        <v>33</v>
      </c>
      <c r="P208" t="s">
        <v>34</v>
      </c>
      <c r="Q208" t="s">
        <v>35</v>
      </c>
      <c r="R208" t="s">
        <v>36</v>
      </c>
      <c r="U208" t="s">
        <v>37</v>
      </c>
      <c r="V208" s="30">
        <v>2023</v>
      </c>
      <c r="W208" s="31">
        <v>44958</v>
      </c>
      <c r="X208" s="32">
        <v>44958.316828703704</v>
      </c>
      <c r="Y208" t="s">
        <v>38</v>
      </c>
    </row>
    <row r="209" spans="1:25">
      <c r="A209" t="s">
        <v>25</v>
      </c>
      <c r="B209" t="s">
        <v>184</v>
      </c>
      <c r="C209" s="31">
        <v>44941</v>
      </c>
      <c r="D209" t="s">
        <v>27</v>
      </c>
      <c r="E209" t="s">
        <v>28</v>
      </c>
      <c r="F209" t="s">
        <v>400</v>
      </c>
      <c r="G209" s="30">
        <v>1</v>
      </c>
      <c r="H209" t="s">
        <v>29</v>
      </c>
      <c r="I209" t="s">
        <v>30</v>
      </c>
      <c r="K209" t="s">
        <v>31</v>
      </c>
      <c r="L209" s="29">
        <v>-5808.09</v>
      </c>
      <c r="M209" t="s">
        <v>401</v>
      </c>
      <c r="N209" t="s">
        <v>32</v>
      </c>
      <c r="O209" t="s">
        <v>33</v>
      </c>
      <c r="P209" t="s">
        <v>34</v>
      </c>
      <c r="Q209" t="s">
        <v>35</v>
      </c>
      <c r="R209" t="s">
        <v>36</v>
      </c>
      <c r="U209" t="s">
        <v>37</v>
      </c>
      <c r="V209" s="30">
        <v>2023</v>
      </c>
      <c r="W209" s="31">
        <v>44958</v>
      </c>
      <c r="X209" s="32">
        <v>44958.316828703704</v>
      </c>
      <c r="Y209" t="s">
        <v>38</v>
      </c>
    </row>
    <row r="210" spans="1:25">
      <c r="A210" t="s">
        <v>25</v>
      </c>
      <c r="B210" t="s">
        <v>244</v>
      </c>
      <c r="C210" s="31">
        <v>44941</v>
      </c>
      <c r="D210" t="s">
        <v>27</v>
      </c>
      <c r="E210" t="s">
        <v>28</v>
      </c>
      <c r="F210" t="s">
        <v>400</v>
      </c>
      <c r="G210" s="30">
        <v>1</v>
      </c>
      <c r="H210" t="s">
        <v>29</v>
      </c>
      <c r="I210" t="s">
        <v>30</v>
      </c>
      <c r="K210" t="s">
        <v>31</v>
      </c>
      <c r="L210" s="29">
        <v>205.15</v>
      </c>
      <c r="M210" t="s">
        <v>401</v>
      </c>
      <c r="N210" t="s">
        <v>32</v>
      </c>
      <c r="O210" t="s">
        <v>33</v>
      </c>
      <c r="P210" t="s">
        <v>34</v>
      </c>
      <c r="Q210" t="s">
        <v>35</v>
      </c>
      <c r="R210" t="s">
        <v>36</v>
      </c>
      <c r="U210" t="s">
        <v>37</v>
      </c>
      <c r="V210" s="30">
        <v>2023</v>
      </c>
      <c r="W210" s="31">
        <v>44937</v>
      </c>
      <c r="X210" s="32">
        <v>44937.419456018521</v>
      </c>
      <c r="Y210" t="s">
        <v>38</v>
      </c>
    </row>
    <row r="211" spans="1:25">
      <c r="A211" t="s">
        <v>25</v>
      </c>
      <c r="B211" t="s">
        <v>40</v>
      </c>
      <c r="C211" s="31">
        <v>44972</v>
      </c>
      <c r="D211" t="s">
        <v>27</v>
      </c>
      <c r="E211" t="s">
        <v>28</v>
      </c>
      <c r="F211" t="s">
        <v>400</v>
      </c>
      <c r="G211" s="30">
        <v>2</v>
      </c>
      <c r="H211" t="s">
        <v>29</v>
      </c>
      <c r="I211" t="s">
        <v>30</v>
      </c>
      <c r="K211" t="s">
        <v>31</v>
      </c>
      <c r="L211" s="29">
        <v>4827.54</v>
      </c>
      <c r="M211" t="s">
        <v>401</v>
      </c>
      <c r="N211" t="s">
        <v>32</v>
      </c>
      <c r="O211" t="s">
        <v>33</v>
      </c>
      <c r="P211" t="s">
        <v>34</v>
      </c>
      <c r="Q211" t="s">
        <v>35</v>
      </c>
      <c r="R211" t="s">
        <v>36</v>
      </c>
      <c r="U211" t="s">
        <v>37</v>
      </c>
      <c r="V211" s="30">
        <v>2023</v>
      </c>
      <c r="W211" s="31">
        <v>44986</v>
      </c>
      <c r="X211" s="32">
        <v>44986.641250000001</v>
      </c>
      <c r="Y211" t="s">
        <v>41</v>
      </c>
    </row>
    <row r="212" spans="1:25">
      <c r="A212" t="s">
        <v>25</v>
      </c>
      <c r="B212" t="s">
        <v>45</v>
      </c>
      <c r="C212" s="31">
        <v>44972</v>
      </c>
      <c r="D212" t="s">
        <v>27</v>
      </c>
      <c r="E212" t="s">
        <v>28</v>
      </c>
      <c r="F212" t="s">
        <v>400</v>
      </c>
      <c r="G212" s="30">
        <v>2</v>
      </c>
      <c r="H212" t="s">
        <v>29</v>
      </c>
      <c r="I212" t="s">
        <v>30</v>
      </c>
      <c r="K212" t="s">
        <v>31</v>
      </c>
      <c r="L212" s="29">
        <v>-29233.82</v>
      </c>
      <c r="M212" t="s">
        <v>401</v>
      </c>
      <c r="N212" t="s">
        <v>32</v>
      </c>
      <c r="O212" t="s">
        <v>33</v>
      </c>
      <c r="P212" t="s">
        <v>34</v>
      </c>
      <c r="Q212" t="s">
        <v>35</v>
      </c>
      <c r="R212" t="s">
        <v>36</v>
      </c>
      <c r="U212" t="s">
        <v>37</v>
      </c>
      <c r="V212" s="30">
        <v>2023</v>
      </c>
      <c r="W212" s="31">
        <v>44980</v>
      </c>
      <c r="X212" s="32">
        <v>44980.108819444446</v>
      </c>
      <c r="Y212" t="s">
        <v>38</v>
      </c>
    </row>
    <row r="213" spans="1:25">
      <c r="A213" t="s">
        <v>25</v>
      </c>
      <c r="B213" t="s">
        <v>48</v>
      </c>
      <c r="C213" s="31">
        <v>44972</v>
      </c>
      <c r="D213" t="s">
        <v>27</v>
      </c>
      <c r="E213" t="s">
        <v>28</v>
      </c>
      <c r="F213" t="s">
        <v>400</v>
      </c>
      <c r="G213" s="30">
        <v>2</v>
      </c>
      <c r="H213" t="s">
        <v>29</v>
      </c>
      <c r="I213" t="s">
        <v>30</v>
      </c>
      <c r="K213" t="s">
        <v>31</v>
      </c>
      <c r="L213" s="29">
        <v>-48221.34</v>
      </c>
      <c r="M213" t="s">
        <v>401</v>
      </c>
      <c r="N213" t="s">
        <v>32</v>
      </c>
      <c r="O213" t="s">
        <v>33</v>
      </c>
      <c r="P213" t="s">
        <v>34</v>
      </c>
      <c r="Q213" t="s">
        <v>35</v>
      </c>
      <c r="R213" t="s">
        <v>36</v>
      </c>
      <c r="U213" t="s">
        <v>37</v>
      </c>
      <c r="V213" s="30">
        <v>2023</v>
      </c>
      <c r="W213" s="31">
        <v>44985</v>
      </c>
      <c r="X213" s="32">
        <v>44985.629733796297</v>
      </c>
      <c r="Y213" t="s">
        <v>49</v>
      </c>
    </row>
    <row r="214" spans="1:25">
      <c r="A214" t="s">
        <v>25</v>
      </c>
      <c r="B214" t="s">
        <v>55</v>
      </c>
      <c r="C214" s="31">
        <v>44972</v>
      </c>
      <c r="D214" t="s">
        <v>27</v>
      </c>
      <c r="E214" t="s">
        <v>28</v>
      </c>
      <c r="F214" t="s">
        <v>400</v>
      </c>
      <c r="G214" s="30">
        <v>2</v>
      </c>
      <c r="H214" t="s">
        <v>29</v>
      </c>
      <c r="I214" t="s">
        <v>30</v>
      </c>
      <c r="K214" t="s">
        <v>31</v>
      </c>
      <c r="L214" s="29">
        <v>-2434.41</v>
      </c>
      <c r="M214" t="s">
        <v>401</v>
      </c>
      <c r="N214" t="s">
        <v>32</v>
      </c>
      <c r="O214" t="s">
        <v>33</v>
      </c>
      <c r="P214" t="s">
        <v>34</v>
      </c>
      <c r="Q214" t="s">
        <v>35</v>
      </c>
      <c r="R214" t="s">
        <v>36</v>
      </c>
      <c r="U214" t="s">
        <v>37</v>
      </c>
      <c r="V214" s="30">
        <v>2023</v>
      </c>
      <c r="W214" s="31">
        <v>44980</v>
      </c>
      <c r="X214" s="32">
        <v>44980.108807870369</v>
      </c>
      <c r="Y214" t="s">
        <v>38</v>
      </c>
    </row>
    <row r="215" spans="1:25">
      <c r="A215" t="s">
        <v>25</v>
      </c>
      <c r="B215" t="s">
        <v>76</v>
      </c>
      <c r="C215" s="31">
        <v>44972</v>
      </c>
      <c r="D215" t="s">
        <v>27</v>
      </c>
      <c r="E215" t="s">
        <v>28</v>
      </c>
      <c r="F215" t="s">
        <v>400</v>
      </c>
      <c r="G215" s="30">
        <v>2</v>
      </c>
      <c r="H215" t="s">
        <v>29</v>
      </c>
      <c r="I215" t="s">
        <v>30</v>
      </c>
      <c r="K215" t="s">
        <v>31</v>
      </c>
      <c r="L215" s="29">
        <v>-17856.689999999999</v>
      </c>
      <c r="M215" t="s">
        <v>401</v>
      </c>
      <c r="N215" t="s">
        <v>32</v>
      </c>
      <c r="O215" t="s">
        <v>33</v>
      </c>
      <c r="P215" t="s">
        <v>34</v>
      </c>
      <c r="Q215" t="s">
        <v>35</v>
      </c>
      <c r="R215" t="s">
        <v>36</v>
      </c>
      <c r="U215" t="s">
        <v>37</v>
      </c>
      <c r="V215" s="30">
        <v>2023</v>
      </c>
      <c r="W215" s="31">
        <v>44980</v>
      </c>
      <c r="X215" s="32">
        <v>44980.108819444446</v>
      </c>
      <c r="Y215" t="s">
        <v>38</v>
      </c>
    </row>
    <row r="216" spans="1:25">
      <c r="A216" t="s">
        <v>25</v>
      </c>
      <c r="B216" t="s">
        <v>81</v>
      </c>
      <c r="C216" s="31">
        <v>44972</v>
      </c>
      <c r="D216" t="s">
        <v>27</v>
      </c>
      <c r="E216" t="s">
        <v>28</v>
      </c>
      <c r="F216" t="s">
        <v>400</v>
      </c>
      <c r="G216" s="30">
        <v>2</v>
      </c>
      <c r="H216" t="s">
        <v>29</v>
      </c>
      <c r="I216" t="s">
        <v>30</v>
      </c>
      <c r="K216" t="s">
        <v>31</v>
      </c>
      <c r="L216" s="29">
        <v>-12382.25</v>
      </c>
      <c r="M216" t="s">
        <v>401</v>
      </c>
      <c r="N216" t="s">
        <v>32</v>
      </c>
      <c r="O216" t="s">
        <v>33</v>
      </c>
      <c r="P216" t="s">
        <v>34</v>
      </c>
      <c r="Q216" t="s">
        <v>35</v>
      </c>
      <c r="R216" t="s">
        <v>36</v>
      </c>
      <c r="U216" t="s">
        <v>37</v>
      </c>
      <c r="V216" s="30">
        <v>2023</v>
      </c>
      <c r="W216" s="31">
        <v>44980</v>
      </c>
      <c r="X216" s="32">
        <v>44980.108819444446</v>
      </c>
      <c r="Y216" t="s">
        <v>38</v>
      </c>
    </row>
    <row r="217" spans="1:25">
      <c r="A217" t="s">
        <v>25</v>
      </c>
      <c r="B217" t="s">
        <v>65</v>
      </c>
      <c r="C217" s="31">
        <v>44972</v>
      </c>
      <c r="D217" t="s">
        <v>27</v>
      </c>
      <c r="E217" t="s">
        <v>28</v>
      </c>
      <c r="F217" t="s">
        <v>400</v>
      </c>
      <c r="G217" s="30">
        <v>2</v>
      </c>
      <c r="H217" t="s">
        <v>29</v>
      </c>
      <c r="I217" t="s">
        <v>30</v>
      </c>
      <c r="K217" t="s">
        <v>31</v>
      </c>
      <c r="L217" s="29">
        <v>-1967.58</v>
      </c>
      <c r="M217" t="s">
        <v>401</v>
      </c>
      <c r="N217" t="s">
        <v>32</v>
      </c>
      <c r="O217" t="s">
        <v>33</v>
      </c>
      <c r="P217" t="s">
        <v>34</v>
      </c>
      <c r="Q217" t="s">
        <v>35</v>
      </c>
      <c r="R217" t="s">
        <v>36</v>
      </c>
      <c r="U217" t="s">
        <v>37</v>
      </c>
      <c r="V217" s="30">
        <v>2023</v>
      </c>
      <c r="W217" s="31">
        <v>44980</v>
      </c>
      <c r="X217" s="32">
        <v>44980.459548611114</v>
      </c>
      <c r="Y217" t="s">
        <v>38</v>
      </c>
    </row>
    <row r="218" spans="1:25">
      <c r="A218" t="s">
        <v>25</v>
      </c>
      <c r="B218" t="s">
        <v>115</v>
      </c>
      <c r="C218" s="31">
        <v>44972</v>
      </c>
      <c r="D218" t="s">
        <v>27</v>
      </c>
      <c r="E218" t="s">
        <v>28</v>
      </c>
      <c r="F218" t="s">
        <v>400</v>
      </c>
      <c r="G218" s="30">
        <v>2</v>
      </c>
      <c r="H218" t="s">
        <v>29</v>
      </c>
      <c r="I218" t="s">
        <v>30</v>
      </c>
      <c r="K218" t="s">
        <v>31</v>
      </c>
      <c r="L218" s="29">
        <v>-6485.41</v>
      </c>
      <c r="M218" t="s">
        <v>401</v>
      </c>
      <c r="N218" t="s">
        <v>32</v>
      </c>
      <c r="O218" t="s">
        <v>33</v>
      </c>
      <c r="P218" t="s">
        <v>34</v>
      </c>
      <c r="Q218" t="s">
        <v>35</v>
      </c>
      <c r="R218" t="s">
        <v>36</v>
      </c>
      <c r="U218" t="s">
        <v>37</v>
      </c>
      <c r="V218" s="30">
        <v>2023</v>
      </c>
      <c r="W218" s="31">
        <v>44987</v>
      </c>
      <c r="X218" s="32">
        <v>44987.502129629633</v>
      </c>
      <c r="Y218" t="s">
        <v>402</v>
      </c>
    </row>
    <row r="219" spans="1:25">
      <c r="A219" t="s">
        <v>25</v>
      </c>
      <c r="B219" t="s">
        <v>120</v>
      </c>
      <c r="C219" s="31">
        <v>44972</v>
      </c>
      <c r="D219" t="s">
        <v>27</v>
      </c>
      <c r="E219" t="s">
        <v>28</v>
      </c>
      <c r="F219" t="s">
        <v>400</v>
      </c>
      <c r="G219" s="30">
        <v>2</v>
      </c>
      <c r="H219" t="s">
        <v>29</v>
      </c>
      <c r="I219" t="s">
        <v>30</v>
      </c>
      <c r="K219" t="s">
        <v>31</v>
      </c>
      <c r="L219" s="29">
        <v>715.71</v>
      </c>
      <c r="M219" t="s">
        <v>401</v>
      </c>
      <c r="N219" t="s">
        <v>32</v>
      </c>
      <c r="O219" t="s">
        <v>33</v>
      </c>
      <c r="P219" t="s">
        <v>34</v>
      </c>
      <c r="Q219" t="s">
        <v>35</v>
      </c>
      <c r="R219" t="s">
        <v>36</v>
      </c>
      <c r="U219" t="s">
        <v>37</v>
      </c>
      <c r="V219" s="30">
        <v>2023</v>
      </c>
      <c r="W219" s="31">
        <v>44980</v>
      </c>
      <c r="X219" s="32">
        <v>44980.108807870369</v>
      </c>
      <c r="Y219" t="s">
        <v>38</v>
      </c>
    </row>
    <row r="220" spans="1:25">
      <c r="A220" t="s">
        <v>25</v>
      </c>
      <c r="B220" t="s">
        <v>124</v>
      </c>
      <c r="C220" s="31">
        <v>44972</v>
      </c>
      <c r="D220" t="s">
        <v>27</v>
      </c>
      <c r="E220" t="s">
        <v>28</v>
      </c>
      <c r="F220" t="s">
        <v>400</v>
      </c>
      <c r="G220" s="30">
        <v>2</v>
      </c>
      <c r="H220" t="s">
        <v>29</v>
      </c>
      <c r="I220" t="s">
        <v>30</v>
      </c>
      <c r="K220" t="s">
        <v>31</v>
      </c>
      <c r="L220" s="29">
        <v>-8068.77</v>
      </c>
      <c r="M220" t="s">
        <v>401</v>
      </c>
      <c r="N220" t="s">
        <v>32</v>
      </c>
      <c r="O220" t="s">
        <v>33</v>
      </c>
      <c r="P220" t="s">
        <v>34</v>
      </c>
      <c r="Q220" t="s">
        <v>35</v>
      </c>
      <c r="R220" t="s">
        <v>36</v>
      </c>
      <c r="U220" t="s">
        <v>37</v>
      </c>
      <c r="V220" s="30">
        <v>2023</v>
      </c>
      <c r="W220" s="31">
        <v>44985</v>
      </c>
      <c r="X220" s="32">
        <v>44985.62972222222</v>
      </c>
      <c r="Y220" t="s">
        <v>125</v>
      </c>
    </row>
    <row r="221" spans="1:25">
      <c r="A221" t="s">
        <v>25</v>
      </c>
      <c r="B221" t="s">
        <v>108</v>
      </c>
      <c r="C221" s="31">
        <v>44972</v>
      </c>
      <c r="D221" t="s">
        <v>27</v>
      </c>
      <c r="E221" t="s">
        <v>28</v>
      </c>
      <c r="F221" t="s">
        <v>400</v>
      </c>
      <c r="G221" s="30">
        <v>2</v>
      </c>
      <c r="H221" t="s">
        <v>29</v>
      </c>
      <c r="I221" t="s">
        <v>30</v>
      </c>
      <c r="K221" t="s">
        <v>31</v>
      </c>
      <c r="L221" s="29">
        <v>-5218.71</v>
      </c>
      <c r="M221" t="s">
        <v>401</v>
      </c>
      <c r="N221" t="s">
        <v>32</v>
      </c>
      <c r="O221" t="s">
        <v>33</v>
      </c>
      <c r="P221" t="s">
        <v>34</v>
      </c>
      <c r="Q221" t="s">
        <v>35</v>
      </c>
      <c r="R221" t="s">
        <v>36</v>
      </c>
      <c r="U221" t="s">
        <v>37</v>
      </c>
      <c r="V221" s="30">
        <v>2023</v>
      </c>
      <c r="W221" s="31">
        <v>44985</v>
      </c>
      <c r="X221" s="32">
        <v>44985.629687499997</v>
      </c>
      <c r="Y221" t="s">
        <v>126</v>
      </c>
    </row>
    <row r="222" spans="1:25">
      <c r="A222" t="s">
        <v>25</v>
      </c>
      <c r="B222" t="s">
        <v>161</v>
      </c>
      <c r="C222" s="31">
        <v>44972</v>
      </c>
      <c r="D222" t="s">
        <v>27</v>
      </c>
      <c r="E222" t="s">
        <v>28</v>
      </c>
      <c r="F222" t="s">
        <v>400</v>
      </c>
      <c r="G222" s="30">
        <v>2</v>
      </c>
      <c r="H222" t="s">
        <v>29</v>
      </c>
      <c r="I222" t="s">
        <v>30</v>
      </c>
      <c r="K222" t="s">
        <v>31</v>
      </c>
      <c r="L222" s="29">
        <v>-12515.84</v>
      </c>
      <c r="M222" t="s">
        <v>401</v>
      </c>
      <c r="N222" t="s">
        <v>32</v>
      </c>
      <c r="O222" t="s">
        <v>33</v>
      </c>
      <c r="P222" t="s">
        <v>34</v>
      </c>
      <c r="Q222" t="s">
        <v>35</v>
      </c>
      <c r="R222" t="s">
        <v>36</v>
      </c>
      <c r="U222" t="s">
        <v>37</v>
      </c>
      <c r="V222" s="30">
        <v>2023</v>
      </c>
      <c r="W222" s="31">
        <v>44980</v>
      </c>
      <c r="X222" s="32">
        <v>44980.108773148146</v>
      </c>
      <c r="Y222" t="s">
        <v>38</v>
      </c>
    </row>
    <row r="223" spans="1:25">
      <c r="A223" t="s">
        <v>25</v>
      </c>
      <c r="B223" t="s">
        <v>167</v>
      </c>
      <c r="C223" s="31">
        <v>44972</v>
      </c>
      <c r="D223" t="s">
        <v>27</v>
      </c>
      <c r="E223" t="s">
        <v>28</v>
      </c>
      <c r="F223" t="s">
        <v>400</v>
      </c>
      <c r="G223" s="30">
        <v>2</v>
      </c>
      <c r="H223" t="s">
        <v>29</v>
      </c>
      <c r="I223" t="s">
        <v>30</v>
      </c>
      <c r="K223" t="s">
        <v>31</v>
      </c>
      <c r="L223" s="29">
        <v>-7949.6</v>
      </c>
      <c r="M223" t="s">
        <v>401</v>
      </c>
      <c r="N223" t="s">
        <v>32</v>
      </c>
      <c r="O223" t="s">
        <v>33</v>
      </c>
      <c r="P223" t="s">
        <v>34</v>
      </c>
      <c r="Q223" t="s">
        <v>35</v>
      </c>
      <c r="R223" t="s">
        <v>36</v>
      </c>
      <c r="U223" t="s">
        <v>37</v>
      </c>
      <c r="V223" s="30">
        <v>2023</v>
      </c>
      <c r="W223" s="31">
        <v>44980</v>
      </c>
      <c r="X223" s="32">
        <v>44980.108796296299</v>
      </c>
      <c r="Y223" t="s">
        <v>38</v>
      </c>
    </row>
    <row r="224" spans="1:25">
      <c r="A224" t="s">
        <v>25</v>
      </c>
      <c r="B224" t="s">
        <v>180</v>
      </c>
      <c r="C224" s="31">
        <v>44972</v>
      </c>
      <c r="D224" t="s">
        <v>27</v>
      </c>
      <c r="E224" t="s">
        <v>28</v>
      </c>
      <c r="F224" t="s">
        <v>400</v>
      </c>
      <c r="G224" s="30">
        <v>2</v>
      </c>
      <c r="H224" t="s">
        <v>29</v>
      </c>
      <c r="I224" t="s">
        <v>30</v>
      </c>
      <c r="K224" t="s">
        <v>31</v>
      </c>
      <c r="L224" s="29">
        <v>-7309.41</v>
      </c>
      <c r="M224" t="s">
        <v>401</v>
      </c>
      <c r="N224" t="s">
        <v>32</v>
      </c>
      <c r="O224" t="s">
        <v>33</v>
      </c>
      <c r="P224" t="s">
        <v>34</v>
      </c>
      <c r="Q224" t="s">
        <v>35</v>
      </c>
      <c r="R224" t="s">
        <v>36</v>
      </c>
      <c r="U224" t="s">
        <v>37</v>
      </c>
      <c r="V224" s="30">
        <v>2023</v>
      </c>
      <c r="W224" s="31">
        <v>44980</v>
      </c>
      <c r="X224" s="32">
        <v>44980.108784722222</v>
      </c>
      <c r="Y224" t="s">
        <v>38</v>
      </c>
    </row>
    <row r="225" spans="1:25">
      <c r="A225" t="s">
        <v>25</v>
      </c>
      <c r="B225" t="s">
        <v>181</v>
      </c>
      <c r="C225" s="31">
        <v>44972</v>
      </c>
      <c r="D225" t="s">
        <v>27</v>
      </c>
      <c r="E225" t="s">
        <v>28</v>
      </c>
      <c r="F225" t="s">
        <v>400</v>
      </c>
      <c r="G225" s="30">
        <v>2</v>
      </c>
      <c r="H225" t="s">
        <v>29</v>
      </c>
      <c r="I225" t="s">
        <v>30</v>
      </c>
      <c r="K225" t="s">
        <v>31</v>
      </c>
      <c r="L225" s="29">
        <v>1916.48</v>
      </c>
      <c r="M225" t="s">
        <v>401</v>
      </c>
      <c r="N225" t="s">
        <v>32</v>
      </c>
      <c r="O225" t="s">
        <v>33</v>
      </c>
      <c r="P225" t="s">
        <v>34</v>
      </c>
      <c r="Q225" t="s">
        <v>35</v>
      </c>
      <c r="R225" t="s">
        <v>36</v>
      </c>
      <c r="U225" t="s">
        <v>37</v>
      </c>
      <c r="V225" s="30">
        <v>2023</v>
      </c>
      <c r="W225" s="31">
        <v>44980</v>
      </c>
      <c r="X225" s="32">
        <v>44980.108784722222</v>
      </c>
      <c r="Y225" t="s">
        <v>38</v>
      </c>
    </row>
    <row r="226" spans="1:25">
      <c r="A226" t="s">
        <v>25</v>
      </c>
      <c r="B226" t="s">
        <v>139</v>
      </c>
      <c r="C226" s="31">
        <v>44972</v>
      </c>
      <c r="D226" t="s">
        <v>27</v>
      </c>
      <c r="E226" t="s">
        <v>28</v>
      </c>
      <c r="F226" t="s">
        <v>400</v>
      </c>
      <c r="G226" s="30">
        <v>2</v>
      </c>
      <c r="H226" t="s">
        <v>29</v>
      </c>
      <c r="I226" t="s">
        <v>30</v>
      </c>
      <c r="K226" t="s">
        <v>31</v>
      </c>
      <c r="L226" s="29">
        <v>105.18</v>
      </c>
      <c r="M226" t="s">
        <v>401</v>
      </c>
      <c r="N226" t="s">
        <v>32</v>
      </c>
      <c r="O226" t="s">
        <v>33</v>
      </c>
      <c r="P226" t="s">
        <v>34</v>
      </c>
      <c r="Q226" t="s">
        <v>35</v>
      </c>
      <c r="R226" t="s">
        <v>36</v>
      </c>
      <c r="U226" t="s">
        <v>37</v>
      </c>
      <c r="V226" s="30">
        <v>2023</v>
      </c>
      <c r="W226" s="31">
        <v>44980</v>
      </c>
      <c r="X226" s="32">
        <v>44980.108784722222</v>
      </c>
      <c r="Y226" t="s">
        <v>38</v>
      </c>
    </row>
    <row r="227" spans="1:25">
      <c r="A227" t="s">
        <v>25</v>
      </c>
      <c r="B227" t="s">
        <v>259</v>
      </c>
      <c r="C227" s="31">
        <v>44972</v>
      </c>
      <c r="D227" t="s">
        <v>27</v>
      </c>
      <c r="E227" t="s">
        <v>28</v>
      </c>
      <c r="F227" t="s">
        <v>400</v>
      </c>
      <c r="G227" s="30">
        <v>2</v>
      </c>
      <c r="H227" t="s">
        <v>29</v>
      </c>
      <c r="I227" t="s">
        <v>30</v>
      </c>
      <c r="K227" t="s">
        <v>31</v>
      </c>
      <c r="L227" s="29">
        <v>11730.68</v>
      </c>
      <c r="M227" t="s">
        <v>401</v>
      </c>
      <c r="N227" t="s">
        <v>32</v>
      </c>
      <c r="O227" t="s">
        <v>33</v>
      </c>
      <c r="P227" t="s">
        <v>34</v>
      </c>
      <c r="Q227" t="s">
        <v>35</v>
      </c>
      <c r="R227" t="s">
        <v>36</v>
      </c>
      <c r="U227" t="s">
        <v>37</v>
      </c>
      <c r="V227" s="30">
        <v>2023</v>
      </c>
      <c r="W227" s="31">
        <v>44980</v>
      </c>
      <c r="X227" s="32">
        <v>44980.108819444446</v>
      </c>
      <c r="Y227" t="s">
        <v>38</v>
      </c>
    </row>
    <row r="228" spans="1:25">
      <c r="A228" t="s">
        <v>25</v>
      </c>
      <c r="B228" t="s">
        <v>275</v>
      </c>
      <c r="C228" s="31">
        <v>44972</v>
      </c>
      <c r="D228" t="s">
        <v>27</v>
      </c>
      <c r="E228" t="s">
        <v>28</v>
      </c>
      <c r="F228" t="s">
        <v>400</v>
      </c>
      <c r="G228" s="30">
        <v>2</v>
      </c>
      <c r="H228" t="s">
        <v>29</v>
      </c>
      <c r="I228" t="s">
        <v>30</v>
      </c>
      <c r="K228" t="s">
        <v>31</v>
      </c>
      <c r="L228" s="29">
        <v>-10162.219999999999</v>
      </c>
      <c r="M228" t="s">
        <v>401</v>
      </c>
      <c r="N228" t="s">
        <v>32</v>
      </c>
      <c r="O228" t="s">
        <v>33</v>
      </c>
      <c r="P228" t="s">
        <v>34</v>
      </c>
      <c r="Q228" t="s">
        <v>35</v>
      </c>
      <c r="R228" t="s">
        <v>36</v>
      </c>
      <c r="U228" t="s">
        <v>37</v>
      </c>
      <c r="V228" s="30">
        <v>2023</v>
      </c>
      <c r="W228" s="31">
        <v>44980</v>
      </c>
      <c r="X228" s="32">
        <v>44980.108807870369</v>
      </c>
      <c r="Y228" t="s">
        <v>38</v>
      </c>
    </row>
    <row r="229" spans="1:25">
      <c r="A229" t="s">
        <v>25</v>
      </c>
      <c r="B229" t="s">
        <v>277</v>
      </c>
      <c r="C229" s="31">
        <v>44972</v>
      </c>
      <c r="D229" t="s">
        <v>27</v>
      </c>
      <c r="E229" t="s">
        <v>28</v>
      </c>
      <c r="F229" t="s">
        <v>400</v>
      </c>
      <c r="G229" s="30">
        <v>2</v>
      </c>
      <c r="H229" t="s">
        <v>29</v>
      </c>
      <c r="I229" t="s">
        <v>30</v>
      </c>
      <c r="K229" t="s">
        <v>31</v>
      </c>
      <c r="L229" s="29">
        <v>77973.47</v>
      </c>
      <c r="M229" t="s">
        <v>401</v>
      </c>
      <c r="N229" t="s">
        <v>32</v>
      </c>
      <c r="O229" t="s">
        <v>33</v>
      </c>
      <c r="P229" t="s">
        <v>34</v>
      </c>
      <c r="Q229" t="s">
        <v>35</v>
      </c>
      <c r="R229" t="s">
        <v>36</v>
      </c>
      <c r="U229" t="s">
        <v>37</v>
      </c>
      <c r="V229" s="30">
        <v>2023</v>
      </c>
      <c r="W229" s="31">
        <v>44980</v>
      </c>
      <c r="X229" s="32">
        <v>44980.108796296299</v>
      </c>
      <c r="Y229" t="s">
        <v>38</v>
      </c>
    </row>
    <row r="230" spans="1:25">
      <c r="A230" t="s">
        <v>25</v>
      </c>
      <c r="B230" t="s">
        <v>278</v>
      </c>
      <c r="C230" s="31">
        <v>44972</v>
      </c>
      <c r="D230" t="s">
        <v>27</v>
      </c>
      <c r="E230" t="s">
        <v>28</v>
      </c>
      <c r="F230" t="s">
        <v>400</v>
      </c>
      <c r="G230" s="30">
        <v>2</v>
      </c>
      <c r="H230" t="s">
        <v>29</v>
      </c>
      <c r="I230" t="s">
        <v>30</v>
      </c>
      <c r="K230" t="s">
        <v>31</v>
      </c>
      <c r="L230" s="29">
        <v>-3523.36</v>
      </c>
      <c r="M230" t="s">
        <v>401</v>
      </c>
      <c r="N230" t="s">
        <v>32</v>
      </c>
      <c r="O230" t="s">
        <v>33</v>
      </c>
      <c r="P230" t="s">
        <v>34</v>
      </c>
      <c r="Q230" t="s">
        <v>35</v>
      </c>
      <c r="R230" t="s">
        <v>36</v>
      </c>
      <c r="U230" t="s">
        <v>37</v>
      </c>
      <c r="V230" s="30">
        <v>2023</v>
      </c>
      <c r="W230" s="31">
        <v>44980</v>
      </c>
      <c r="X230" s="32">
        <v>44980.108796296299</v>
      </c>
      <c r="Y230" t="s">
        <v>38</v>
      </c>
    </row>
    <row r="231" spans="1:25">
      <c r="A231" t="s">
        <v>25</v>
      </c>
      <c r="B231" t="s">
        <v>50</v>
      </c>
      <c r="C231" s="31">
        <v>45000</v>
      </c>
      <c r="D231" t="s">
        <v>27</v>
      </c>
      <c r="E231" t="s">
        <v>28</v>
      </c>
      <c r="F231" t="s">
        <v>400</v>
      </c>
      <c r="G231" s="30">
        <v>3</v>
      </c>
      <c r="H231" t="s">
        <v>29</v>
      </c>
      <c r="I231" t="s">
        <v>30</v>
      </c>
      <c r="K231" t="s">
        <v>31</v>
      </c>
      <c r="L231" s="29">
        <v>1332.84</v>
      </c>
      <c r="M231" t="s">
        <v>401</v>
      </c>
      <c r="N231" t="s">
        <v>32</v>
      </c>
      <c r="O231" t="s">
        <v>33</v>
      </c>
      <c r="P231" t="s">
        <v>34</v>
      </c>
      <c r="Q231" t="s">
        <v>35</v>
      </c>
      <c r="R231" t="s">
        <v>36</v>
      </c>
      <c r="U231" t="s">
        <v>37</v>
      </c>
      <c r="V231" s="30">
        <v>2023</v>
      </c>
      <c r="W231" s="31">
        <v>45015</v>
      </c>
      <c r="X231" s="32">
        <v>45015.707986111112</v>
      </c>
      <c r="Y231" t="s">
        <v>51</v>
      </c>
    </row>
    <row r="232" spans="1:25">
      <c r="A232" t="s">
        <v>25</v>
      </c>
      <c r="B232" t="s">
        <v>53</v>
      </c>
      <c r="C232" s="31">
        <v>45000</v>
      </c>
      <c r="D232" t="s">
        <v>27</v>
      </c>
      <c r="E232" t="s">
        <v>28</v>
      </c>
      <c r="F232" t="s">
        <v>400</v>
      </c>
      <c r="G232" s="30">
        <v>3</v>
      </c>
      <c r="H232" t="s">
        <v>29</v>
      </c>
      <c r="I232" t="s">
        <v>30</v>
      </c>
      <c r="K232" t="s">
        <v>31</v>
      </c>
      <c r="L232" s="29">
        <v>-9713.49</v>
      </c>
      <c r="M232" t="s">
        <v>401</v>
      </c>
      <c r="N232" t="s">
        <v>32</v>
      </c>
      <c r="O232" t="s">
        <v>33</v>
      </c>
      <c r="P232" t="s">
        <v>34</v>
      </c>
      <c r="Q232" t="s">
        <v>35</v>
      </c>
      <c r="R232" t="s">
        <v>36</v>
      </c>
      <c r="U232" t="s">
        <v>37</v>
      </c>
      <c r="V232" s="30">
        <v>2023</v>
      </c>
      <c r="W232" s="31">
        <v>45013</v>
      </c>
      <c r="X232" s="32">
        <v>45013.637233796297</v>
      </c>
      <c r="Y232" t="s">
        <v>54</v>
      </c>
    </row>
    <row r="233" spans="1:25">
      <c r="A233" t="s">
        <v>25</v>
      </c>
      <c r="B233" t="s">
        <v>79</v>
      </c>
      <c r="C233" s="31">
        <v>45000</v>
      </c>
      <c r="D233" t="s">
        <v>27</v>
      </c>
      <c r="E233" t="s">
        <v>28</v>
      </c>
      <c r="F233" t="s">
        <v>400</v>
      </c>
      <c r="G233" s="30">
        <v>3</v>
      </c>
      <c r="H233" t="s">
        <v>29</v>
      </c>
      <c r="I233" t="s">
        <v>30</v>
      </c>
      <c r="K233" t="s">
        <v>31</v>
      </c>
      <c r="L233" s="29">
        <v>-10861.55</v>
      </c>
      <c r="M233" t="s">
        <v>401</v>
      </c>
      <c r="N233" t="s">
        <v>32</v>
      </c>
      <c r="O233" t="s">
        <v>33</v>
      </c>
      <c r="P233" t="s">
        <v>34</v>
      </c>
      <c r="Q233" t="s">
        <v>35</v>
      </c>
      <c r="R233" t="s">
        <v>36</v>
      </c>
      <c r="U233" t="s">
        <v>37</v>
      </c>
      <c r="V233" s="30">
        <v>2023</v>
      </c>
      <c r="W233" s="31">
        <v>45013</v>
      </c>
      <c r="X233" s="32">
        <v>45013.634965277779</v>
      </c>
      <c r="Y233" t="s">
        <v>80</v>
      </c>
    </row>
    <row r="234" spans="1:25">
      <c r="A234" t="s">
        <v>25</v>
      </c>
      <c r="B234" t="s">
        <v>85</v>
      </c>
      <c r="C234" s="31">
        <v>45000</v>
      </c>
      <c r="D234" t="s">
        <v>27</v>
      </c>
      <c r="E234" t="s">
        <v>28</v>
      </c>
      <c r="F234" t="s">
        <v>400</v>
      </c>
      <c r="G234" s="30">
        <v>3</v>
      </c>
      <c r="H234" t="s">
        <v>29</v>
      </c>
      <c r="I234" t="s">
        <v>30</v>
      </c>
      <c r="K234" t="s">
        <v>31</v>
      </c>
      <c r="L234" s="29">
        <v>-3171.99</v>
      </c>
      <c r="M234" t="s">
        <v>401</v>
      </c>
      <c r="N234" t="s">
        <v>32</v>
      </c>
      <c r="O234" t="s">
        <v>33</v>
      </c>
      <c r="P234" t="s">
        <v>34</v>
      </c>
      <c r="Q234" t="s">
        <v>35</v>
      </c>
      <c r="R234" t="s">
        <v>36</v>
      </c>
      <c r="U234" t="s">
        <v>37</v>
      </c>
      <c r="V234" s="30">
        <v>2023</v>
      </c>
      <c r="W234" s="31">
        <v>45016</v>
      </c>
      <c r="X234" s="32">
        <v>45016.648252314815</v>
      </c>
      <c r="Y234" t="s">
        <v>86</v>
      </c>
    </row>
    <row r="235" spans="1:25">
      <c r="A235" t="s">
        <v>25</v>
      </c>
      <c r="B235" t="s">
        <v>87</v>
      </c>
      <c r="C235" s="31">
        <v>45000</v>
      </c>
      <c r="D235" t="s">
        <v>27</v>
      </c>
      <c r="E235" t="s">
        <v>28</v>
      </c>
      <c r="F235" t="s">
        <v>400</v>
      </c>
      <c r="G235" s="30">
        <v>3</v>
      </c>
      <c r="H235" t="s">
        <v>29</v>
      </c>
      <c r="I235" t="s">
        <v>30</v>
      </c>
      <c r="K235" t="s">
        <v>31</v>
      </c>
      <c r="L235" s="29">
        <v>-1176.54</v>
      </c>
      <c r="M235" t="s">
        <v>401</v>
      </c>
      <c r="N235" t="s">
        <v>32</v>
      </c>
      <c r="O235" t="s">
        <v>33</v>
      </c>
      <c r="P235" t="s">
        <v>34</v>
      </c>
      <c r="Q235" t="s">
        <v>35</v>
      </c>
      <c r="R235" t="s">
        <v>36</v>
      </c>
      <c r="U235" t="s">
        <v>37</v>
      </c>
      <c r="V235" s="30">
        <v>2023</v>
      </c>
      <c r="W235" s="31">
        <v>45016</v>
      </c>
      <c r="X235" s="32">
        <v>45016.648206018515</v>
      </c>
      <c r="Y235" t="s">
        <v>88</v>
      </c>
    </row>
    <row r="236" spans="1:25">
      <c r="A236" t="s">
        <v>25</v>
      </c>
      <c r="B236" t="s">
        <v>89</v>
      </c>
      <c r="C236" s="31">
        <v>45000</v>
      </c>
      <c r="D236" t="s">
        <v>27</v>
      </c>
      <c r="E236" t="s">
        <v>28</v>
      </c>
      <c r="F236" t="s">
        <v>400</v>
      </c>
      <c r="G236" s="30">
        <v>3</v>
      </c>
      <c r="H236" t="s">
        <v>29</v>
      </c>
      <c r="I236" t="s">
        <v>30</v>
      </c>
      <c r="K236" t="s">
        <v>31</v>
      </c>
      <c r="L236" s="29">
        <v>-25573.67</v>
      </c>
      <c r="M236" t="s">
        <v>401</v>
      </c>
      <c r="N236" t="s">
        <v>32</v>
      </c>
      <c r="O236" t="s">
        <v>33</v>
      </c>
      <c r="P236" t="s">
        <v>34</v>
      </c>
      <c r="Q236" t="s">
        <v>35</v>
      </c>
      <c r="R236" t="s">
        <v>36</v>
      </c>
      <c r="U236" t="s">
        <v>37</v>
      </c>
      <c r="V236" s="30">
        <v>2023</v>
      </c>
      <c r="W236" s="31">
        <v>45015</v>
      </c>
      <c r="X236" s="32">
        <v>45015.708055555559</v>
      </c>
      <c r="Y236" t="s">
        <v>90</v>
      </c>
    </row>
    <row r="237" spans="1:25">
      <c r="A237" t="s">
        <v>25</v>
      </c>
      <c r="B237" t="s">
        <v>91</v>
      </c>
      <c r="C237" s="31">
        <v>45000</v>
      </c>
      <c r="D237" t="s">
        <v>27</v>
      </c>
      <c r="E237" t="s">
        <v>28</v>
      </c>
      <c r="F237" t="s">
        <v>400</v>
      </c>
      <c r="G237" s="30">
        <v>3</v>
      </c>
      <c r="H237" t="s">
        <v>29</v>
      </c>
      <c r="I237" t="s">
        <v>30</v>
      </c>
      <c r="K237" t="s">
        <v>31</v>
      </c>
      <c r="L237" s="29">
        <v>1316.8</v>
      </c>
      <c r="M237" t="s">
        <v>401</v>
      </c>
      <c r="N237" t="s">
        <v>32</v>
      </c>
      <c r="O237" t="s">
        <v>33</v>
      </c>
      <c r="P237" t="s">
        <v>34</v>
      </c>
      <c r="Q237" t="s">
        <v>35</v>
      </c>
      <c r="R237" t="s">
        <v>36</v>
      </c>
      <c r="U237" t="s">
        <v>37</v>
      </c>
      <c r="V237" s="30">
        <v>2023</v>
      </c>
      <c r="W237" s="31">
        <v>45016</v>
      </c>
      <c r="X237" s="32">
        <v>45016.648229166669</v>
      </c>
      <c r="Y237" t="s">
        <v>92</v>
      </c>
    </row>
    <row r="238" spans="1:25">
      <c r="A238" t="s">
        <v>25</v>
      </c>
      <c r="B238" t="s">
        <v>116</v>
      </c>
      <c r="C238" s="31">
        <v>45000</v>
      </c>
      <c r="D238" t="s">
        <v>27</v>
      </c>
      <c r="E238" t="s">
        <v>28</v>
      </c>
      <c r="F238" t="s">
        <v>400</v>
      </c>
      <c r="G238" s="30">
        <v>3</v>
      </c>
      <c r="H238" t="s">
        <v>29</v>
      </c>
      <c r="I238" t="s">
        <v>30</v>
      </c>
      <c r="K238" t="s">
        <v>31</v>
      </c>
      <c r="L238" s="29">
        <v>-5212.2299999999996</v>
      </c>
      <c r="M238" t="s">
        <v>401</v>
      </c>
      <c r="N238" t="s">
        <v>32</v>
      </c>
      <c r="O238" t="s">
        <v>33</v>
      </c>
      <c r="P238" t="s">
        <v>34</v>
      </c>
      <c r="Q238" t="s">
        <v>35</v>
      </c>
      <c r="R238" t="s">
        <v>36</v>
      </c>
      <c r="U238" t="s">
        <v>37</v>
      </c>
      <c r="V238" s="30">
        <v>2023</v>
      </c>
      <c r="W238" s="31">
        <v>45015</v>
      </c>
      <c r="X238" s="32">
        <v>45015.707962962966</v>
      </c>
      <c r="Y238" t="s">
        <v>117</v>
      </c>
    </row>
    <row r="239" spans="1:25">
      <c r="A239" t="s">
        <v>25</v>
      </c>
      <c r="B239" t="s">
        <v>46</v>
      </c>
      <c r="C239" s="31">
        <v>45000</v>
      </c>
      <c r="D239" t="s">
        <v>27</v>
      </c>
      <c r="E239" t="s">
        <v>28</v>
      </c>
      <c r="F239" t="s">
        <v>400</v>
      </c>
      <c r="G239" s="30">
        <v>3</v>
      </c>
      <c r="H239" t="s">
        <v>29</v>
      </c>
      <c r="I239" t="s">
        <v>30</v>
      </c>
      <c r="K239" t="s">
        <v>31</v>
      </c>
      <c r="L239" s="29">
        <v>-1761.91</v>
      </c>
      <c r="M239" t="s">
        <v>401</v>
      </c>
      <c r="N239" t="s">
        <v>32</v>
      </c>
      <c r="O239" t="s">
        <v>33</v>
      </c>
      <c r="P239" t="s">
        <v>34</v>
      </c>
      <c r="Q239" t="s">
        <v>35</v>
      </c>
      <c r="R239" t="s">
        <v>36</v>
      </c>
      <c r="U239" t="s">
        <v>37</v>
      </c>
      <c r="V239" s="30">
        <v>2023</v>
      </c>
      <c r="W239" s="31">
        <v>45015</v>
      </c>
      <c r="X239" s="32">
        <v>45015.70789351852</v>
      </c>
      <c r="Y239" t="s">
        <v>118</v>
      </c>
    </row>
    <row r="240" spans="1:25">
      <c r="A240" t="s">
        <v>25</v>
      </c>
      <c r="B240" t="s">
        <v>73</v>
      </c>
      <c r="C240" s="31">
        <v>45000</v>
      </c>
      <c r="D240" t="s">
        <v>27</v>
      </c>
      <c r="E240" t="s">
        <v>28</v>
      </c>
      <c r="F240" t="s">
        <v>400</v>
      </c>
      <c r="G240" s="30">
        <v>3</v>
      </c>
      <c r="H240" t="s">
        <v>29</v>
      </c>
      <c r="I240" t="s">
        <v>30</v>
      </c>
      <c r="K240" t="s">
        <v>31</v>
      </c>
      <c r="L240" s="29">
        <v>-2577.7399999999998</v>
      </c>
      <c r="M240" t="s">
        <v>401</v>
      </c>
      <c r="N240" t="s">
        <v>32</v>
      </c>
      <c r="O240" t="s">
        <v>33</v>
      </c>
      <c r="P240" t="s">
        <v>34</v>
      </c>
      <c r="Q240" t="s">
        <v>35</v>
      </c>
      <c r="R240" t="s">
        <v>36</v>
      </c>
      <c r="U240" t="s">
        <v>37</v>
      </c>
      <c r="V240" s="30">
        <v>2023</v>
      </c>
      <c r="W240" s="31">
        <v>45015</v>
      </c>
      <c r="X240" s="32">
        <v>45015.707916666666</v>
      </c>
      <c r="Y240" t="s">
        <v>119</v>
      </c>
    </row>
    <row r="241" spans="1:25">
      <c r="A241" t="s">
        <v>25</v>
      </c>
      <c r="B241" t="s">
        <v>403</v>
      </c>
      <c r="C241" s="31">
        <v>45000</v>
      </c>
      <c r="D241" t="s">
        <v>27</v>
      </c>
      <c r="E241" t="s">
        <v>28</v>
      </c>
      <c r="F241" t="s">
        <v>400</v>
      </c>
      <c r="G241" s="30">
        <v>3</v>
      </c>
      <c r="H241" t="s">
        <v>29</v>
      </c>
      <c r="I241" t="s">
        <v>30</v>
      </c>
      <c r="K241" t="s">
        <v>31</v>
      </c>
      <c r="L241" s="29">
        <v>-15510.05</v>
      </c>
      <c r="M241" t="s">
        <v>401</v>
      </c>
      <c r="N241" t="s">
        <v>32</v>
      </c>
      <c r="O241" t="s">
        <v>33</v>
      </c>
      <c r="P241" t="s">
        <v>34</v>
      </c>
      <c r="Q241" t="s">
        <v>35</v>
      </c>
      <c r="R241" t="s">
        <v>36</v>
      </c>
      <c r="U241" t="s">
        <v>37</v>
      </c>
      <c r="V241" s="30">
        <v>2023</v>
      </c>
      <c r="W241" s="31">
        <v>45020</v>
      </c>
      <c r="X241" s="32">
        <v>45020.499131944445</v>
      </c>
      <c r="Y241" t="s">
        <v>404</v>
      </c>
    </row>
    <row r="242" spans="1:25">
      <c r="A242" t="s">
        <v>25</v>
      </c>
      <c r="B242" t="s">
        <v>140</v>
      </c>
      <c r="C242" s="31">
        <v>45000</v>
      </c>
      <c r="D242" t="s">
        <v>27</v>
      </c>
      <c r="E242" t="s">
        <v>28</v>
      </c>
      <c r="F242" t="s">
        <v>400</v>
      </c>
      <c r="G242" s="30">
        <v>3</v>
      </c>
      <c r="H242" t="s">
        <v>29</v>
      </c>
      <c r="I242" t="s">
        <v>30</v>
      </c>
      <c r="K242" t="s">
        <v>31</v>
      </c>
      <c r="L242" s="29">
        <v>-2217.6</v>
      </c>
      <c r="M242" t="s">
        <v>401</v>
      </c>
      <c r="N242" t="s">
        <v>32</v>
      </c>
      <c r="O242" t="s">
        <v>33</v>
      </c>
      <c r="P242" t="s">
        <v>34</v>
      </c>
      <c r="Q242" t="s">
        <v>35</v>
      </c>
      <c r="R242" t="s">
        <v>36</v>
      </c>
      <c r="U242" t="s">
        <v>37</v>
      </c>
      <c r="V242" s="30">
        <v>2023</v>
      </c>
      <c r="W242" s="31">
        <v>45015</v>
      </c>
      <c r="X242" s="32">
        <v>45015.708032407405</v>
      </c>
      <c r="Y242" t="s">
        <v>168</v>
      </c>
    </row>
    <row r="243" spans="1:25">
      <c r="A243" t="s">
        <v>25</v>
      </c>
      <c r="B243" t="s">
        <v>175</v>
      </c>
      <c r="C243" s="31">
        <v>45000</v>
      </c>
      <c r="D243" t="s">
        <v>27</v>
      </c>
      <c r="E243" t="s">
        <v>28</v>
      </c>
      <c r="F243" t="s">
        <v>400</v>
      </c>
      <c r="G243" s="30">
        <v>3</v>
      </c>
      <c r="H243" t="s">
        <v>29</v>
      </c>
      <c r="I243" t="s">
        <v>30</v>
      </c>
      <c r="K243" t="s">
        <v>31</v>
      </c>
      <c r="L243" s="29">
        <v>-11768.21</v>
      </c>
      <c r="M243" t="s">
        <v>401</v>
      </c>
      <c r="N243" t="s">
        <v>32</v>
      </c>
      <c r="O243" t="s">
        <v>33</v>
      </c>
      <c r="P243" t="s">
        <v>34</v>
      </c>
      <c r="Q243" t="s">
        <v>35</v>
      </c>
      <c r="R243" t="s">
        <v>36</v>
      </c>
      <c r="U243" t="s">
        <v>37</v>
      </c>
      <c r="V243" s="30">
        <v>2023</v>
      </c>
      <c r="W243" s="31">
        <v>45015</v>
      </c>
      <c r="X243" s="32">
        <v>45015.708067129628</v>
      </c>
      <c r="Y243" t="s">
        <v>176</v>
      </c>
    </row>
    <row r="244" spans="1:25">
      <c r="A244" t="s">
        <v>25</v>
      </c>
      <c r="B244" t="s">
        <v>58</v>
      </c>
      <c r="C244" s="31">
        <v>45000</v>
      </c>
      <c r="D244" t="s">
        <v>27</v>
      </c>
      <c r="E244" t="s">
        <v>28</v>
      </c>
      <c r="F244" t="s">
        <v>400</v>
      </c>
      <c r="G244" s="30">
        <v>3</v>
      </c>
      <c r="H244" t="s">
        <v>29</v>
      </c>
      <c r="I244" t="s">
        <v>30</v>
      </c>
      <c r="K244" t="s">
        <v>31</v>
      </c>
      <c r="L244" s="29">
        <v>-35701.71</v>
      </c>
      <c r="M244" t="s">
        <v>401</v>
      </c>
      <c r="N244" t="s">
        <v>32</v>
      </c>
      <c r="O244" t="s">
        <v>33</v>
      </c>
      <c r="P244" t="s">
        <v>34</v>
      </c>
      <c r="Q244" t="s">
        <v>35</v>
      </c>
      <c r="R244" t="s">
        <v>36</v>
      </c>
      <c r="U244" t="s">
        <v>37</v>
      </c>
      <c r="V244" s="30">
        <v>2023</v>
      </c>
      <c r="W244" s="31">
        <v>45015</v>
      </c>
      <c r="X244" s="32">
        <v>45015.708113425928</v>
      </c>
      <c r="Y244" t="s">
        <v>179</v>
      </c>
    </row>
    <row r="245" spans="1:25">
      <c r="A245" t="s">
        <v>25</v>
      </c>
      <c r="B245" t="s">
        <v>186</v>
      </c>
      <c r="C245" s="31">
        <v>45000</v>
      </c>
      <c r="D245" t="s">
        <v>27</v>
      </c>
      <c r="E245" t="s">
        <v>28</v>
      </c>
      <c r="F245" t="s">
        <v>400</v>
      </c>
      <c r="G245" s="30">
        <v>3</v>
      </c>
      <c r="H245" t="s">
        <v>29</v>
      </c>
      <c r="I245" t="s">
        <v>30</v>
      </c>
      <c r="K245" t="s">
        <v>31</v>
      </c>
      <c r="L245" s="29">
        <v>8261.5400000000009</v>
      </c>
      <c r="M245" t="s">
        <v>401</v>
      </c>
      <c r="N245" t="s">
        <v>32</v>
      </c>
      <c r="O245" t="s">
        <v>33</v>
      </c>
      <c r="P245" t="s">
        <v>34</v>
      </c>
      <c r="Q245" t="s">
        <v>35</v>
      </c>
      <c r="R245" t="s">
        <v>36</v>
      </c>
      <c r="U245" t="s">
        <v>37</v>
      </c>
      <c r="V245" s="30">
        <v>2023</v>
      </c>
      <c r="W245" s="31">
        <v>45016</v>
      </c>
      <c r="X245" s="32">
        <v>45016.648275462961</v>
      </c>
      <c r="Y245" t="s">
        <v>198</v>
      </c>
    </row>
    <row r="246" spans="1:25">
      <c r="A246" t="s">
        <v>25</v>
      </c>
      <c r="B246" t="s">
        <v>213</v>
      </c>
      <c r="C246" s="31">
        <v>45000</v>
      </c>
      <c r="D246" t="s">
        <v>27</v>
      </c>
      <c r="E246" t="s">
        <v>28</v>
      </c>
      <c r="F246" t="s">
        <v>400</v>
      </c>
      <c r="G246" s="30">
        <v>3</v>
      </c>
      <c r="H246" t="s">
        <v>29</v>
      </c>
      <c r="I246" t="s">
        <v>30</v>
      </c>
      <c r="K246" t="s">
        <v>31</v>
      </c>
      <c r="L246" s="29">
        <v>-6218.74</v>
      </c>
      <c r="M246" t="s">
        <v>401</v>
      </c>
      <c r="N246" t="s">
        <v>32</v>
      </c>
      <c r="O246" t="s">
        <v>33</v>
      </c>
      <c r="P246" t="s">
        <v>34</v>
      </c>
      <c r="Q246" t="s">
        <v>35</v>
      </c>
      <c r="R246" t="s">
        <v>36</v>
      </c>
      <c r="U246" t="s">
        <v>37</v>
      </c>
      <c r="V246" s="30">
        <v>2023</v>
      </c>
      <c r="W246" s="31">
        <v>45015</v>
      </c>
      <c r="X246" s="32">
        <v>45015.707939814813</v>
      </c>
      <c r="Y246" t="s">
        <v>214</v>
      </c>
    </row>
    <row r="247" spans="1:25">
      <c r="A247" t="s">
        <v>25</v>
      </c>
      <c r="B247" t="s">
        <v>63</v>
      </c>
      <c r="C247" s="31">
        <v>45000</v>
      </c>
      <c r="D247" t="s">
        <v>27</v>
      </c>
      <c r="E247" t="s">
        <v>28</v>
      </c>
      <c r="F247" t="s">
        <v>400</v>
      </c>
      <c r="G247" s="30">
        <v>3</v>
      </c>
      <c r="H247" t="s">
        <v>29</v>
      </c>
      <c r="I247" t="s">
        <v>30</v>
      </c>
      <c r="K247" t="s">
        <v>31</v>
      </c>
      <c r="L247" s="29">
        <v>-682.36</v>
      </c>
      <c r="M247" t="s">
        <v>401</v>
      </c>
      <c r="N247" t="s">
        <v>32</v>
      </c>
      <c r="O247" t="s">
        <v>33</v>
      </c>
      <c r="P247" t="s">
        <v>34</v>
      </c>
      <c r="Q247" t="s">
        <v>35</v>
      </c>
      <c r="R247" t="s">
        <v>36</v>
      </c>
      <c r="U247" t="s">
        <v>37</v>
      </c>
      <c r="V247" s="30">
        <v>2023</v>
      </c>
      <c r="W247" s="31">
        <v>45015</v>
      </c>
      <c r="X247" s="32">
        <v>45015.708090277774</v>
      </c>
      <c r="Y247" t="s">
        <v>215</v>
      </c>
    </row>
    <row r="248" spans="1:25">
      <c r="A248" t="s">
        <v>25</v>
      </c>
      <c r="B248" t="s">
        <v>136</v>
      </c>
      <c r="C248" s="31">
        <v>45000</v>
      </c>
      <c r="D248" t="s">
        <v>27</v>
      </c>
      <c r="E248" t="s">
        <v>28</v>
      </c>
      <c r="F248" t="s">
        <v>400</v>
      </c>
      <c r="G248" s="30">
        <v>3</v>
      </c>
      <c r="H248" t="s">
        <v>29</v>
      </c>
      <c r="I248" t="s">
        <v>30</v>
      </c>
      <c r="K248" t="s">
        <v>31</v>
      </c>
      <c r="L248" s="29">
        <v>-8110.3</v>
      </c>
      <c r="M248" t="s">
        <v>401</v>
      </c>
      <c r="N248" t="s">
        <v>32</v>
      </c>
      <c r="O248" t="s">
        <v>33</v>
      </c>
      <c r="P248" t="s">
        <v>34</v>
      </c>
      <c r="Q248" t="s">
        <v>35</v>
      </c>
      <c r="R248" t="s">
        <v>36</v>
      </c>
      <c r="U248" t="s">
        <v>37</v>
      </c>
      <c r="V248" s="30">
        <v>2023</v>
      </c>
      <c r="W248" s="31">
        <v>45016</v>
      </c>
      <c r="X248" s="32">
        <v>45016.648287037038</v>
      </c>
      <c r="Y248" t="s">
        <v>216</v>
      </c>
    </row>
    <row r="249" spans="1:25">
      <c r="A249" t="s">
        <v>25</v>
      </c>
      <c r="B249" t="s">
        <v>191</v>
      </c>
      <c r="C249" s="31">
        <v>45000</v>
      </c>
      <c r="D249" t="s">
        <v>27</v>
      </c>
      <c r="E249" t="s">
        <v>28</v>
      </c>
      <c r="F249" t="s">
        <v>400</v>
      </c>
      <c r="G249" s="30">
        <v>3</v>
      </c>
      <c r="H249" t="s">
        <v>29</v>
      </c>
      <c r="I249" t="s">
        <v>30</v>
      </c>
      <c r="K249" t="s">
        <v>31</v>
      </c>
      <c r="L249" s="29">
        <v>-5187.45</v>
      </c>
      <c r="M249" t="s">
        <v>401</v>
      </c>
      <c r="N249" t="s">
        <v>32</v>
      </c>
      <c r="O249" t="s">
        <v>33</v>
      </c>
      <c r="P249" t="s">
        <v>34</v>
      </c>
      <c r="Q249" t="s">
        <v>35</v>
      </c>
      <c r="R249" t="s">
        <v>36</v>
      </c>
      <c r="U249" t="s">
        <v>37</v>
      </c>
      <c r="V249" s="30">
        <v>2023</v>
      </c>
      <c r="W249" s="31">
        <v>45019</v>
      </c>
      <c r="X249" s="32">
        <v>45019.498148148145</v>
      </c>
      <c r="Y249" t="s">
        <v>217</v>
      </c>
    </row>
    <row r="250" spans="1:25">
      <c r="A250" t="s">
        <v>25</v>
      </c>
      <c r="B250" t="s">
        <v>141</v>
      </c>
      <c r="C250" s="31">
        <v>45000</v>
      </c>
      <c r="D250" t="s">
        <v>27</v>
      </c>
      <c r="E250" t="s">
        <v>28</v>
      </c>
      <c r="F250" t="s">
        <v>400</v>
      </c>
      <c r="G250" s="30">
        <v>3</v>
      </c>
      <c r="H250" t="s">
        <v>29</v>
      </c>
      <c r="I250" t="s">
        <v>30</v>
      </c>
      <c r="K250" t="s">
        <v>31</v>
      </c>
      <c r="L250" s="29">
        <v>-3836.44</v>
      </c>
      <c r="M250" t="s">
        <v>401</v>
      </c>
      <c r="N250" t="s">
        <v>32</v>
      </c>
      <c r="O250" t="s">
        <v>33</v>
      </c>
      <c r="P250" t="s">
        <v>34</v>
      </c>
      <c r="Q250" t="s">
        <v>35</v>
      </c>
      <c r="R250" t="s">
        <v>36</v>
      </c>
      <c r="U250" t="s">
        <v>37</v>
      </c>
      <c r="V250" s="30">
        <v>2023</v>
      </c>
      <c r="W250" s="31">
        <v>45015</v>
      </c>
      <c r="X250" s="32">
        <v>45015.708009259259</v>
      </c>
      <c r="Y250" t="s">
        <v>223</v>
      </c>
    </row>
    <row r="251" spans="1:25">
      <c r="A251" t="s">
        <v>25</v>
      </c>
      <c r="B251" t="s">
        <v>110</v>
      </c>
      <c r="C251" s="31">
        <v>45000</v>
      </c>
      <c r="D251" t="s">
        <v>27</v>
      </c>
      <c r="E251" t="s">
        <v>28</v>
      </c>
      <c r="F251" t="s">
        <v>400</v>
      </c>
      <c r="G251" s="30">
        <v>3</v>
      </c>
      <c r="H251" t="s">
        <v>29</v>
      </c>
      <c r="I251" t="s">
        <v>30</v>
      </c>
      <c r="K251" t="s">
        <v>31</v>
      </c>
      <c r="L251" s="29">
        <v>-5804.87</v>
      </c>
      <c r="M251" t="s">
        <v>401</v>
      </c>
      <c r="N251" t="s">
        <v>32</v>
      </c>
      <c r="O251" t="s">
        <v>33</v>
      </c>
      <c r="P251" t="s">
        <v>34</v>
      </c>
      <c r="Q251" t="s">
        <v>35</v>
      </c>
      <c r="R251" t="s">
        <v>36</v>
      </c>
      <c r="U251" t="s">
        <v>37</v>
      </c>
      <c r="V251" s="30">
        <v>2023</v>
      </c>
      <c r="W251" s="31">
        <v>45013</v>
      </c>
      <c r="X251" s="32">
        <v>45013.634942129633</v>
      </c>
      <c r="Y251" t="s">
        <v>264</v>
      </c>
    </row>
    <row r="252" spans="1:25">
      <c r="A252" t="s">
        <v>25</v>
      </c>
      <c r="B252" t="s">
        <v>265</v>
      </c>
      <c r="C252" s="31">
        <v>45000</v>
      </c>
      <c r="D252" t="s">
        <v>27</v>
      </c>
      <c r="E252" t="s">
        <v>28</v>
      </c>
      <c r="F252" t="s">
        <v>400</v>
      </c>
      <c r="G252" s="30">
        <v>3</v>
      </c>
      <c r="H252" t="s">
        <v>29</v>
      </c>
      <c r="I252" t="s">
        <v>30</v>
      </c>
      <c r="K252" t="s">
        <v>31</v>
      </c>
      <c r="L252" s="29">
        <v>459.42</v>
      </c>
      <c r="M252" t="s">
        <v>401</v>
      </c>
      <c r="N252" t="s">
        <v>32</v>
      </c>
      <c r="O252" t="s">
        <v>33</v>
      </c>
      <c r="P252" t="s">
        <v>34</v>
      </c>
      <c r="Q252" t="s">
        <v>35</v>
      </c>
      <c r="R252" t="s">
        <v>36</v>
      </c>
      <c r="U252" t="s">
        <v>37</v>
      </c>
      <c r="V252" s="30">
        <v>2023</v>
      </c>
      <c r="W252" s="31">
        <v>45015</v>
      </c>
      <c r="X252" s="32">
        <v>45015.707858796297</v>
      </c>
      <c r="Y252" t="s">
        <v>266</v>
      </c>
    </row>
    <row r="253" spans="1:25">
      <c r="A253" t="s">
        <v>25</v>
      </c>
      <c r="B253" t="s">
        <v>185</v>
      </c>
      <c r="C253" s="31">
        <v>45000</v>
      </c>
      <c r="D253" t="s">
        <v>27</v>
      </c>
      <c r="E253" t="s">
        <v>28</v>
      </c>
      <c r="F253" t="s">
        <v>400</v>
      </c>
      <c r="G253" s="30">
        <v>3</v>
      </c>
      <c r="H253" t="s">
        <v>29</v>
      </c>
      <c r="I253" t="s">
        <v>30</v>
      </c>
      <c r="K253" t="s">
        <v>31</v>
      </c>
      <c r="L253" s="29">
        <v>-3585.19</v>
      </c>
      <c r="M253" t="s">
        <v>401</v>
      </c>
      <c r="N253" t="s">
        <v>32</v>
      </c>
      <c r="O253" t="s">
        <v>33</v>
      </c>
      <c r="P253" t="s">
        <v>34</v>
      </c>
      <c r="Q253" t="s">
        <v>35</v>
      </c>
      <c r="R253" t="s">
        <v>36</v>
      </c>
      <c r="U253" t="s">
        <v>37</v>
      </c>
      <c r="V253" s="30">
        <v>2023</v>
      </c>
      <c r="W253" s="31">
        <v>45019</v>
      </c>
      <c r="X253" s="32">
        <v>45019.498182870368</v>
      </c>
      <c r="Y253" t="s">
        <v>267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5B6DD3-090F-41EF-9553-93F33B0D9611}">
  <dimension ref="A1:Q25"/>
  <sheetViews>
    <sheetView zoomScale="130" zoomScaleNormal="130" workbookViewId="0">
      <pane xSplit="2" ySplit="1" topLeftCell="P2" activePane="bottomRight" state="frozen"/>
      <selection pane="topRight" activeCell="C1" sqref="C1"/>
      <selection pane="bottomLeft" activeCell="A3" sqref="A3"/>
      <selection pane="bottomRight" activeCell="R7" sqref="R7"/>
    </sheetView>
  </sheetViews>
  <sheetFormatPr defaultRowHeight="12.75" customHeight="1"/>
  <cols>
    <col min="1" max="1" width="10" style="37" bestFit="1" customWidth="1"/>
    <col min="2" max="2" width="44.08984375" style="37" bestFit="1" customWidth="1"/>
    <col min="3" max="11" width="16.26953125" style="37" bestFit="1" customWidth="1"/>
    <col min="12" max="12" width="15" style="37" bestFit="1" customWidth="1"/>
    <col min="13" max="14" width="16.26953125" style="37" bestFit="1" customWidth="1"/>
    <col min="15" max="15" width="12.54296875" style="37" bestFit="1" customWidth="1"/>
    <col min="16" max="17" width="11.36328125" style="37" bestFit="1" customWidth="1"/>
    <col min="18" max="16384" width="8.7265625" style="37"/>
  </cols>
  <sheetData>
    <row r="1" spans="1:17" ht="18.75" customHeight="1" thickBot="1">
      <c r="A1" s="70" t="s">
        <v>364</v>
      </c>
      <c r="B1" s="71"/>
      <c r="C1" s="71"/>
      <c r="D1" s="71"/>
      <c r="E1" s="71"/>
      <c r="F1" s="71"/>
      <c r="G1" s="71"/>
      <c r="H1" s="71"/>
      <c r="I1" s="71"/>
      <c r="J1" s="71"/>
      <c r="K1" s="71"/>
      <c r="L1" s="71"/>
      <c r="M1" s="71"/>
      <c r="N1" s="71"/>
    </row>
    <row r="2" spans="1:17" ht="18.75" customHeight="1" thickBot="1">
      <c r="A2" s="72" t="s">
        <v>365</v>
      </c>
      <c r="B2" s="73"/>
      <c r="C2" s="39" t="s">
        <v>366</v>
      </c>
      <c r="D2" s="39" t="s">
        <v>367</v>
      </c>
      <c r="E2" s="39" t="s">
        <v>368</v>
      </c>
      <c r="F2" s="39" t="s">
        <v>369</v>
      </c>
      <c r="G2" s="39" t="s">
        <v>370</v>
      </c>
      <c r="H2" s="39" t="s">
        <v>371</v>
      </c>
      <c r="I2" s="39" t="s">
        <v>372</v>
      </c>
      <c r="J2" s="39" t="s">
        <v>373</v>
      </c>
      <c r="K2" s="39" t="s">
        <v>374</v>
      </c>
      <c r="L2" s="39" t="s">
        <v>375</v>
      </c>
      <c r="M2" s="39" t="s">
        <v>376</v>
      </c>
      <c r="N2" s="39" t="s">
        <v>377</v>
      </c>
      <c r="O2" s="39"/>
    </row>
    <row r="3" spans="1:17" ht="18.75" customHeight="1" thickBot="1">
      <c r="A3" s="39" t="s">
        <v>378</v>
      </c>
      <c r="B3" s="39" t="s">
        <v>379</v>
      </c>
      <c r="C3" s="40">
        <v>-56136.18</v>
      </c>
      <c r="D3" s="40">
        <v>-86637.52</v>
      </c>
      <c r="E3" s="40">
        <v>-40022.76</v>
      </c>
      <c r="F3" s="40">
        <v>-108522.52</v>
      </c>
      <c r="G3" s="40">
        <v>-88458.84</v>
      </c>
      <c r="H3" s="40">
        <v>-95273.58</v>
      </c>
      <c r="I3" s="40">
        <v>-125899.33</v>
      </c>
      <c r="J3" s="40">
        <v>-102327.63</v>
      </c>
      <c r="K3" s="40">
        <v>-48519.9</v>
      </c>
      <c r="L3" s="40">
        <v>-47324.14</v>
      </c>
      <c r="M3" s="40">
        <v>-118690.5</v>
      </c>
      <c r="N3" s="40">
        <v>-56572.47</v>
      </c>
      <c r="O3" s="40">
        <f>SUM(C3:N3)</f>
        <v>-974385.37000000011</v>
      </c>
    </row>
    <row r="4" spans="1:17" ht="18.75" customHeight="1" thickBot="1">
      <c r="A4" s="42" t="s">
        <v>380</v>
      </c>
      <c r="B4" s="42" t="s">
        <v>381</v>
      </c>
      <c r="C4" s="40">
        <v>194044.17</v>
      </c>
      <c r="D4" s="40">
        <v>154878.29</v>
      </c>
      <c r="E4" s="40">
        <v>237267.67</v>
      </c>
      <c r="F4" s="40">
        <v>297251.71999999997</v>
      </c>
      <c r="G4" s="40">
        <v>273456.94</v>
      </c>
      <c r="H4" s="40">
        <v>324829.71999999997</v>
      </c>
      <c r="I4" s="40">
        <v>203966.81</v>
      </c>
      <c r="J4" s="40">
        <v>241414.54</v>
      </c>
      <c r="K4" s="40">
        <v>202433.63</v>
      </c>
      <c r="L4" s="40">
        <v>293258.53999999998</v>
      </c>
      <c r="M4" s="40">
        <v>195344.85</v>
      </c>
      <c r="N4" s="40">
        <v>203916.11</v>
      </c>
      <c r="O4" s="40">
        <f t="shared" ref="O4:O5" si="0">SUM(C4:N4)</f>
        <v>2822062.99</v>
      </c>
    </row>
    <row r="5" spans="1:17" ht="18.75" customHeight="1" thickBot="1">
      <c r="A5" s="42" t="s">
        <v>382</v>
      </c>
      <c r="B5" s="42" t="s">
        <v>383</v>
      </c>
      <c r="C5" s="40">
        <v>-3258.13</v>
      </c>
      <c r="D5" s="40">
        <v>-478.05</v>
      </c>
      <c r="E5" s="40">
        <v>-371.66</v>
      </c>
      <c r="F5" s="40">
        <v>-2521.65</v>
      </c>
      <c r="G5" s="40">
        <v>-5827.9</v>
      </c>
      <c r="H5" s="40">
        <v>-2109.27</v>
      </c>
      <c r="I5" s="40">
        <v>-3483.93</v>
      </c>
      <c r="J5" s="40">
        <v>-24271.84</v>
      </c>
      <c r="K5" s="40">
        <v>-560.66</v>
      </c>
      <c r="L5" s="40">
        <v>-1052.96</v>
      </c>
      <c r="M5" s="43">
        <v>-594</v>
      </c>
      <c r="N5" s="40">
        <v>-42.2</v>
      </c>
      <c r="O5" s="40">
        <f t="shared" si="0"/>
        <v>-44572.25</v>
      </c>
    </row>
    <row r="6" spans="1:17" ht="18.75" customHeight="1" thickBot="1">
      <c r="A6" s="68" t="s">
        <v>384</v>
      </c>
      <c r="B6" s="69"/>
      <c r="C6" s="45">
        <v>134649.85999999999</v>
      </c>
      <c r="D6" s="45">
        <v>67762.720000000001</v>
      </c>
      <c r="E6" s="45">
        <v>196873.25</v>
      </c>
      <c r="F6" s="45">
        <v>186207.55</v>
      </c>
      <c r="G6" s="45">
        <v>179170.2</v>
      </c>
      <c r="H6" s="45">
        <v>227446.87</v>
      </c>
      <c r="I6" s="45">
        <v>74583.55</v>
      </c>
      <c r="J6" s="45">
        <v>114815.07</v>
      </c>
      <c r="K6" s="45">
        <v>153353.07</v>
      </c>
      <c r="L6" s="45">
        <v>244881.44</v>
      </c>
      <c r="M6" s="45">
        <v>76060.350000000006</v>
      </c>
      <c r="N6" s="45">
        <v>147301.44</v>
      </c>
      <c r="O6" s="45">
        <f>SUM(O3:O5)</f>
        <v>1803105.37</v>
      </c>
    </row>
    <row r="7" spans="1:17" ht="18.75" customHeight="1">
      <c r="A7" s="46"/>
      <c r="B7" s="47"/>
      <c r="C7" s="48"/>
      <c r="D7" s="48"/>
      <c r="E7" s="48"/>
      <c r="F7" s="48"/>
      <c r="G7" s="48"/>
      <c r="H7" s="48"/>
      <c r="I7" s="48"/>
      <c r="J7" s="48"/>
      <c r="K7" s="48"/>
      <c r="L7" s="48"/>
      <c r="M7" s="48"/>
      <c r="N7" s="48"/>
      <c r="O7" s="41"/>
    </row>
    <row r="8" spans="1:17" ht="18.75" customHeight="1" thickBot="1">
      <c r="A8" s="70" t="s">
        <v>385</v>
      </c>
      <c r="B8" s="71"/>
      <c r="C8" s="71"/>
      <c r="D8" s="71"/>
      <c r="E8" s="71"/>
      <c r="F8" s="71"/>
      <c r="G8" s="71"/>
      <c r="H8" s="71"/>
      <c r="I8" s="71"/>
      <c r="J8" s="71"/>
      <c r="K8" s="71"/>
      <c r="L8" s="71"/>
      <c r="M8" s="71"/>
      <c r="N8" s="71"/>
    </row>
    <row r="9" spans="1:17" ht="18.75" customHeight="1" thickBot="1">
      <c r="A9" s="72" t="s">
        <v>365</v>
      </c>
      <c r="B9" s="73"/>
      <c r="C9" s="39" t="s">
        <v>366</v>
      </c>
      <c r="D9" s="39" t="s">
        <v>367</v>
      </c>
      <c r="E9" s="39" t="s">
        <v>368</v>
      </c>
      <c r="F9" s="39" t="s">
        <v>369</v>
      </c>
      <c r="G9" s="39" t="s">
        <v>370</v>
      </c>
      <c r="H9" s="39" t="s">
        <v>371</v>
      </c>
      <c r="I9" s="39" t="s">
        <v>372</v>
      </c>
      <c r="J9" s="39" t="s">
        <v>373</v>
      </c>
      <c r="K9" s="39" t="s">
        <v>374</v>
      </c>
      <c r="L9" s="39" t="s">
        <v>375</v>
      </c>
      <c r="M9" s="39" t="s">
        <v>376</v>
      </c>
      <c r="N9" s="39" t="s">
        <v>377</v>
      </c>
      <c r="O9" s="39"/>
      <c r="P9" s="37" t="s">
        <v>384</v>
      </c>
      <c r="Q9" s="37" t="s">
        <v>434</v>
      </c>
    </row>
    <row r="10" spans="1:17" ht="18.75" customHeight="1" thickBot="1">
      <c r="A10" s="39" t="s">
        <v>386</v>
      </c>
      <c r="B10" s="39" t="s">
        <v>387</v>
      </c>
      <c r="C10" s="43">
        <v>1350</v>
      </c>
      <c r="D10" s="43">
        <v>375</v>
      </c>
      <c r="E10" s="43">
        <v>225</v>
      </c>
      <c r="F10" s="43">
        <v>325</v>
      </c>
      <c r="G10" s="43">
        <v>1250</v>
      </c>
      <c r="H10" s="43">
        <v>3550</v>
      </c>
      <c r="I10" s="43">
        <v>1675</v>
      </c>
      <c r="J10" s="43">
        <v>725</v>
      </c>
      <c r="K10" s="43">
        <v>550</v>
      </c>
      <c r="L10" s="43">
        <v>275</v>
      </c>
      <c r="M10" s="43">
        <v>375</v>
      </c>
      <c r="N10" s="43">
        <v>875</v>
      </c>
      <c r="O10" s="43">
        <f>SUM(C10:N10)</f>
        <v>11550</v>
      </c>
      <c r="P10" s="55">
        <f>'451 by tariff'!B30</f>
        <v>11550</v>
      </c>
      <c r="Q10" s="55">
        <f>SUM('451 by tariff'!B2:B9)</f>
        <v>9300</v>
      </c>
    </row>
    <row r="11" spans="1:17" ht="18.75" customHeight="1" thickBot="1">
      <c r="A11" s="42" t="s">
        <v>388</v>
      </c>
      <c r="B11" s="42" t="s">
        <v>389</v>
      </c>
      <c r="C11" s="40">
        <v>4277.8</v>
      </c>
      <c r="D11" s="40">
        <v>4336.3999999999996</v>
      </c>
      <c r="E11" s="40">
        <v>4526.8500000000004</v>
      </c>
      <c r="F11" s="40">
        <v>5171.45</v>
      </c>
      <c r="G11" s="40">
        <v>5552.35</v>
      </c>
      <c r="H11" s="40">
        <v>5918.6</v>
      </c>
      <c r="I11" s="40">
        <v>4731.95</v>
      </c>
      <c r="J11" s="40">
        <v>4131.3</v>
      </c>
      <c r="K11" s="40">
        <v>4673.3500000000004</v>
      </c>
      <c r="L11" s="40">
        <v>4365.7</v>
      </c>
      <c r="M11" s="40">
        <v>4585.45</v>
      </c>
      <c r="N11" s="40">
        <v>4673.3500000000004</v>
      </c>
      <c r="O11" s="40">
        <f t="shared" ref="O11:O16" si="1">SUM(C11:N11)</f>
        <v>56944.549999999988</v>
      </c>
      <c r="P11" s="55">
        <f>'451 by tariff'!E30</f>
        <v>56944.55</v>
      </c>
      <c r="Q11" s="55">
        <f>SUM('451 by tariff'!E2:E9)</f>
        <v>50703.65</v>
      </c>
    </row>
    <row r="12" spans="1:17" ht="18.75" customHeight="1" thickBot="1">
      <c r="A12" s="42" t="s">
        <v>390</v>
      </c>
      <c r="B12" s="42" t="s">
        <v>391</v>
      </c>
      <c r="C12" s="40">
        <v>2109.58</v>
      </c>
      <c r="D12" s="40">
        <v>6477.42</v>
      </c>
      <c r="E12" s="40">
        <v>7556.25</v>
      </c>
      <c r="F12" s="40">
        <v>10823.55</v>
      </c>
      <c r="G12" s="40">
        <v>5116.9399999999996</v>
      </c>
      <c r="H12" s="40">
        <v>7003.77</v>
      </c>
      <c r="I12" s="40">
        <v>9333.49</v>
      </c>
      <c r="J12" s="40">
        <v>8367.17</v>
      </c>
      <c r="K12" s="40">
        <v>5330.19</v>
      </c>
      <c r="L12" s="40">
        <v>4906.4399999999996</v>
      </c>
      <c r="M12" s="40">
        <v>2711.24</v>
      </c>
      <c r="N12" s="40">
        <v>4616.22</v>
      </c>
      <c r="O12" s="40">
        <f t="shared" si="1"/>
        <v>74352.259999999995</v>
      </c>
      <c r="P12" s="55">
        <f>'451 by tariff'!D30</f>
        <v>74352.259999999995</v>
      </c>
      <c r="Q12" s="55">
        <f>SUM('451 by tariff'!D2:D9)</f>
        <v>68807.320000000007</v>
      </c>
    </row>
    <row r="13" spans="1:17" ht="18.75" customHeight="1" thickBot="1">
      <c r="A13" s="42" t="s">
        <v>392</v>
      </c>
      <c r="B13" s="42" t="s">
        <v>393</v>
      </c>
      <c r="C13" s="40">
        <v>4117.3</v>
      </c>
      <c r="D13" s="40">
        <v>5375.7</v>
      </c>
      <c r="E13" s="40">
        <v>3732.1</v>
      </c>
      <c r="F13" s="40">
        <v>3532.1</v>
      </c>
      <c r="G13" s="40">
        <v>3538.3</v>
      </c>
      <c r="H13" s="40">
        <v>5718.1</v>
      </c>
      <c r="I13" s="40">
        <v>5667.5</v>
      </c>
      <c r="J13" s="40">
        <v>2811.1</v>
      </c>
      <c r="K13" s="40">
        <v>1222.2</v>
      </c>
      <c r="L13" s="40">
        <v>1898.1</v>
      </c>
      <c r="M13" s="40">
        <v>3422.8</v>
      </c>
      <c r="N13" s="40">
        <v>4898.6000000000004</v>
      </c>
      <c r="O13" s="40">
        <f t="shared" si="1"/>
        <v>45933.899999999994</v>
      </c>
      <c r="P13" s="55">
        <f>'451 by tariff'!C30</f>
        <v>45933.9</v>
      </c>
      <c r="Q13" s="55">
        <f>SUM('451 by tariff'!C2:C9)</f>
        <v>42767.6</v>
      </c>
    </row>
    <row r="14" spans="1:17" ht="18.75" customHeight="1" thickBot="1">
      <c r="A14" s="42" t="s">
        <v>394</v>
      </c>
      <c r="B14" s="42" t="s">
        <v>395</v>
      </c>
      <c r="C14" s="40">
        <v>7364.9</v>
      </c>
      <c r="D14" s="40">
        <v>7364.9</v>
      </c>
      <c r="E14" s="40">
        <v>7176.9</v>
      </c>
      <c r="F14" s="40">
        <v>5066.6000000000004</v>
      </c>
      <c r="G14" s="40">
        <v>4009.1</v>
      </c>
      <c r="H14" s="43">
        <v>7144</v>
      </c>
      <c r="I14" s="40">
        <v>7867.8</v>
      </c>
      <c r="J14" s="40">
        <v>4314.6000000000004</v>
      </c>
      <c r="K14" s="40">
        <v>3374.6</v>
      </c>
      <c r="L14" s="40">
        <v>3849.3</v>
      </c>
      <c r="M14" s="40">
        <v>5301.6</v>
      </c>
      <c r="N14" s="43">
        <v>4512</v>
      </c>
      <c r="O14" s="43">
        <f t="shared" si="1"/>
        <v>67346.299999999988</v>
      </c>
      <c r="P14" s="55">
        <f>'451 by tariff'!F30</f>
        <v>67346.3</v>
      </c>
      <c r="Q14" s="55">
        <f>SUM('451 by tariff'!F2:F9)</f>
        <v>60794.499999999993</v>
      </c>
    </row>
    <row r="15" spans="1:17" ht="18.75" customHeight="1" thickBot="1">
      <c r="A15" s="42" t="s">
        <v>396</v>
      </c>
      <c r="B15" s="42" t="s">
        <v>397</v>
      </c>
      <c r="C15" s="43">
        <v>96</v>
      </c>
      <c r="D15" s="43">
        <v>144</v>
      </c>
      <c r="E15" s="49"/>
      <c r="F15" s="43">
        <v>48</v>
      </c>
      <c r="G15" s="43">
        <v>48</v>
      </c>
      <c r="H15" s="43">
        <v>144</v>
      </c>
      <c r="I15" s="43">
        <v>192</v>
      </c>
      <c r="J15" s="43">
        <v>48</v>
      </c>
      <c r="K15" s="43">
        <v>96</v>
      </c>
      <c r="L15" s="43">
        <v>144</v>
      </c>
      <c r="M15" s="43">
        <v>336</v>
      </c>
      <c r="N15" s="43">
        <v>192</v>
      </c>
      <c r="O15" s="43">
        <f t="shared" si="1"/>
        <v>1488</v>
      </c>
      <c r="P15" s="55">
        <f>'451 by tariff'!G30</f>
        <v>1488</v>
      </c>
      <c r="Q15" s="55">
        <f>SUM('451 by tariff'!G2:G9)</f>
        <v>1248</v>
      </c>
    </row>
    <row r="16" spans="1:17" ht="18.75" customHeight="1" thickBot="1">
      <c r="A16" s="42" t="s">
        <v>398</v>
      </c>
      <c r="B16" s="42" t="s">
        <v>399</v>
      </c>
      <c r="C16" s="49"/>
      <c r="D16" s="49"/>
      <c r="E16" s="49"/>
      <c r="F16" s="49"/>
      <c r="G16" s="49"/>
      <c r="H16" s="49"/>
      <c r="I16" s="49"/>
      <c r="J16" s="49"/>
      <c r="K16" s="49"/>
      <c r="L16" s="40">
        <v>4.7</v>
      </c>
      <c r="M16" s="49"/>
      <c r="N16" s="49"/>
      <c r="O16" s="49">
        <f t="shared" si="1"/>
        <v>4.7</v>
      </c>
      <c r="P16" s="55">
        <f>'451 by tariff'!H30</f>
        <v>4.7</v>
      </c>
      <c r="Q16" s="55">
        <f>SUM('451 by tariff'!H2:H9)</f>
        <v>4.7</v>
      </c>
    </row>
    <row r="17" spans="1:17" ht="18.75" customHeight="1" thickBot="1">
      <c r="A17" s="68" t="s">
        <v>384</v>
      </c>
      <c r="B17" s="69"/>
      <c r="C17" s="45">
        <v>19315.580000000002</v>
      </c>
      <c r="D17" s="45">
        <v>24073.42</v>
      </c>
      <c r="E17" s="45">
        <v>23217.1</v>
      </c>
      <c r="F17" s="45">
        <v>24966.7</v>
      </c>
      <c r="G17" s="45">
        <v>19514.689999999999</v>
      </c>
      <c r="H17" s="45">
        <v>29478.47</v>
      </c>
      <c r="I17" s="45">
        <v>29467.74</v>
      </c>
      <c r="J17" s="45">
        <v>20397.169999999998</v>
      </c>
      <c r="K17" s="45">
        <v>15246.34</v>
      </c>
      <c r="L17" s="45">
        <v>15443.24</v>
      </c>
      <c r="M17" s="45">
        <v>16732.09</v>
      </c>
      <c r="N17" s="45">
        <v>19767.169999999998</v>
      </c>
      <c r="O17" s="45">
        <f>SUM(O10:O16)</f>
        <v>257619.71</v>
      </c>
      <c r="P17" s="55">
        <f>SUM(P10:P16)</f>
        <v>257619.71000000002</v>
      </c>
      <c r="Q17" s="55">
        <f>SUM(Q10:Q16)</f>
        <v>233625.77000000002</v>
      </c>
    </row>
    <row r="18" spans="1:17" ht="12.75" customHeight="1">
      <c r="P18" s="55"/>
    </row>
    <row r="19" spans="1:17" ht="12.75" customHeight="1">
      <c r="Q19" s="56">
        <f>SUM('451 by tariff'!I2:I9)-Q17</f>
        <v>0</v>
      </c>
    </row>
    <row r="22" spans="1:17" ht="12.75" customHeight="1">
      <c r="O22" s="41"/>
    </row>
    <row r="25" spans="1:17" ht="12.75" customHeight="1">
      <c r="O25" s="41"/>
    </row>
  </sheetData>
  <mergeCells count="6">
    <mergeCell ref="A17:B17"/>
    <mergeCell ref="A1:N1"/>
    <mergeCell ref="A2:B2"/>
    <mergeCell ref="A6:B6"/>
    <mergeCell ref="A8:N8"/>
    <mergeCell ref="A9:B9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1EAFFE6-C858-48CD-BAFD-B79B11512B3C}">
  <sheetPr filterMode="1"/>
  <dimension ref="A1:K2184"/>
  <sheetViews>
    <sheetView workbookViewId="0">
      <selection activeCell="G2191" sqref="G2191"/>
    </sheetView>
  </sheetViews>
  <sheetFormatPr defaultRowHeight="12.75" customHeight="1"/>
  <cols>
    <col min="1" max="1" width="7.453125" style="52" bestFit="1" customWidth="1"/>
    <col min="2" max="3" width="10" style="52" bestFit="1" customWidth="1"/>
    <col min="4" max="4" width="12.453125" style="52" bestFit="1" customWidth="1"/>
    <col min="5" max="5" width="13.7265625" style="52" bestFit="1" customWidth="1"/>
    <col min="6" max="6" width="12.453125" style="52" bestFit="1" customWidth="1"/>
    <col min="7" max="7" width="41.6328125" style="52" bestFit="1" customWidth="1"/>
    <col min="8" max="8" width="15" style="52" bestFit="1" customWidth="1"/>
    <col min="9" max="9" width="10" style="52" bestFit="1" customWidth="1"/>
    <col min="10" max="10" width="17.54296875" style="52" bestFit="1" customWidth="1"/>
    <col min="11" max="11" width="13.7265625" style="52" bestFit="1" customWidth="1"/>
    <col min="12" max="16384" width="8.7265625" style="52"/>
  </cols>
  <sheetData>
    <row r="1" spans="1:11" ht="18.75" customHeight="1" thickBot="1">
      <c r="A1" s="58" t="s">
        <v>438</v>
      </c>
      <c r="B1" s="58" t="s">
        <v>439</v>
      </c>
      <c r="C1" s="58" t="s">
        <v>440</v>
      </c>
      <c r="D1" s="58" t="s">
        <v>441</v>
      </c>
      <c r="E1" s="58" t="s">
        <v>442</v>
      </c>
      <c r="F1" s="58" t="s">
        <v>443</v>
      </c>
      <c r="G1" s="58" t="s">
        <v>444</v>
      </c>
      <c r="H1" s="58" t="s">
        <v>445</v>
      </c>
      <c r="I1" s="58" t="s">
        <v>446</v>
      </c>
      <c r="J1" s="58" t="s">
        <v>447</v>
      </c>
      <c r="K1" s="58" t="s">
        <v>365</v>
      </c>
    </row>
    <row r="2" spans="1:11" ht="18.75" hidden="1" customHeight="1" thickBot="1">
      <c r="A2" s="59" t="s">
        <v>448</v>
      </c>
      <c r="B2" s="59" t="s">
        <v>28</v>
      </c>
      <c r="C2" s="59" t="s">
        <v>28</v>
      </c>
      <c r="D2" s="59" t="s">
        <v>366</v>
      </c>
      <c r="E2" s="59" t="s">
        <v>378</v>
      </c>
      <c r="F2" s="59" t="s">
        <v>449</v>
      </c>
      <c r="G2" s="59" t="s">
        <v>450</v>
      </c>
      <c r="H2" s="60">
        <v>10</v>
      </c>
      <c r="I2" s="60">
        <v>15</v>
      </c>
      <c r="J2" s="61">
        <v>0</v>
      </c>
      <c r="K2" s="61">
        <v>-17.97</v>
      </c>
    </row>
    <row r="3" spans="1:11" ht="18.75" hidden="1" customHeight="1" thickBot="1">
      <c r="A3" s="59" t="s">
        <v>448</v>
      </c>
      <c r="B3" s="59" t="s">
        <v>28</v>
      </c>
      <c r="C3" s="59" t="s">
        <v>28</v>
      </c>
      <c r="D3" s="59" t="s">
        <v>366</v>
      </c>
      <c r="E3" s="59" t="s">
        <v>378</v>
      </c>
      <c r="F3" s="59" t="s">
        <v>449</v>
      </c>
      <c r="G3" s="59" t="s">
        <v>450</v>
      </c>
      <c r="H3" s="60">
        <v>10</v>
      </c>
      <c r="I3" s="60">
        <v>22</v>
      </c>
      <c r="J3" s="61">
        <v>0</v>
      </c>
      <c r="K3" s="61">
        <v>-10.18</v>
      </c>
    </row>
    <row r="4" spans="1:11" ht="18.75" hidden="1" customHeight="1" thickBot="1">
      <c r="A4" s="59" t="s">
        <v>448</v>
      </c>
      <c r="B4" s="59" t="s">
        <v>28</v>
      </c>
      <c r="C4" s="59" t="s">
        <v>28</v>
      </c>
      <c r="D4" s="59" t="s">
        <v>366</v>
      </c>
      <c r="E4" s="59" t="s">
        <v>378</v>
      </c>
      <c r="F4" s="59" t="s">
        <v>449</v>
      </c>
      <c r="G4" s="59" t="s">
        <v>450</v>
      </c>
      <c r="H4" s="60">
        <v>10</v>
      </c>
      <c r="I4" s="60">
        <v>94</v>
      </c>
      <c r="J4" s="61">
        <v>0</v>
      </c>
      <c r="K4" s="61">
        <v>-13.3</v>
      </c>
    </row>
    <row r="5" spans="1:11" ht="18.75" hidden="1" customHeight="1" thickBot="1">
      <c r="A5" s="59" t="s">
        <v>448</v>
      </c>
      <c r="B5" s="59" t="s">
        <v>28</v>
      </c>
      <c r="C5" s="59" t="s">
        <v>28</v>
      </c>
      <c r="D5" s="59" t="s">
        <v>366</v>
      </c>
      <c r="E5" s="59" t="s">
        <v>378</v>
      </c>
      <c r="F5" s="59" t="s">
        <v>449</v>
      </c>
      <c r="G5" s="59" t="s">
        <v>450</v>
      </c>
      <c r="H5" s="60">
        <v>10</v>
      </c>
      <c r="I5" s="60">
        <v>97</v>
      </c>
      <c r="J5" s="61">
        <v>0</v>
      </c>
      <c r="K5" s="61">
        <v>-0.72</v>
      </c>
    </row>
    <row r="6" spans="1:11" ht="18.75" hidden="1" customHeight="1" thickBot="1">
      <c r="A6" s="59" t="s">
        <v>448</v>
      </c>
      <c r="B6" s="59" t="s">
        <v>28</v>
      </c>
      <c r="C6" s="59" t="s">
        <v>28</v>
      </c>
      <c r="D6" s="59" t="s">
        <v>366</v>
      </c>
      <c r="E6" s="59" t="s">
        <v>378</v>
      </c>
      <c r="F6" s="59" t="s">
        <v>449</v>
      </c>
      <c r="G6" s="59" t="s">
        <v>450</v>
      </c>
      <c r="H6" s="60">
        <v>10</v>
      </c>
      <c r="I6" s="60">
        <v>107</v>
      </c>
      <c r="J6" s="61">
        <v>0</v>
      </c>
      <c r="K6" s="61">
        <v>-0.87</v>
      </c>
    </row>
    <row r="7" spans="1:11" ht="18.75" hidden="1" customHeight="1" thickBot="1">
      <c r="A7" s="59" t="s">
        <v>448</v>
      </c>
      <c r="B7" s="59" t="s">
        <v>28</v>
      </c>
      <c r="C7" s="59" t="s">
        <v>28</v>
      </c>
      <c r="D7" s="59" t="s">
        <v>366</v>
      </c>
      <c r="E7" s="59" t="s">
        <v>378</v>
      </c>
      <c r="F7" s="59" t="s">
        <v>449</v>
      </c>
      <c r="G7" s="59" t="s">
        <v>450</v>
      </c>
      <c r="H7" s="60">
        <v>10</v>
      </c>
      <c r="I7" s="60">
        <v>109</v>
      </c>
      <c r="J7" s="61">
        <v>0</v>
      </c>
      <c r="K7" s="61">
        <v>-6.83</v>
      </c>
    </row>
    <row r="8" spans="1:11" ht="18.75" hidden="1" customHeight="1" thickBot="1">
      <c r="A8" s="59" t="s">
        <v>448</v>
      </c>
      <c r="B8" s="59" t="s">
        <v>28</v>
      </c>
      <c r="C8" s="59" t="s">
        <v>28</v>
      </c>
      <c r="D8" s="59" t="s">
        <v>366</v>
      </c>
      <c r="E8" s="59" t="s">
        <v>378</v>
      </c>
      <c r="F8" s="59" t="s">
        <v>449</v>
      </c>
      <c r="G8" s="59" t="s">
        <v>450</v>
      </c>
      <c r="H8" s="60">
        <v>10</v>
      </c>
      <c r="I8" s="60">
        <v>113</v>
      </c>
      <c r="J8" s="61">
        <v>0</v>
      </c>
      <c r="K8" s="61">
        <v>-11.34</v>
      </c>
    </row>
    <row r="9" spans="1:11" ht="18.75" hidden="1" customHeight="1" thickBot="1">
      <c r="A9" s="59" t="s">
        <v>448</v>
      </c>
      <c r="B9" s="59" t="s">
        <v>28</v>
      </c>
      <c r="C9" s="59" t="s">
        <v>28</v>
      </c>
      <c r="D9" s="59" t="s">
        <v>366</v>
      </c>
      <c r="E9" s="59" t="s">
        <v>378</v>
      </c>
      <c r="F9" s="59" t="s">
        <v>449</v>
      </c>
      <c r="G9" s="59" t="s">
        <v>450</v>
      </c>
      <c r="H9" s="60">
        <v>10</v>
      </c>
      <c r="I9" s="60">
        <v>150</v>
      </c>
      <c r="J9" s="61">
        <v>0</v>
      </c>
      <c r="K9" s="61">
        <v>-0.82</v>
      </c>
    </row>
    <row r="10" spans="1:11" ht="18.75" hidden="1" customHeight="1" thickBot="1">
      <c r="A10" s="59" t="s">
        <v>448</v>
      </c>
      <c r="B10" s="59" t="s">
        <v>28</v>
      </c>
      <c r="C10" s="59" t="s">
        <v>28</v>
      </c>
      <c r="D10" s="59" t="s">
        <v>366</v>
      </c>
      <c r="E10" s="59" t="s">
        <v>378</v>
      </c>
      <c r="F10" s="59" t="s">
        <v>449</v>
      </c>
      <c r="G10" s="59" t="s">
        <v>450</v>
      </c>
      <c r="H10" s="60">
        <v>20</v>
      </c>
      <c r="I10" s="60">
        <v>15</v>
      </c>
      <c r="J10" s="61">
        <v>0</v>
      </c>
      <c r="K10" s="61">
        <v>-5.32</v>
      </c>
    </row>
    <row r="11" spans="1:11" ht="18.75" hidden="1" customHeight="1" thickBot="1">
      <c r="A11" s="59" t="s">
        <v>448</v>
      </c>
      <c r="B11" s="59" t="s">
        <v>28</v>
      </c>
      <c r="C11" s="59" t="s">
        <v>28</v>
      </c>
      <c r="D11" s="59" t="s">
        <v>366</v>
      </c>
      <c r="E11" s="59" t="s">
        <v>378</v>
      </c>
      <c r="F11" s="59" t="s">
        <v>449</v>
      </c>
      <c r="G11" s="59" t="s">
        <v>450</v>
      </c>
      <c r="H11" s="60">
        <v>20</v>
      </c>
      <c r="I11" s="60">
        <v>22</v>
      </c>
      <c r="J11" s="61">
        <v>0</v>
      </c>
      <c r="K11" s="61">
        <v>-34.6</v>
      </c>
    </row>
    <row r="12" spans="1:11" ht="18.75" hidden="1" customHeight="1" thickBot="1">
      <c r="A12" s="59" t="s">
        <v>448</v>
      </c>
      <c r="B12" s="59" t="s">
        <v>28</v>
      </c>
      <c r="C12" s="59" t="s">
        <v>28</v>
      </c>
      <c r="D12" s="59" t="s">
        <v>366</v>
      </c>
      <c r="E12" s="59" t="s">
        <v>378</v>
      </c>
      <c r="F12" s="59" t="s">
        <v>449</v>
      </c>
      <c r="G12" s="59" t="s">
        <v>450</v>
      </c>
      <c r="H12" s="60">
        <v>20</v>
      </c>
      <c r="I12" s="60">
        <v>94</v>
      </c>
      <c r="J12" s="61">
        <v>0</v>
      </c>
      <c r="K12" s="61">
        <v>-5.54</v>
      </c>
    </row>
    <row r="13" spans="1:11" ht="18.75" hidden="1" customHeight="1" thickBot="1">
      <c r="A13" s="59" t="s">
        <v>448</v>
      </c>
      <c r="B13" s="59" t="s">
        <v>28</v>
      </c>
      <c r="C13" s="59" t="s">
        <v>28</v>
      </c>
      <c r="D13" s="59" t="s">
        <v>366</v>
      </c>
      <c r="E13" s="59" t="s">
        <v>378</v>
      </c>
      <c r="F13" s="59" t="s">
        <v>449</v>
      </c>
      <c r="G13" s="59" t="s">
        <v>450</v>
      </c>
      <c r="H13" s="60">
        <v>20</v>
      </c>
      <c r="I13" s="60">
        <v>111</v>
      </c>
      <c r="J13" s="61">
        <v>0</v>
      </c>
      <c r="K13" s="61">
        <v>-1.93</v>
      </c>
    </row>
    <row r="14" spans="1:11" ht="18.75" hidden="1" customHeight="1" thickBot="1">
      <c r="A14" s="59" t="s">
        <v>448</v>
      </c>
      <c r="B14" s="59" t="s">
        <v>28</v>
      </c>
      <c r="C14" s="59" t="s">
        <v>28</v>
      </c>
      <c r="D14" s="59" t="s">
        <v>366</v>
      </c>
      <c r="E14" s="59" t="s">
        <v>378</v>
      </c>
      <c r="F14" s="59" t="s">
        <v>449</v>
      </c>
      <c r="G14" s="59" t="s">
        <v>450</v>
      </c>
      <c r="H14" s="60">
        <v>20</v>
      </c>
      <c r="I14" s="60">
        <v>113</v>
      </c>
      <c r="J14" s="61">
        <v>0</v>
      </c>
      <c r="K14" s="61">
        <v>-12.08</v>
      </c>
    </row>
    <row r="15" spans="1:11" ht="18.75" hidden="1" customHeight="1" thickBot="1">
      <c r="A15" s="59" t="s">
        <v>448</v>
      </c>
      <c r="B15" s="59" t="s">
        <v>28</v>
      </c>
      <c r="C15" s="59" t="s">
        <v>28</v>
      </c>
      <c r="D15" s="59" t="s">
        <v>366</v>
      </c>
      <c r="E15" s="59" t="s">
        <v>378</v>
      </c>
      <c r="F15" s="59" t="s">
        <v>449</v>
      </c>
      <c r="G15" s="59" t="s">
        <v>450</v>
      </c>
      <c r="H15" s="60">
        <v>20</v>
      </c>
      <c r="I15" s="60">
        <v>150</v>
      </c>
      <c r="J15" s="61">
        <v>0</v>
      </c>
      <c r="K15" s="61">
        <v>-2.74</v>
      </c>
    </row>
    <row r="16" spans="1:11" ht="18.75" hidden="1" customHeight="1" thickBot="1">
      <c r="A16" s="59" t="s">
        <v>448</v>
      </c>
      <c r="B16" s="59" t="s">
        <v>28</v>
      </c>
      <c r="C16" s="59" t="s">
        <v>28</v>
      </c>
      <c r="D16" s="59" t="s">
        <v>366</v>
      </c>
      <c r="E16" s="59" t="s">
        <v>378</v>
      </c>
      <c r="F16" s="59" t="s">
        <v>449</v>
      </c>
      <c r="G16" s="59" t="s">
        <v>450</v>
      </c>
      <c r="H16" s="60">
        <v>211</v>
      </c>
      <c r="I16" s="60">
        <v>93</v>
      </c>
      <c r="J16" s="61">
        <v>0</v>
      </c>
      <c r="K16" s="61">
        <v>-4.9000000000000004</v>
      </c>
    </row>
    <row r="17" spans="1:11" ht="18.75" hidden="1" customHeight="1" thickBot="1">
      <c r="A17" s="59" t="s">
        <v>448</v>
      </c>
      <c r="B17" s="59" t="s">
        <v>28</v>
      </c>
      <c r="C17" s="59" t="s">
        <v>28</v>
      </c>
      <c r="D17" s="59" t="s">
        <v>366</v>
      </c>
      <c r="E17" s="59" t="s">
        <v>378</v>
      </c>
      <c r="F17" s="59" t="s">
        <v>449</v>
      </c>
      <c r="G17" s="59" t="s">
        <v>450</v>
      </c>
      <c r="H17" s="60">
        <v>211</v>
      </c>
      <c r="I17" s="60">
        <v>94</v>
      </c>
      <c r="J17" s="61">
        <v>0</v>
      </c>
      <c r="K17" s="61">
        <v>-23.34</v>
      </c>
    </row>
    <row r="18" spans="1:11" ht="18.75" hidden="1" customHeight="1" thickBot="1">
      <c r="A18" s="59" t="s">
        <v>448</v>
      </c>
      <c r="B18" s="59" t="s">
        <v>28</v>
      </c>
      <c r="C18" s="59" t="s">
        <v>28</v>
      </c>
      <c r="D18" s="59" t="s">
        <v>366</v>
      </c>
      <c r="E18" s="59" t="s">
        <v>378</v>
      </c>
      <c r="F18" s="59" t="s">
        <v>449</v>
      </c>
      <c r="G18" s="59" t="s">
        <v>450</v>
      </c>
      <c r="H18" s="60">
        <v>211</v>
      </c>
      <c r="I18" s="60">
        <v>95</v>
      </c>
      <c r="J18" s="61">
        <v>0</v>
      </c>
      <c r="K18" s="61">
        <v>-1.46</v>
      </c>
    </row>
    <row r="19" spans="1:11" ht="18.75" hidden="1" customHeight="1" thickBot="1">
      <c r="A19" s="59" t="s">
        <v>448</v>
      </c>
      <c r="B19" s="59" t="s">
        <v>28</v>
      </c>
      <c r="C19" s="59" t="s">
        <v>28</v>
      </c>
      <c r="D19" s="59" t="s">
        <v>366</v>
      </c>
      <c r="E19" s="59" t="s">
        <v>378</v>
      </c>
      <c r="F19" s="59" t="s">
        <v>449</v>
      </c>
      <c r="G19" s="59" t="s">
        <v>450</v>
      </c>
      <c r="H19" s="60">
        <v>211</v>
      </c>
      <c r="I19" s="60">
        <v>97</v>
      </c>
      <c r="J19" s="61">
        <v>0</v>
      </c>
      <c r="K19" s="61">
        <v>-31.67</v>
      </c>
    </row>
    <row r="20" spans="1:11" ht="18.75" hidden="1" customHeight="1" thickBot="1">
      <c r="A20" s="59" t="s">
        <v>448</v>
      </c>
      <c r="B20" s="59" t="s">
        <v>28</v>
      </c>
      <c r="C20" s="59" t="s">
        <v>28</v>
      </c>
      <c r="D20" s="59" t="s">
        <v>366</v>
      </c>
      <c r="E20" s="59" t="s">
        <v>378</v>
      </c>
      <c r="F20" s="59" t="s">
        <v>449</v>
      </c>
      <c r="G20" s="59" t="s">
        <v>450</v>
      </c>
      <c r="H20" s="60">
        <v>211</v>
      </c>
      <c r="I20" s="60">
        <v>107</v>
      </c>
      <c r="J20" s="61">
        <v>0</v>
      </c>
      <c r="K20" s="61">
        <v>-15.74</v>
      </c>
    </row>
    <row r="21" spans="1:11" ht="18.75" hidden="1" customHeight="1" thickBot="1">
      <c r="A21" s="59" t="s">
        <v>448</v>
      </c>
      <c r="B21" s="59" t="s">
        <v>28</v>
      </c>
      <c r="C21" s="59" t="s">
        <v>28</v>
      </c>
      <c r="D21" s="59" t="s">
        <v>366</v>
      </c>
      <c r="E21" s="59" t="s">
        <v>378</v>
      </c>
      <c r="F21" s="59" t="s">
        <v>449</v>
      </c>
      <c r="G21" s="59" t="s">
        <v>450</v>
      </c>
      <c r="H21" s="60">
        <v>211</v>
      </c>
      <c r="I21" s="60">
        <v>109</v>
      </c>
      <c r="J21" s="61">
        <v>0</v>
      </c>
      <c r="K21" s="61">
        <v>-120.51</v>
      </c>
    </row>
    <row r="22" spans="1:11" ht="18.75" hidden="1" customHeight="1" thickBot="1">
      <c r="A22" s="59" t="s">
        <v>448</v>
      </c>
      <c r="B22" s="59" t="s">
        <v>28</v>
      </c>
      <c r="C22" s="59" t="s">
        <v>28</v>
      </c>
      <c r="D22" s="59" t="s">
        <v>366</v>
      </c>
      <c r="E22" s="59" t="s">
        <v>378</v>
      </c>
      <c r="F22" s="59" t="s">
        <v>449</v>
      </c>
      <c r="G22" s="59" t="s">
        <v>450</v>
      </c>
      <c r="H22" s="60">
        <v>211</v>
      </c>
      <c r="I22" s="60">
        <v>111</v>
      </c>
      <c r="J22" s="61">
        <v>0</v>
      </c>
      <c r="K22" s="61">
        <v>-12.18</v>
      </c>
    </row>
    <row r="23" spans="1:11" ht="18.75" hidden="1" customHeight="1" thickBot="1">
      <c r="A23" s="59" t="s">
        <v>448</v>
      </c>
      <c r="B23" s="59" t="s">
        <v>28</v>
      </c>
      <c r="C23" s="59" t="s">
        <v>28</v>
      </c>
      <c r="D23" s="59" t="s">
        <v>366</v>
      </c>
      <c r="E23" s="59" t="s">
        <v>378</v>
      </c>
      <c r="F23" s="59" t="s">
        <v>449</v>
      </c>
      <c r="G23" s="59" t="s">
        <v>450</v>
      </c>
      <c r="H23" s="60">
        <v>211</v>
      </c>
      <c r="I23" s="60">
        <v>113</v>
      </c>
      <c r="J23" s="61">
        <v>0</v>
      </c>
      <c r="K23" s="61">
        <v>-50.64</v>
      </c>
    </row>
    <row r="24" spans="1:11" ht="18.75" hidden="1" customHeight="1" thickBot="1">
      <c r="A24" s="59" t="s">
        <v>448</v>
      </c>
      <c r="B24" s="59" t="s">
        <v>28</v>
      </c>
      <c r="C24" s="59" t="s">
        <v>28</v>
      </c>
      <c r="D24" s="59" t="s">
        <v>366</v>
      </c>
      <c r="E24" s="59" t="s">
        <v>378</v>
      </c>
      <c r="F24" s="59" t="s">
        <v>449</v>
      </c>
      <c r="G24" s="59" t="s">
        <v>450</v>
      </c>
      <c r="H24" s="60">
        <v>211</v>
      </c>
      <c r="I24" s="60">
        <v>116</v>
      </c>
      <c r="J24" s="61">
        <v>0</v>
      </c>
      <c r="K24" s="61">
        <v>-17.63</v>
      </c>
    </row>
    <row r="25" spans="1:11" ht="18.75" hidden="1" customHeight="1" thickBot="1">
      <c r="A25" s="59" t="s">
        <v>448</v>
      </c>
      <c r="B25" s="59" t="s">
        <v>28</v>
      </c>
      <c r="C25" s="59" t="s">
        <v>28</v>
      </c>
      <c r="D25" s="59" t="s">
        <v>366</v>
      </c>
      <c r="E25" s="59" t="s">
        <v>378</v>
      </c>
      <c r="F25" s="59" t="s">
        <v>449</v>
      </c>
      <c r="G25" s="59" t="s">
        <v>450</v>
      </c>
      <c r="H25" s="60">
        <v>211</v>
      </c>
      <c r="I25" s="60">
        <v>122</v>
      </c>
      <c r="J25" s="61">
        <v>0</v>
      </c>
      <c r="K25" s="61">
        <v>-16.91</v>
      </c>
    </row>
    <row r="26" spans="1:11" ht="18.75" hidden="1" customHeight="1" thickBot="1">
      <c r="A26" s="59" t="s">
        <v>448</v>
      </c>
      <c r="B26" s="59" t="s">
        <v>28</v>
      </c>
      <c r="C26" s="59" t="s">
        <v>28</v>
      </c>
      <c r="D26" s="59" t="s">
        <v>366</v>
      </c>
      <c r="E26" s="59" t="s">
        <v>378</v>
      </c>
      <c r="F26" s="59" t="s">
        <v>449</v>
      </c>
      <c r="G26" s="59" t="s">
        <v>450</v>
      </c>
      <c r="H26" s="60">
        <v>211</v>
      </c>
      <c r="I26" s="60">
        <v>131</v>
      </c>
      <c r="J26" s="61">
        <v>0</v>
      </c>
      <c r="K26" s="61">
        <v>-25.38</v>
      </c>
    </row>
    <row r="27" spans="1:11" ht="18.75" hidden="1" customHeight="1" thickBot="1">
      <c r="A27" s="59" t="s">
        <v>448</v>
      </c>
      <c r="B27" s="59" t="s">
        <v>28</v>
      </c>
      <c r="C27" s="59" t="s">
        <v>28</v>
      </c>
      <c r="D27" s="59" t="s">
        <v>366</v>
      </c>
      <c r="E27" s="59" t="s">
        <v>378</v>
      </c>
      <c r="F27" s="59" t="s">
        <v>449</v>
      </c>
      <c r="G27" s="59" t="s">
        <v>450</v>
      </c>
      <c r="H27" s="60">
        <v>211</v>
      </c>
      <c r="I27" s="60">
        <v>150</v>
      </c>
      <c r="J27" s="61">
        <v>0</v>
      </c>
      <c r="K27" s="61">
        <v>-4.34</v>
      </c>
    </row>
    <row r="28" spans="1:11" ht="18.75" hidden="1" customHeight="1" thickBot="1">
      <c r="A28" s="59" t="s">
        <v>448</v>
      </c>
      <c r="B28" s="59" t="s">
        <v>28</v>
      </c>
      <c r="C28" s="59" t="s">
        <v>28</v>
      </c>
      <c r="D28" s="59" t="s">
        <v>366</v>
      </c>
      <c r="E28" s="59" t="s">
        <v>378</v>
      </c>
      <c r="F28" s="59" t="s">
        <v>449</v>
      </c>
      <c r="G28" s="59" t="s">
        <v>450</v>
      </c>
      <c r="H28" s="60">
        <v>211</v>
      </c>
      <c r="I28" s="60">
        <v>204</v>
      </c>
      <c r="J28" s="61">
        <v>0</v>
      </c>
      <c r="K28" s="61">
        <v>-21.06</v>
      </c>
    </row>
    <row r="29" spans="1:11" ht="18.75" hidden="1" customHeight="1" thickBot="1">
      <c r="A29" s="59" t="s">
        <v>448</v>
      </c>
      <c r="B29" s="59" t="s">
        <v>28</v>
      </c>
      <c r="C29" s="59" t="s">
        <v>28</v>
      </c>
      <c r="D29" s="59" t="s">
        <v>366</v>
      </c>
      <c r="E29" s="59" t="s">
        <v>378</v>
      </c>
      <c r="F29" s="59" t="s">
        <v>449</v>
      </c>
      <c r="G29" s="59" t="s">
        <v>450</v>
      </c>
      <c r="H29" s="60">
        <v>211</v>
      </c>
      <c r="I29" s="60">
        <v>211</v>
      </c>
      <c r="J29" s="61">
        <v>0</v>
      </c>
      <c r="K29" s="61">
        <v>-4065.79</v>
      </c>
    </row>
    <row r="30" spans="1:11" ht="18.75" hidden="1" customHeight="1" thickBot="1">
      <c r="A30" s="59" t="s">
        <v>448</v>
      </c>
      <c r="B30" s="59" t="s">
        <v>28</v>
      </c>
      <c r="C30" s="59" t="s">
        <v>28</v>
      </c>
      <c r="D30" s="59" t="s">
        <v>366</v>
      </c>
      <c r="E30" s="59" t="s">
        <v>378</v>
      </c>
      <c r="F30" s="59" t="s">
        <v>449</v>
      </c>
      <c r="G30" s="59" t="s">
        <v>450</v>
      </c>
      <c r="H30" s="60">
        <v>211</v>
      </c>
      <c r="I30" s="60">
        <v>213</v>
      </c>
      <c r="J30" s="61">
        <v>0</v>
      </c>
      <c r="K30" s="61">
        <v>-37</v>
      </c>
    </row>
    <row r="31" spans="1:11" ht="18.75" hidden="1" customHeight="1" thickBot="1">
      <c r="A31" s="59" t="s">
        <v>448</v>
      </c>
      <c r="B31" s="59" t="s">
        <v>28</v>
      </c>
      <c r="C31" s="59" t="s">
        <v>28</v>
      </c>
      <c r="D31" s="59" t="s">
        <v>366</v>
      </c>
      <c r="E31" s="59" t="s">
        <v>378</v>
      </c>
      <c r="F31" s="59" t="s">
        <v>449</v>
      </c>
      <c r="G31" s="59" t="s">
        <v>450</v>
      </c>
      <c r="H31" s="60">
        <v>211</v>
      </c>
      <c r="I31" s="60">
        <v>215</v>
      </c>
      <c r="J31" s="61">
        <v>0</v>
      </c>
      <c r="K31" s="61">
        <v>-4909.96</v>
      </c>
    </row>
    <row r="32" spans="1:11" ht="18.75" hidden="1" customHeight="1" thickBot="1">
      <c r="A32" s="59" t="s">
        <v>448</v>
      </c>
      <c r="B32" s="59" t="s">
        <v>28</v>
      </c>
      <c r="C32" s="59" t="s">
        <v>28</v>
      </c>
      <c r="D32" s="59" t="s">
        <v>366</v>
      </c>
      <c r="E32" s="59" t="s">
        <v>378</v>
      </c>
      <c r="F32" s="59" t="s">
        <v>449</v>
      </c>
      <c r="G32" s="59" t="s">
        <v>450</v>
      </c>
      <c r="H32" s="60">
        <v>211</v>
      </c>
      <c r="I32" s="60">
        <v>217</v>
      </c>
      <c r="J32" s="61">
        <v>0</v>
      </c>
      <c r="K32" s="61">
        <v>-198.76</v>
      </c>
    </row>
    <row r="33" spans="1:11" ht="18.75" hidden="1" customHeight="1" thickBot="1">
      <c r="A33" s="59" t="s">
        <v>448</v>
      </c>
      <c r="B33" s="59" t="s">
        <v>28</v>
      </c>
      <c r="C33" s="59" t="s">
        <v>28</v>
      </c>
      <c r="D33" s="59" t="s">
        <v>366</v>
      </c>
      <c r="E33" s="59" t="s">
        <v>378</v>
      </c>
      <c r="F33" s="59" t="s">
        <v>449</v>
      </c>
      <c r="G33" s="59" t="s">
        <v>450</v>
      </c>
      <c r="H33" s="60">
        <v>211</v>
      </c>
      <c r="I33" s="60">
        <v>227</v>
      </c>
      <c r="J33" s="61">
        <v>0</v>
      </c>
      <c r="K33" s="61">
        <v>-12.57</v>
      </c>
    </row>
    <row r="34" spans="1:11" ht="18.75" hidden="1" customHeight="1" thickBot="1">
      <c r="A34" s="59" t="s">
        <v>448</v>
      </c>
      <c r="B34" s="59" t="s">
        <v>28</v>
      </c>
      <c r="C34" s="59" t="s">
        <v>28</v>
      </c>
      <c r="D34" s="59" t="s">
        <v>366</v>
      </c>
      <c r="E34" s="59" t="s">
        <v>378</v>
      </c>
      <c r="F34" s="59" t="s">
        <v>449</v>
      </c>
      <c r="G34" s="59" t="s">
        <v>450</v>
      </c>
      <c r="H34" s="60">
        <v>211</v>
      </c>
      <c r="I34" s="60">
        <v>229</v>
      </c>
      <c r="J34" s="61">
        <v>0</v>
      </c>
      <c r="K34" s="61">
        <v>-19.95</v>
      </c>
    </row>
    <row r="35" spans="1:11" ht="18.75" hidden="1" customHeight="1" thickBot="1">
      <c r="A35" s="59" t="s">
        <v>448</v>
      </c>
      <c r="B35" s="59" t="s">
        <v>28</v>
      </c>
      <c r="C35" s="59" t="s">
        <v>28</v>
      </c>
      <c r="D35" s="59" t="s">
        <v>366</v>
      </c>
      <c r="E35" s="59" t="s">
        <v>378</v>
      </c>
      <c r="F35" s="59" t="s">
        <v>449</v>
      </c>
      <c r="G35" s="59" t="s">
        <v>450</v>
      </c>
      <c r="H35" s="60">
        <v>211</v>
      </c>
      <c r="I35" s="60">
        <v>240</v>
      </c>
      <c r="J35" s="61">
        <v>0</v>
      </c>
      <c r="K35" s="61">
        <v>-5611</v>
      </c>
    </row>
    <row r="36" spans="1:11" ht="18.75" hidden="1" customHeight="1" thickBot="1">
      <c r="A36" s="59" t="s">
        <v>448</v>
      </c>
      <c r="B36" s="59" t="s">
        <v>28</v>
      </c>
      <c r="C36" s="59" t="s">
        <v>28</v>
      </c>
      <c r="D36" s="59" t="s">
        <v>366</v>
      </c>
      <c r="E36" s="59" t="s">
        <v>378</v>
      </c>
      <c r="F36" s="59" t="s">
        <v>449</v>
      </c>
      <c r="G36" s="59" t="s">
        <v>450</v>
      </c>
      <c r="H36" s="60">
        <v>211</v>
      </c>
      <c r="I36" s="60">
        <v>248</v>
      </c>
      <c r="J36" s="61">
        <v>0</v>
      </c>
      <c r="K36" s="61">
        <v>-304.54000000000002</v>
      </c>
    </row>
    <row r="37" spans="1:11" ht="18.75" hidden="1" customHeight="1" thickBot="1">
      <c r="A37" s="59" t="s">
        <v>448</v>
      </c>
      <c r="B37" s="59" t="s">
        <v>28</v>
      </c>
      <c r="C37" s="59" t="s">
        <v>28</v>
      </c>
      <c r="D37" s="59" t="s">
        <v>366</v>
      </c>
      <c r="E37" s="59" t="s">
        <v>378</v>
      </c>
      <c r="F37" s="59" t="s">
        <v>449</v>
      </c>
      <c r="G37" s="59" t="s">
        <v>450</v>
      </c>
      <c r="H37" s="60">
        <v>211</v>
      </c>
      <c r="I37" s="60">
        <v>359</v>
      </c>
      <c r="J37" s="61">
        <v>0</v>
      </c>
      <c r="K37" s="61">
        <v>-2558.92</v>
      </c>
    </row>
    <row r="38" spans="1:11" ht="18.75" hidden="1" customHeight="1" thickBot="1">
      <c r="A38" s="59" t="s">
        <v>448</v>
      </c>
      <c r="B38" s="59" t="s">
        <v>28</v>
      </c>
      <c r="C38" s="59" t="s">
        <v>28</v>
      </c>
      <c r="D38" s="59" t="s">
        <v>366</v>
      </c>
      <c r="E38" s="59" t="s">
        <v>378</v>
      </c>
      <c r="F38" s="59" t="s">
        <v>449</v>
      </c>
      <c r="G38" s="59" t="s">
        <v>450</v>
      </c>
      <c r="H38" s="60">
        <v>212</v>
      </c>
      <c r="I38" s="60">
        <v>94</v>
      </c>
      <c r="J38" s="61">
        <v>0</v>
      </c>
      <c r="K38" s="61">
        <v>-6.93</v>
      </c>
    </row>
    <row r="39" spans="1:11" ht="18.75" hidden="1" customHeight="1" thickBot="1">
      <c r="A39" s="59" t="s">
        <v>448</v>
      </c>
      <c r="B39" s="59" t="s">
        <v>28</v>
      </c>
      <c r="C39" s="59" t="s">
        <v>28</v>
      </c>
      <c r="D39" s="59" t="s">
        <v>366</v>
      </c>
      <c r="E39" s="59" t="s">
        <v>378</v>
      </c>
      <c r="F39" s="59" t="s">
        <v>449</v>
      </c>
      <c r="G39" s="59" t="s">
        <v>450</v>
      </c>
      <c r="H39" s="60">
        <v>212</v>
      </c>
      <c r="I39" s="60">
        <v>109</v>
      </c>
      <c r="J39" s="61">
        <v>0</v>
      </c>
      <c r="K39" s="61">
        <v>-34.630000000000003</v>
      </c>
    </row>
    <row r="40" spans="1:11" ht="18.75" hidden="1" customHeight="1" thickBot="1">
      <c r="A40" s="59" t="s">
        <v>448</v>
      </c>
      <c r="B40" s="59" t="s">
        <v>28</v>
      </c>
      <c r="C40" s="59" t="s">
        <v>28</v>
      </c>
      <c r="D40" s="59" t="s">
        <v>366</v>
      </c>
      <c r="E40" s="59" t="s">
        <v>378</v>
      </c>
      <c r="F40" s="59" t="s">
        <v>449</v>
      </c>
      <c r="G40" s="59" t="s">
        <v>450</v>
      </c>
      <c r="H40" s="60">
        <v>212</v>
      </c>
      <c r="I40" s="60">
        <v>113</v>
      </c>
      <c r="J40" s="61">
        <v>0</v>
      </c>
      <c r="K40" s="61">
        <v>-0.72</v>
      </c>
    </row>
    <row r="41" spans="1:11" ht="18.75" hidden="1" customHeight="1" thickBot="1">
      <c r="A41" s="59" t="s">
        <v>448</v>
      </c>
      <c r="B41" s="59" t="s">
        <v>28</v>
      </c>
      <c r="C41" s="59" t="s">
        <v>28</v>
      </c>
      <c r="D41" s="59" t="s">
        <v>366</v>
      </c>
      <c r="E41" s="59" t="s">
        <v>378</v>
      </c>
      <c r="F41" s="59" t="s">
        <v>449</v>
      </c>
      <c r="G41" s="59" t="s">
        <v>450</v>
      </c>
      <c r="H41" s="60">
        <v>212</v>
      </c>
      <c r="I41" s="60">
        <v>150</v>
      </c>
      <c r="J41" s="61">
        <v>0</v>
      </c>
      <c r="K41" s="61">
        <v>-0.91</v>
      </c>
    </row>
    <row r="42" spans="1:11" ht="18.75" hidden="1" customHeight="1" thickBot="1">
      <c r="A42" s="59" t="s">
        <v>448</v>
      </c>
      <c r="B42" s="59" t="s">
        <v>28</v>
      </c>
      <c r="C42" s="59" t="s">
        <v>28</v>
      </c>
      <c r="D42" s="59" t="s">
        <v>366</v>
      </c>
      <c r="E42" s="59" t="s">
        <v>378</v>
      </c>
      <c r="F42" s="59" t="s">
        <v>449</v>
      </c>
      <c r="G42" s="59" t="s">
        <v>450</v>
      </c>
      <c r="H42" s="60">
        <v>212</v>
      </c>
      <c r="I42" s="60">
        <v>211</v>
      </c>
      <c r="J42" s="61">
        <v>0</v>
      </c>
      <c r="K42" s="61">
        <v>-910.52</v>
      </c>
    </row>
    <row r="43" spans="1:11" ht="18.75" hidden="1" customHeight="1" thickBot="1">
      <c r="A43" s="59" t="s">
        <v>448</v>
      </c>
      <c r="B43" s="59" t="s">
        <v>28</v>
      </c>
      <c r="C43" s="59" t="s">
        <v>28</v>
      </c>
      <c r="D43" s="59" t="s">
        <v>366</v>
      </c>
      <c r="E43" s="59" t="s">
        <v>378</v>
      </c>
      <c r="F43" s="59" t="s">
        <v>449</v>
      </c>
      <c r="G43" s="59" t="s">
        <v>450</v>
      </c>
      <c r="H43" s="60">
        <v>212</v>
      </c>
      <c r="I43" s="60">
        <v>215</v>
      </c>
      <c r="J43" s="61">
        <v>0</v>
      </c>
      <c r="K43" s="61">
        <v>-5133.66</v>
      </c>
    </row>
    <row r="44" spans="1:11" ht="18.75" hidden="1" customHeight="1" thickBot="1">
      <c r="A44" s="59" t="s">
        <v>448</v>
      </c>
      <c r="B44" s="59" t="s">
        <v>28</v>
      </c>
      <c r="C44" s="59" t="s">
        <v>28</v>
      </c>
      <c r="D44" s="59" t="s">
        <v>366</v>
      </c>
      <c r="E44" s="59" t="s">
        <v>378</v>
      </c>
      <c r="F44" s="59" t="s">
        <v>449</v>
      </c>
      <c r="G44" s="59" t="s">
        <v>450</v>
      </c>
      <c r="H44" s="60">
        <v>212</v>
      </c>
      <c r="I44" s="60">
        <v>217</v>
      </c>
      <c r="J44" s="61">
        <v>0</v>
      </c>
      <c r="K44" s="61">
        <v>-46.34</v>
      </c>
    </row>
    <row r="45" spans="1:11" ht="18.75" hidden="1" customHeight="1" thickBot="1">
      <c r="A45" s="59" t="s">
        <v>448</v>
      </c>
      <c r="B45" s="59" t="s">
        <v>28</v>
      </c>
      <c r="C45" s="59" t="s">
        <v>28</v>
      </c>
      <c r="D45" s="59" t="s">
        <v>366</v>
      </c>
      <c r="E45" s="59" t="s">
        <v>378</v>
      </c>
      <c r="F45" s="59" t="s">
        <v>449</v>
      </c>
      <c r="G45" s="59" t="s">
        <v>450</v>
      </c>
      <c r="H45" s="60">
        <v>212</v>
      </c>
      <c r="I45" s="60">
        <v>225</v>
      </c>
      <c r="J45" s="61">
        <v>0</v>
      </c>
      <c r="K45" s="61">
        <v>-37.22</v>
      </c>
    </row>
    <row r="46" spans="1:11" ht="18.75" hidden="1" customHeight="1" thickBot="1">
      <c r="A46" s="59" t="s">
        <v>448</v>
      </c>
      <c r="B46" s="59" t="s">
        <v>28</v>
      </c>
      <c r="C46" s="59" t="s">
        <v>28</v>
      </c>
      <c r="D46" s="59" t="s">
        <v>366</v>
      </c>
      <c r="E46" s="59" t="s">
        <v>378</v>
      </c>
      <c r="F46" s="59" t="s">
        <v>449</v>
      </c>
      <c r="G46" s="59" t="s">
        <v>450</v>
      </c>
      <c r="H46" s="60">
        <v>212</v>
      </c>
      <c r="I46" s="60">
        <v>227</v>
      </c>
      <c r="J46" s="61">
        <v>0</v>
      </c>
      <c r="K46" s="61">
        <v>-18.61</v>
      </c>
    </row>
    <row r="47" spans="1:11" ht="18.75" hidden="1" customHeight="1" thickBot="1">
      <c r="A47" s="59" t="s">
        <v>448</v>
      </c>
      <c r="B47" s="59" t="s">
        <v>28</v>
      </c>
      <c r="C47" s="59" t="s">
        <v>28</v>
      </c>
      <c r="D47" s="59" t="s">
        <v>366</v>
      </c>
      <c r="E47" s="59" t="s">
        <v>378</v>
      </c>
      <c r="F47" s="59" t="s">
        <v>449</v>
      </c>
      <c r="G47" s="59" t="s">
        <v>450</v>
      </c>
      <c r="H47" s="60">
        <v>212</v>
      </c>
      <c r="I47" s="60">
        <v>229</v>
      </c>
      <c r="J47" s="61">
        <v>0</v>
      </c>
      <c r="K47" s="61">
        <v>-16.329999999999998</v>
      </c>
    </row>
    <row r="48" spans="1:11" ht="18.75" hidden="1" customHeight="1" thickBot="1">
      <c r="A48" s="59" t="s">
        <v>448</v>
      </c>
      <c r="B48" s="59" t="s">
        <v>28</v>
      </c>
      <c r="C48" s="59" t="s">
        <v>28</v>
      </c>
      <c r="D48" s="59" t="s">
        <v>366</v>
      </c>
      <c r="E48" s="59" t="s">
        <v>378</v>
      </c>
      <c r="F48" s="59" t="s">
        <v>449</v>
      </c>
      <c r="G48" s="59" t="s">
        <v>450</v>
      </c>
      <c r="H48" s="60">
        <v>212</v>
      </c>
      <c r="I48" s="60">
        <v>240</v>
      </c>
      <c r="J48" s="61">
        <v>0</v>
      </c>
      <c r="K48" s="61">
        <v>-1678.11</v>
      </c>
    </row>
    <row r="49" spans="1:11" ht="18.75" hidden="1" customHeight="1" thickBot="1">
      <c r="A49" s="59" t="s">
        <v>448</v>
      </c>
      <c r="B49" s="59" t="s">
        <v>28</v>
      </c>
      <c r="C49" s="59" t="s">
        <v>28</v>
      </c>
      <c r="D49" s="59" t="s">
        <v>366</v>
      </c>
      <c r="E49" s="59" t="s">
        <v>378</v>
      </c>
      <c r="F49" s="59" t="s">
        <v>449</v>
      </c>
      <c r="G49" s="59" t="s">
        <v>450</v>
      </c>
      <c r="H49" s="60">
        <v>212</v>
      </c>
      <c r="I49" s="60">
        <v>248</v>
      </c>
      <c r="J49" s="61">
        <v>0</v>
      </c>
      <c r="K49" s="61">
        <v>-839.68</v>
      </c>
    </row>
    <row r="50" spans="1:11" ht="18.75" hidden="1" customHeight="1" thickBot="1">
      <c r="A50" s="59" t="s">
        <v>448</v>
      </c>
      <c r="B50" s="59" t="s">
        <v>28</v>
      </c>
      <c r="C50" s="59" t="s">
        <v>28</v>
      </c>
      <c r="D50" s="59" t="s">
        <v>366</v>
      </c>
      <c r="E50" s="59" t="s">
        <v>378</v>
      </c>
      <c r="F50" s="59" t="s">
        <v>449</v>
      </c>
      <c r="G50" s="59" t="s">
        <v>450</v>
      </c>
      <c r="H50" s="60">
        <v>216</v>
      </c>
      <c r="I50" s="60">
        <v>113</v>
      </c>
      <c r="J50" s="61">
        <v>0</v>
      </c>
      <c r="K50" s="61">
        <v>-0.09</v>
      </c>
    </row>
    <row r="51" spans="1:11" ht="18.75" hidden="1" customHeight="1" thickBot="1">
      <c r="A51" s="59" t="s">
        <v>448</v>
      </c>
      <c r="B51" s="59" t="s">
        <v>28</v>
      </c>
      <c r="C51" s="59" t="s">
        <v>28</v>
      </c>
      <c r="D51" s="59" t="s">
        <v>366</v>
      </c>
      <c r="E51" s="59" t="s">
        <v>378</v>
      </c>
      <c r="F51" s="59" t="s">
        <v>449</v>
      </c>
      <c r="G51" s="59" t="s">
        <v>450</v>
      </c>
      <c r="H51" s="60">
        <v>216</v>
      </c>
      <c r="I51" s="60">
        <v>211</v>
      </c>
      <c r="J51" s="61">
        <v>0</v>
      </c>
      <c r="K51" s="61">
        <v>-20.21</v>
      </c>
    </row>
    <row r="52" spans="1:11" ht="18.75" hidden="1" customHeight="1" thickBot="1">
      <c r="A52" s="59" t="s">
        <v>448</v>
      </c>
      <c r="B52" s="59" t="s">
        <v>28</v>
      </c>
      <c r="C52" s="59" t="s">
        <v>28</v>
      </c>
      <c r="D52" s="59" t="s">
        <v>366</v>
      </c>
      <c r="E52" s="59" t="s">
        <v>378</v>
      </c>
      <c r="F52" s="59" t="s">
        <v>449</v>
      </c>
      <c r="G52" s="59" t="s">
        <v>450</v>
      </c>
      <c r="H52" s="60">
        <v>216</v>
      </c>
      <c r="I52" s="60">
        <v>215</v>
      </c>
      <c r="J52" s="61">
        <v>0</v>
      </c>
      <c r="K52" s="61">
        <v>-26.89</v>
      </c>
    </row>
    <row r="53" spans="1:11" ht="18.75" hidden="1" customHeight="1" thickBot="1">
      <c r="A53" s="59" t="s">
        <v>448</v>
      </c>
      <c r="B53" s="59" t="s">
        <v>28</v>
      </c>
      <c r="C53" s="59" t="s">
        <v>28</v>
      </c>
      <c r="D53" s="59" t="s">
        <v>366</v>
      </c>
      <c r="E53" s="59" t="s">
        <v>378</v>
      </c>
      <c r="F53" s="59" t="s">
        <v>449</v>
      </c>
      <c r="G53" s="59" t="s">
        <v>450</v>
      </c>
      <c r="H53" s="60">
        <v>221</v>
      </c>
      <c r="I53" s="60">
        <v>95</v>
      </c>
      <c r="J53" s="61">
        <v>0</v>
      </c>
      <c r="K53" s="61">
        <v>-4.32</v>
      </c>
    </row>
    <row r="54" spans="1:11" ht="18.75" hidden="1" customHeight="1" thickBot="1">
      <c r="A54" s="59" t="s">
        <v>448</v>
      </c>
      <c r="B54" s="59" t="s">
        <v>28</v>
      </c>
      <c r="C54" s="59" t="s">
        <v>28</v>
      </c>
      <c r="D54" s="59" t="s">
        <v>366</v>
      </c>
      <c r="E54" s="59" t="s">
        <v>378</v>
      </c>
      <c r="F54" s="59" t="s">
        <v>449</v>
      </c>
      <c r="G54" s="59" t="s">
        <v>450</v>
      </c>
      <c r="H54" s="60">
        <v>221</v>
      </c>
      <c r="I54" s="60">
        <v>97</v>
      </c>
      <c r="J54" s="61">
        <v>0</v>
      </c>
      <c r="K54" s="61">
        <v>-1.84</v>
      </c>
    </row>
    <row r="55" spans="1:11" ht="18.75" hidden="1" customHeight="1" thickBot="1">
      <c r="A55" s="59" t="s">
        <v>448</v>
      </c>
      <c r="B55" s="59" t="s">
        <v>28</v>
      </c>
      <c r="C55" s="59" t="s">
        <v>28</v>
      </c>
      <c r="D55" s="59" t="s">
        <v>366</v>
      </c>
      <c r="E55" s="59" t="s">
        <v>378</v>
      </c>
      <c r="F55" s="59" t="s">
        <v>449</v>
      </c>
      <c r="G55" s="59" t="s">
        <v>450</v>
      </c>
      <c r="H55" s="60">
        <v>221</v>
      </c>
      <c r="I55" s="60">
        <v>107</v>
      </c>
      <c r="J55" s="61">
        <v>0</v>
      </c>
      <c r="K55" s="61">
        <v>-4.7</v>
      </c>
    </row>
    <row r="56" spans="1:11" ht="18.75" hidden="1" customHeight="1" thickBot="1">
      <c r="A56" s="59" t="s">
        <v>448</v>
      </c>
      <c r="B56" s="59" t="s">
        <v>28</v>
      </c>
      <c r="C56" s="59" t="s">
        <v>28</v>
      </c>
      <c r="D56" s="59" t="s">
        <v>366</v>
      </c>
      <c r="E56" s="59" t="s">
        <v>378</v>
      </c>
      <c r="F56" s="59" t="s">
        <v>449</v>
      </c>
      <c r="G56" s="59" t="s">
        <v>450</v>
      </c>
      <c r="H56" s="60">
        <v>221</v>
      </c>
      <c r="I56" s="60">
        <v>113</v>
      </c>
      <c r="J56" s="61">
        <v>0</v>
      </c>
      <c r="K56" s="61">
        <v>-1.74</v>
      </c>
    </row>
    <row r="57" spans="1:11" ht="18.75" hidden="1" customHeight="1" thickBot="1">
      <c r="A57" s="59" t="s">
        <v>448</v>
      </c>
      <c r="B57" s="59" t="s">
        <v>28</v>
      </c>
      <c r="C57" s="59" t="s">
        <v>28</v>
      </c>
      <c r="D57" s="59" t="s">
        <v>366</v>
      </c>
      <c r="E57" s="59" t="s">
        <v>378</v>
      </c>
      <c r="F57" s="59" t="s">
        <v>449</v>
      </c>
      <c r="G57" s="59" t="s">
        <v>450</v>
      </c>
      <c r="H57" s="60">
        <v>221</v>
      </c>
      <c r="I57" s="60">
        <v>211</v>
      </c>
      <c r="J57" s="61">
        <v>0</v>
      </c>
      <c r="K57" s="61">
        <v>-391.89</v>
      </c>
    </row>
    <row r="58" spans="1:11" ht="18.75" hidden="1" customHeight="1" thickBot="1">
      <c r="A58" s="59" t="s">
        <v>448</v>
      </c>
      <c r="B58" s="59" t="s">
        <v>28</v>
      </c>
      <c r="C58" s="59" t="s">
        <v>28</v>
      </c>
      <c r="D58" s="59" t="s">
        <v>366</v>
      </c>
      <c r="E58" s="59" t="s">
        <v>378</v>
      </c>
      <c r="F58" s="59" t="s">
        <v>449</v>
      </c>
      <c r="G58" s="59" t="s">
        <v>450</v>
      </c>
      <c r="H58" s="60">
        <v>221</v>
      </c>
      <c r="I58" s="60">
        <v>215</v>
      </c>
      <c r="J58" s="61">
        <v>0</v>
      </c>
      <c r="K58" s="61">
        <v>-2090.9499999999998</v>
      </c>
    </row>
    <row r="59" spans="1:11" ht="18.75" hidden="1" customHeight="1" thickBot="1">
      <c r="A59" s="59" t="s">
        <v>448</v>
      </c>
      <c r="B59" s="59" t="s">
        <v>28</v>
      </c>
      <c r="C59" s="59" t="s">
        <v>28</v>
      </c>
      <c r="D59" s="59" t="s">
        <v>366</v>
      </c>
      <c r="E59" s="59" t="s">
        <v>378</v>
      </c>
      <c r="F59" s="59" t="s">
        <v>449</v>
      </c>
      <c r="G59" s="59" t="s">
        <v>450</v>
      </c>
      <c r="H59" s="60">
        <v>221</v>
      </c>
      <c r="I59" s="60">
        <v>220</v>
      </c>
      <c r="J59" s="61">
        <v>0</v>
      </c>
      <c r="K59" s="61">
        <v>-103.46</v>
      </c>
    </row>
    <row r="60" spans="1:11" ht="18.75" hidden="1" customHeight="1" thickBot="1">
      <c r="A60" s="59" t="s">
        <v>448</v>
      </c>
      <c r="B60" s="59" t="s">
        <v>28</v>
      </c>
      <c r="C60" s="59" t="s">
        <v>28</v>
      </c>
      <c r="D60" s="59" t="s">
        <v>366</v>
      </c>
      <c r="E60" s="59" t="s">
        <v>378</v>
      </c>
      <c r="F60" s="59" t="s">
        <v>449</v>
      </c>
      <c r="G60" s="59" t="s">
        <v>450</v>
      </c>
      <c r="H60" s="60">
        <v>221</v>
      </c>
      <c r="I60" s="60">
        <v>240</v>
      </c>
      <c r="J60" s="61">
        <v>0</v>
      </c>
      <c r="K60" s="61">
        <v>-1460.13</v>
      </c>
    </row>
    <row r="61" spans="1:11" ht="18.75" hidden="1" customHeight="1" thickBot="1">
      <c r="A61" s="59" t="s">
        <v>448</v>
      </c>
      <c r="B61" s="59" t="s">
        <v>28</v>
      </c>
      <c r="C61" s="59" t="s">
        <v>28</v>
      </c>
      <c r="D61" s="59" t="s">
        <v>366</v>
      </c>
      <c r="E61" s="59" t="s">
        <v>378</v>
      </c>
      <c r="F61" s="59" t="s">
        <v>449</v>
      </c>
      <c r="G61" s="59" t="s">
        <v>450</v>
      </c>
      <c r="H61" s="60">
        <v>221</v>
      </c>
      <c r="I61" s="60">
        <v>244</v>
      </c>
      <c r="J61" s="61">
        <v>0</v>
      </c>
      <c r="K61" s="61">
        <v>-874.2</v>
      </c>
    </row>
    <row r="62" spans="1:11" ht="18.75" hidden="1" customHeight="1" thickBot="1">
      <c r="A62" s="59" t="s">
        <v>448</v>
      </c>
      <c r="B62" s="59" t="s">
        <v>28</v>
      </c>
      <c r="C62" s="59" t="s">
        <v>28</v>
      </c>
      <c r="D62" s="59" t="s">
        <v>366</v>
      </c>
      <c r="E62" s="59" t="s">
        <v>378</v>
      </c>
      <c r="F62" s="59" t="s">
        <v>449</v>
      </c>
      <c r="G62" s="59" t="s">
        <v>450</v>
      </c>
      <c r="H62" s="60">
        <v>221</v>
      </c>
      <c r="I62" s="60">
        <v>358</v>
      </c>
      <c r="J62" s="61">
        <v>0</v>
      </c>
      <c r="K62" s="61">
        <v>-6137.91</v>
      </c>
    </row>
    <row r="63" spans="1:11" ht="18.75" hidden="1" customHeight="1" thickBot="1">
      <c r="A63" s="59" t="s">
        <v>448</v>
      </c>
      <c r="B63" s="59" t="s">
        <v>28</v>
      </c>
      <c r="C63" s="59" t="s">
        <v>28</v>
      </c>
      <c r="D63" s="59" t="s">
        <v>366</v>
      </c>
      <c r="E63" s="59" t="s">
        <v>378</v>
      </c>
      <c r="F63" s="59" t="s">
        <v>449</v>
      </c>
      <c r="G63" s="59" t="s">
        <v>450</v>
      </c>
      <c r="H63" s="60">
        <v>222</v>
      </c>
      <c r="I63" s="60">
        <v>113</v>
      </c>
      <c r="J63" s="61">
        <v>0</v>
      </c>
      <c r="K63" s="61">
        <v>-4.95</v>
      </c>
    </row>
    <row r="64" spans="1:11" ht="18.75" hidden="1" customHeight="1" thickBot="1">
      <c r="A64" s="59" t="s">
        <v>448</v>
      </c>
      <c r="B64" s="59" t="s">
        <v>28</v>
      </c>
      <c r="C64" s="59" t="s">
        <v>28</v>
      </c>
      <c r="D64" s="59" t="s">
        <v>366</v>
      </c>
      <c r="E64" s="59" t="s">
        <v>378</v>
      </c>
      <c r="F64" s="59" t="s">
        <v>449</v>
      </c>
      <c r="G64" s="59" t="s">
        <v>450</v>
      </c>
      <c r="H64" s="60">
        <v>222</v>
      </c>
      <c r="I64" s="60">
        <v>211</v>
      </c>
      <c r="J64" s="61">
        <v>0</v>
      </c>
      <c r="K64" s="61">
        <v>-5.76</v>
      </c>
    </row>
    <row r="65" spans="1:11" ht="18.75" hidden="1" customHeight="1" thickBot="1">
      <c r="A65" s="59" t="s">
        <v>448</v>
      </c>
      <c r="B65" s="59" t="s">
        <v>28</v>
      </c>
      <c r="C65" s="59" t="s">
        <v>28</v>
      </c>
      <c r="D65" s="59" t="s">
        <v>366</v>
      </c>
      <c r="E65" s="59" t="s">
        <v>378</v>
      </c>
      <c r="F65" s="59" t="s">
        <v>449</v>
      </c>
      <c r="G65" s="59" t="s">
        <v>450</v>
      </c>
      <c r="H65" s="60">
        <v>222</v>
      </c>
      <c r="I65" s="60">
        <v>215</v>
      </c>
      <c r="J65" s="61">
        <v>0</v>
      </c>
      <c r="K65" s="61">
        <v>-183.46</v>
      </c>
    </row>
    <row r="66" spans="1:11" ht="18.75" hidden="1" customHeight="1" thickBot="1">
      <c r="A66" s="59" t="s">
        <v>448</v>
      </c>
      <c r="B66" s="59" t="s">
        <v>28</v>
      </c>
      <c r="C66" s="59" t="s">
        <v>28</v>
      </c>
      <c r="D66" s="59" t="s">
        <v>366</v>
      </c>
      <c r="E66" s="59" t="s">
        <v>378</v>
      </c>
      <c r="F66" s="59" t="s">
        <v>449</v>
      </c>
      <c r="G66" s="59" t="s">
        <v>450</v>
      </c>
      <c r="H66" s="60">
        <v>222</v>
      </c>
      <c r="I66" s="60">
        <v>240</v>
      </c>
      <c r="J66" s="61">
        <v>0</v>
      </c>
      <c r="K66" s="61">
        <v>-860.69</v>
      </c>
    </row>
    <row r="67" spans="1:11" ht="18.75" hidden="1" customHeight="1" thickBot="1">
      <c r="A67" s="59" t="s">
        <v>448</v>
      </c>
      <c r="B67" s="59" t="s">
        <v>28</v>
      </c>
      <c r="C67" s="59" t="s">
        <v>28</v>
      </c>
      <c r="D67" s="59" t="s">
        <v>366</v>
      </c>
      <c r="E67" s="59" t="s">
        <v>378</v>
      </c>
      <c r="F67" s="59" t="s">
        <v>449</v>
      </c>
      <c r="G67" s="59" t="s">
        <v>450</v>
      </c>
      <c r="H67" s="60">
        <v>230</v>
      </c>
      <c r="I67" s="60">
        <v>211</v>
      </c>
      <c r="J67" s="61">
        <v>0</v>
      </c>
      <c r="K67" s="61">
        <v>-9.7200000000000006</v>
      </c>
    </row>
    <row r="68" spans="1:11" ht="18.75" hidden="1" customHeight="1" thickBot="1">
      <c r="A68" s="59" t="s">
        <v>448</v>
      </c>
      <c r="B68" s="59" t="s">
        <v>28</v>
      </c>
      <c r="C68" s="59" t="s">
        <v>28</v>
      </c>
      <c r="D68" s="59" t="s">
        <v>366</v>
      </c>
      <c r="E68" s="59" t="s">
        <v>378</v>
      </c>
      <c r="F68" s="59" t="s">
        <v>449</v>
      </c>
      <c r="G68" s="59" t="s">
        <v>450</v>
      </c>
      <c r="H68" s="60">
        <v>230</v>
      </c>
      <c r="I68" s="60">
        <v>215</v>
      </c>
      <c r="J68" s="61">
        <v>0</v>
      </c>
      <c r="K68" s="61">
        <v>-62.26</v>
      </c>
    </row>
    <row r="69" spans="1:11" ht="18.75" hidden="1" customHeight="1" thickBot="1">
      <c r="A69" s="59" t="s">
        <v>448</v>
      </c>
      <c r="B69" s="59" t="s">
        <v>28</v>
      </c>
      <c r="C69" s="59" t="s">
        <v>28</v>
      </c>
      <c r="D69" s="59" t="s">
        <v>366</v>
      </c>
      <c r="E69" s="59" t="s">
        <v>378</v>
      </c>
      <c r="F69" s="59" t="s">
        <v>449</v>
      </c>
      <c r="G69" s="59" t="s">
        <v>450</v>
      </c>
      <c r="H69" s="60">
        <v>230</v>
      </c>
      <c r="I69" s="60">
        <v>220</v>
      </c>
      <c r="J69" s="61">
        <v>0</v>
      </c>
      <c r="K69" s="61">
        <v>-6.5</v>
      </c>
    </row>
    <row r="70" spans="1:11" ht="18.75" hidden="1" customHeight="1" thickBot="1">
      <c r="A70" s="59" t="s">
        <v>448</v>
      </c>
      <c r="B70" s="59" t="s">
        <v>28</v>
      </c>
      <c r="C70" s="59" t="s">
        <v>28</v>
      </c>
      <c r="D70" s="59" t="s">
        <v>366</v>
      </c>
      <c r="E70" s="59" t="s">
        <v>378</v>
      </c>
      <c r="F70" s="59" t="s">
        <v>449</v>
      </c>
      <c r="G70" s="59" t="s">
        <v>450</v>
      </c>
      <c r="H70" s="60">
        <v>230</v>
      </c>
      <c r="I70" s="60">
        <v>236</v>
      </c>
      <c r="J70" s="61">
        <v>0</v>
      </c>
      <c r="K70" s="61">
        <v>-185.13</v>
      </c>
    </row>
    <row r="71" spans="1:11" ht="18.75" hidden="1" customHeight="1" thickBot="1">
      <c r="A71" s="59" t="s">
        <v>448</v>
      </c>
      <c r="B71" s="59" t="s">
        <v>28</v>
      </c>
      <c r="C71" s="59" t="s">
        <v>28</v>
      </c>
      <c r="D71" s="59" t="s">
        <v>366</v>
      </c>
      <c r="E71" s="59" t="s">
        <v>378</v>
      </c>
      <c r="F71" s="59" t="s">
        <v>449</v>
      </c>
      <c r="G71" s="59" t="s">
        <v>450</v>
      </c>
      <c r="H71" s="60">
        <v>230</v>
      </c>
      <c r="I71" s="60">
        <v>244</v>
      </c>
      <c r="J71" s="61">
        <v>0</v>
      </c>
      <c r="K71" s="61">
        <v>-1582.62</v>
      </c>
    </row>
    <row r="72" spans="1:11" ht="18.75" hidden="1" customHeight="1" thickBot="1">
      <c r="A72" s="59" t="s">
        <v>448</v>
      </c>
      <c r="B72" s="59" t="s">
        <v>28</v>
      </c>
      <c r="C72" s="59" t="s">
        <v>28</v>
      </c>
      <c r="D72" s="59" t="s">
        <v>366</v>
      </c>
      <c r="E72" s="59" t="s">
        <v>378</v>
      </c>
      <c r="F72" s="59" t="s">
        <v>449</v>
      </c>
      <c r="G72" s="59" t="s">
        <v>450</v>
      </c>
      <c r="H72" s="60">
        <v>230</v>
      </c>
      <c r="I72" s="60">
        <v>358</v>
      </c>
      <c r="J72" s="61">
        <v>0</v>
      </c>
      <c r="K72" s="61">
        <v>-15204.61</v>
      </c>
    </row>
    <row r="73" spans="1:11" ht="18.75" customHeight="1" thickBot="1">
      <c r="A73" s="59" t="s">
        <v>448</v>
      </c>
      <c r="B73" s="59" t="s">
        <v>28</v>
      </c>
      <c r="C73" s="59" t="s">
        <v>28</v>
      </c>
      <c r="D73" s="59" t="s">
        <v>366</v>
      </c>
      <c r="E73" s="59" t="s">
        <v>380</v>
      </c>
      <c r="F73" s="59" t="s">
        <v>449</v>
      </c>
      <c r="G73" s="59" t="s">
        <v>450</v>
      </c>
      <c r="H73" s="60">
        <v>0</v>
      </c>
      <c r="I73" s="60">
        <v>0</v>
      </c>
      <c r="J73" s="61">
        <v>0</v>
      </c>
      <c r="K73" s="61">
        <v>451.23</v>
      </c>
    </row>
    <row r="74" spans="1:11" ht="18.75" customHeight="1" thickBot="1">
      <c r="A74" s="59" t="s">
        <v>448</v>
      </c>
      <c r="B74" s="59" t="s">
        <v>28</v>
      </c>
      <c r="C74" s="59" t="s">
        <v>28</v>
      </c>
      <c r="D74" s="59" t="s">
        <v>366</v>
      </c>
      <c r="E74" s="59" t="s">
        <v>380</v>
      </c>
      <c r="F74" s="59" t="s">
        <v>449</v>
      </c>
      <c r="G74" s="59" t="s">
        <v>450</v>
      </c>
      <c r="H74" s="60">
        <v>10</v>
      </c>
      <c r="I74" s="60">
        <v>15</v>
      </c>
      <c r="J74" s="61">
        <v>0</v>
      </c>
      <c r="K74" s="61">
        <v>277.08</v>
      </c>
    </row>
    <row r="75" spans="1:11" ht="18.75" customHeight="1" thickBot="1">
      <c r="A75" s="59" t="s">
        <v>448</v>
      </c>
      <c r="B75" s="59" t="s">
        <v>28</v>
      </c>
      <c r="C75" s="59" t="s">
        <v>28</v>
      </c>
      <c r="D75" s="59" t="s">
        <v>366</v>
      </c>
      <c r="E75" s="59" t="s">
        <v>380</v>
      </c>
      <c r="F75" s="59" t="s">
        <v>449</v>
      </c>
      <c r="G75" s="59" t="s">
        <v>450</v>
      </c>
      <c r="H75" s="60">
        <v>10</v>
      </c>
      <c r="I75" s="60">
        <v>22</v>
      </c>
      <c r="J75" s="61">
        <v>0</v>
      </c>
      <c r="K75" s="61">
        <v>135.33000000000001</v>
      </c>
    </row>
    <row r="76" spans="1:11" ht="18.75" customHeight="1" thickBot="1">
      <c r="A76" s="59" t="s">
        <v>448</v>
      </c>
      <c r="B76" s="59" t="s">
        <v>28</v>
      </c>
      <c r="C76" s="59" t="s">
        <v>28</v>
      </c>
      <c r="D76" s="59" t="s">
        <v>366</v>
      </c>
      <c r="E76" s="59" t="s">
        <v>380</v>
      </c>
      <c r="F76" s="59" t="s">
        <v>449</v>
      </c>
      <c r="G76" s="59" t="s">
        <v>450</v>
      </c>
      <c r="H76" s="60">
        <v>10</v>
      </c>
      <c r="I76" s="60">
        <v>93</v>
      </c>
      <c r="J76" s="61">
        <v>0</v>
      </c>
      <c r="K76" s="61">
        <v>8.5</v>
      </c>
    </row>
    <row r="77" spans="1:11" ht="18.75" customHeight="1" thickBot="1">
      <c r="A77" s="59" t="s">
        <v>448</v>
      </c>
      <c r="B77" s="59" t="s">
        <v>28</v>
      </c>
      <c r="C77" s="59" t="s">
        <v>28</v>
      </c>
      <c r="D77" s="59" t="s">
        <v>366</v>
      </c>
      <c r="E77" s="59" t="s">
        <v>380</v>
      </c>
      <c r="F77" s="59" t="s">
        <v>449</v>
      </c>
      <c r="G77" s="59" t="s">
        <v>450</v>
      </c>
      <c r="H77" s="60">
        <v>10</v>
      </c>
      <c r="I77" s="60">
        <v>94</v>
      </c>
      <c r="J77" s="61">
        <v>0</v>
      </c>
      <c r="K77" s="61">
        <v>168.58</v>
      </c>
    </row>
    <row r="78" spans="1:11" ht="18.75" customHeight="1" thickBot="1">
      <c r="A78" s="59" t="s">
        <v>448</v>
      </c>
      <c r="B78" s="59" t="s">
        <v>28</v>
      </c>
      <c r="C78" s="59" t="s">
        <v>28</v>
      </c>
      <c r="D78" s="59" t="s">
        <v>366</v>
      </c>
      <c r="E78" s="59" t="s">
        <v>380</v>
      </c>
      <c r="F78" s="59" t="s">
        <v>449</v>
      </c>
      <c r="G78" s="59" t="s">
        <v>450</v>
      </c>
      <c r="H78" s="60">
        <v>10</v>
      </c>
      <c r="I78" s="60">
        <v>97</v>
      </c>
      <c r="J78" s="61">
        <v>0</v>
      </c>
      <c r="K78" s="61">
        <v>7.82</v>
      </c>
    </row>
    <row r="79" spans="1:11" ht="18.75" customHeight="1" thickBot="1">
      <c r="A79" s="59" t="s">
        <v>448</v>
      </c>
      <c r="B79" s="59" t="s">
        <v>28</v>
      </c>
      <c r="C79" s="59" t="s">
        <v>28</v>
      </c>
      <c r="D79" s="59" t="s">
        <v>366</v>
      </c>
      <c r="E79" s="59" t="s">
        <v>380</v>
      </c>
      <c r="F79" s="59" t="s">
        <v>449</v>
      </c>
      <c r="G79" s="59" t="s">
        <v>450</v>
      </c>
      <c r="H79" s="60">
        <v>10</v>
      </c>
      <c r="I79" s="60">
        <v>107</v>
      </c>
      <c r="J79" s="61">
        <v>0</v>
      </c>
      <c r="K79" s="61">
        <v>5.8</v>
      </c>
    </row>
    <row r="80" spans="1:11" ht="18.75" customHeight="1" thickBot="1">
      <c r="A80" s="59" t="s">
        <v>448</v>
      </c>
      <c r="B80" s="59" t="s">
        <v>28</v>
      </c>
      <c r="C80" s="59" t="s">
        <v>28</v>
      </c>
      <c r="D80" s="59" t="s">
        <v>366</v>
      </c>
      <c r="E80" s="59" t="s">
        <v>380</v>
      </c>
      <c r="F80" s="59" t="s">
        <v>449</v>
      </c>
      <c r="G80" s="59" t="s">
        <v>450</v>
      </c>
      <c r="H80" s="60">
        <v>10</v>
      </c>
      <c r="I80" s="60">
        <v>109</v>
      </c>
      <c r="J80" s="61">
        <v>0</v>
      </c>
      <c r="K80" s="61">
        <v>17.739999999999998</v>
      </c>
    </row>
    <row r="81" spans="1:11" ht="18.75" customHeight="1" thickBot="1">
      <c r="A81" s="59" t="s">
        <v>448</v>
      </c>
      <c r="B81" s="59" t="s">
        <v>28</v>
      </c>
      <c r="C81" s="59" t="s">
        <v>28</v>
      </c>
      <c r="D81" s="59" t="s">
        <v>366</v>
      </c>
      <c r="E81" s="59" t="s">
        <v>380</v>
      </c>
      <c r="F81" s="59" t="s">
        <v>449</v>
      </c>
      <c r="G81" s="59" t="s">
        <v>450</v>
      </c>
      <c r="H81" s="60">
        <v>10</v>
      </c>
      <c r="I81" s="60">
        <v>111</v>
      </c>
      <c r="J81" s="61">
        <v>0</v>
      </c>
      <c r="K81" s="61">
        <v>3.22</v>
      </c>
    </row>
    <row r="82" spans="1:11" ht="18.75" customHeight="1" thickBot="1">
      <c r="A82" s="59" t="s">
        <v>448</v>
      </c>
      <c r="B82" s="59" t="s">
        <v>28</v>
      </c>
      <c r="C82" s="59" t="s">
        <v>28</v>
      </c>
      <c r="D82" s="59" t="s">
        <v>366</v>
      </c>
      <c r="E82" s="59" t="s">
        <v>380</v>
      </c>
      <c r="F82" s="59" t="s">
        <v>449</v>
      </c>
      <c r="G82" s="59" t="s">
        <v>450</v>
      </c>
      <c r="H82" s="60">
        <v>10</v>
      </c>
      <c r="I82" s="60">
        <v>113</v>
      </c>
      <c r="J82" s="61">
        <v>0</v>
      </c>
      <c r="K82" s="61">
        <v>92.93</v>
      </c>
    </row>
    <row r="83" spans="1:11" ht="18.75" customHeight="1" thickBot="1">
      <c r="A83" s="59" t="s">
        <v>448</v>
      </c>
      <c r="B83" s="59" t="s">
        <v>28</v>
      </c>
      <c r="C83" s="59" t="s">
        <v>28</v>
      </c>
      <c r="D83" s="59" t="s">
        <v>366</v>
      </c>
      <c r="E83" s="59" t="s">
        <v>380</v>
      </c>
      <c r="F83" s="59" t="s">
        <v>449</v>
      </c>
      <c r="G83" s="59" t="s">
        <v>450</v>
      </c>
      <c r="H83" s="60">
        <v>10</v>
      </c>
      <c r="I83" s="60">
        <v>116</v>
      </c>
      <c r="J83" s="61">
        <v>0</v>
      </c>
      <c r="K83" s="61">
        <v>1.31</v>
      </c>
    </row>
    <row r="84" spans="1:11" ht="18.75" customHeight="1" thickBot="1">
      <c r="A84" s="59" t="s">
        <v>448</v>
      </c>
      <c r="B84" s="59" t="s">
        <v>28</v>
      </c>
      <c r="C84" s="59" t="s">
        <v>28</v>
      </c>
      <c r="D84" s="59" t="s">
        <v>366</v>
      </c>
      <c r="E84" s="59" t="s">
        <v>380</v>
      </c>
      <c r="F84" s="59" t="s">
        <v>449</v>
      </c>
      <c r="G84" s="59" t="s">
        <v>450</v>
      </c>
      <c r="H84" s="60">
        <v>10</v>
      </c>
      <c r="I84" s="60">
        <v>150</v>
      </c>
      <c r="J84" s="61">
        <v>0</v>
      </c>
      <c r="K84" s="61">
        <v>23.79</v>
      </c>
    </row>
    <row r="85" spans="1:11" ht="18.75" customHeight="1" thickBot="1">
      <c r="A85" s="59" t="s">
        <v>448</v>
      </c>
      <c r="B85" s="59" t="s">
        <v>28</v>
      </c>
      <c r="C85" s="59" t="s">
        <v>28</v>
      </c>
      <c r="D85" s="59" t="s">
        <v>366</v>
      </c>
      <c r="E85" s="59" t="s">
        <v>380</v>
      </c>
      <c r="F85" s="59" t="s">
        <v>449</v>
      </c>
      <c r="G85" s="59" t="s">
        <v>450</v>
      </c>
      <c r="H85" s="60">
        <v>20</v>
      </c>
      <c r="I85" s="60">
        <v>11</v>
      </c>
      <c r="J85" s="61">
        <v>0</v>
      </c>
      <c r="K85" s="61">
        <v>0.54</v>
      </c>
    </row>
    <row r="86" spans="1:11" ht="18.75" customHeight="1" thickBot="1">
      <c r="A86" s="59" t="s">
        <v>448</v>
      </c>
      <c r="B86" s="59" t="s">
        <v>28</v>
      </c>
      <c r="C86" s="59" t="s">
        <v>28</v>
      </c>
      <c r="D86" s="59" t="s">
        <v>366</v>
      </c>
      <c r="E86" s="59" t="s">
        <v>380</v>
      </c>
      <c r="F86" s="59" t="s">
        <v>449</v>
      </c>
      <c r="G86" s="59" t="s">
        <v>450</v>
      </c>
      <c r="H86" s="60">
        <v>20</v>
      </c>
      <c r="I86" s="60">
        <v>15</v>
      </c>
      <c r="J86" s="61">
        <v>0</v>
      </c>
      <c r="K86" s="61">
        <v>306.60000000000002</v>
      </c>
    </row>
    <row r="87" spans="1:11" ht="18.75" customHeight="1" thickBot="1">
      <c r="A87" s="59" t="s">
        <v>448</v>
      </c>
      <c r="B87" s="59" t="s">
        <v>28</v>
      </c>
      <c r="C87" s="59" t="s">
        <v>28</v>
      </c>
      <c r="D87" s="59" t="s">
        <v>366</v>
      </c>
      <c r="E87" s="59" t="s">
        <v>380</v>
      </c>
      <c r="F87" s="59" t="s">
        <v>449</v>
      </c>
      <c r="G87" s="59" t="s">
        <v>450</v>
      </c>
      <c r="H87" s="60">
        <v>20</v>
      </c>
      <c r="I87" s="60">
        <v>17</v>
      </c>
      <c r="J87" s="61">
        <v>0</v>
      </c>
      <c r="K87" s="61">
        <v>3.06</v>
      </c>
    </row>
    <row r="88" spans="1:11" ht="18.75" customHeight="1" thickBot="1">
      <c r="A88" s="59" t="s">
        <v>448</v>
      </c>
      <c r="B88" s="59" t="s">
        <v>28</v>
      </c>
      <c r="C88" s="59" t="s">
        <v>28</v>
      </c>
      <c r="D88" s="59" t="s">
        <v>366</v>
      </c>
      <c r="E88" s="59" t="s">
        <v>380</v>
      </c>
      <c r="F88" s="59" t="s">
        <v>449</v>
      </c>
      <c r="G88" s="59" t="s">
        <v>450</v>
      </c>
      <c r="H88" s="60">
        <v>20</v>
      </c>
      <c r="I88" s="60">
        <v>22</v>
      </c>
      <c r="J88" s="61">
        <v>0</v>
      </c>
      <c r="K88" s="61">
        <v>596.64</v>
      </c>
    </row>
    <row r="89" spans="1:11" ht="18.75" customHeight="1" thickBot="1">
      <c r="A89" s="59" t="s">
        <v>448</v>
      </c>
      <c r="B89" s="59" t="s">
        <v>28</v>
      </c>
      <c r="C89" s="59" t="s">
        <v>28</v>
      </c>
      <c r="D89" s="59" t="s">
        <v>366</v>
      </c>
      <c r="E89" s="59" t="s">
        <v>380</v>
      </c>
      <c r="F89" s="59" t="s">
        <v>449</v>
      </c>
      <c r="G89" s="59" t="s">
        <v>450</v>
      </c>
      <c r="H89" s="60">
        <v>20</v>
      </c>
      <c r="I89" s="60">
        <v>93</v>
      </c>
      <c r="J89" s="61">
        <v>0</v>
      </c>
      <c r="K89" s="61">
        <v>2.8</v>
      </c>
    </row>
    <row r="90" spans="1:11" ht="18.75" customHeight="1" thickBot="1">
      <c r="A90" s="59" t="s">
        <v>448</v>
      </c>
      <c r="B90" s="59" t="s">
        <v>28</v>
      </c>
      <c r="C90" s="59" t="s">
        <v>28</v>
      </c>
      <c r="D90" s="59" t="s">
        <v>366</v>
      </c>
      <c r="E90" s="59" t="s">
        <v>380</v>
      </c>
      <c r="F90" s="59" t="s">
        <v>449</v>
      </c>
      <c r="G90" s="59" t="s">
        <v>450</v>
      </c>
      <c r="H90" s="60">
        <v>20</v>
      </c>
      <c r="I90" s="60">
        <v>94</v>
      </c>
      <c r="J90" s="61">
        <v>0</v>
      </c>
      <c r="K90" s="61">
        <v>103.03</v>
      </c>
    </row>
    <row r="91" spans="1:11" ht="18.75" customHeight="1" thickBot="1">
      <c r="A91" s="59" t="s">
        <v>448</v>
      </c>
      <c r="B91" s="59" t="s">
        <v>28</v>
      </c>
      <c r="C91" s="59" t="s">
        <v>28</v>
      </c>
      <c r="D91" s="59" t="s">
        <v>366</v>
      </c>
      <c r="E91" s="59" t="s">
        <v>380</v>
      </c>
      <c r="F91" s="59" t="s">
        <v>449</v>
      </c>
      <c r="G91" s="59" t="s">
        <v>450</v>
      </c>
      <c r="H91" s="60">
        <v>20</v>
      </c>
      <c r="I91" s="60">
        <v>97</v>
      </c>
      <c r="J91" s="61">
        <v>0</v>
      </c>
      <c r="K91" s="61">
        <v>6.13</v>
      </c>
    </row>
    <row r="92" spans="1:11" ht="18.75" customHeight="1" thickBot="1">
      <c r="A92" s="59" t="s">
        <v>448</v>
      </c>
      <c r="B92" s="59" t="s">
        <v>28</v>
      </c>
      <c r="C92" s="59" t="s">
        <v>28</v>
      </c>
      <c r="D92" s="59" t="s">
        <v>366</v>
      </c>
      <c r="E92" s="59" t="s">
        <v>380</v>
      </c>
      <c r="F92" s="59" t="s">
        <v>449</v>
      </c>
      <c r="G92" s="59" t="s">
        <v>450</v>
      </c>
      <c r="H92" s="60">
        <v>20</v>
      </c>
      <c r="I92" s="60">
        <v>107</v>
      </c>
      <c r="J92" s="61">
        <v>0</v>
      </c>
      <c r="K92" s="61">
        <v>4.5599999999999996</v>
      </c>
    </row>
    <row r="93" spans="1:11" ht="18.75" customHeight="1" thickBot="1">
      <c r="A93" s="59" t="s">
        <v>448</v>
      </c>
      <c r="B93" s="59" t="s">
        <v>28</v>
      </c>
      <c r="C93" s="59" t="s">
        <v>28</v>
      </c>
      <c r="D93" s="59" t="s">
        <v>366</v>
      </c>
      <c r="E93" s="59" t="s">
        <v>380</v>
      </c>
      <c r="F93" s="59" t="s">
        <v>449</v>
      </c>
      <c r="G93" s="59" t="s">
        <v>450</v>
      </c>
      <c r="H93" s="60">
        <v>20</v>
      </c>
      <c r="I93" s="60">
        <v>109</v>
      </c>
      <c r="J93" s="61">
        <v>0</v>
      </c>
      <c r="K93" s="61">
        <v>19.68</v>
      </c>
    </row>
    <row r="94" spans="1:11" ht="18.75" customHeight="1" thickBot="1">
      <c r="A94" s="59" t="s">
        <v>448</v>
      </c>
      <c r="B94" s="59" t="s">
        <v>28</v>
      </c>
      <c r="C94" s="59" t="s">
        <v>28</v>
      </c>
      <c r="D94" s="59" t="s">
        <v>366</v>
      </c>
      <c r="E94" s="59" t="s">
        <v>380</v>
      </c>
      <c r="F94" s="59" t="s">
        <v>449</v>
      </c>
      <c r="G94" s="59" t="s">
        <v>450</v>
      </c>
      <c r="H94" s="60">
        <v>20</v>
      </c>
      <c r="I94" s="60">
        <v>111</v>
      </c>
      <c r="J94" s="61">
        <v>0</v>
      </c>
      <c r="K94" s="61">
        <v>5.5</v>
      </c>
    </row>
    <row r="95" spans="1:11" ht="18.75" customHeight="1" thickBot="1">
      <c r="A95" s="59" t="s">
        <v>448</v>
      </c>
      <c r="B95" s="59" t="s">
        <v>28</v>
      </c>
      <c r="C95" s="59" t="s">
        <v>28</v>
      </c>
      <c r="D95" s="59" t="s">
        <v>366</v>
      </c>
      <c r="E95" s="59" t="s">
        <v>380</v>
      </c>
      <c r="F95" s="59" t="s">
        <v>449</v>
      </c>
      <c r="G95" s="59" t="s">
        <v>450</v>
      </c>
      <c r="H95" s="60">
        <v>20</v>
      </c>
      <c r="I95" s="60">
        <v>113</v>
      </c>
      <c r="J95" s="61">
        <v>0</v>
      </c>
      <c r="K95" s="61">
        <v>89.05</v>
      </c>
    </row>
    <row r="96" spans="1:11" ht="18.75" customHeight="1" thickBot="1">
      <c r="A96" s="59" t="s">
        <v>448</v>
      </c>
      <c r="B96" s="59" t="s">
        <v>28</v>
      </c>
      <c r="C96" s="59" t="s">
        <v>28</v>
      </c>
      <c r="D96" s="59" t="s">
        <v>366</v>
      </c>
      <c r="E96" s="59" t="s">
        <v>380</v>
      </c>
      <c r="F96" s="59" t="s">
        <v>449</v>
      </c>
      <c r="G96" s="59" t="s">
        <v>450</v>
      </c>
      <c r="H96" s="60">
        <v>20</v>
      </c>
      <c r="I96" s="60">
        <v>150</v>
      </c>
      <c r="J96" s="61">
        <v>0</v>
      </c>
      <c r="K96" s="61">
        <v>17.22</v>
      </c>
    </row>
    <row r="97" spans="1:11" ht="18.75" customHeight="1" thickBot="1">
      <c r="A97" s="59" t="s">
        <v>448</v>
      </c>
      <c r="B97" s="59" t="s">
        <v>28</v>
      </c>
      <c r="C97" s="59" t="s">
        <v>28</v>
      </c>
      <c r="D97" s="59" t="s">
        <v>366</v>
      </c>
      <c r="E97" s="59" t="s">
        <v>380</v>
      </c>
      <c r="F97" s="59" t="s">
        <v>449</v>
      </c>
      <c r="G97" s="59" t="s">
        <v>450</v>
      </c>
      <c r="H97" s="60">
        <v>211</v>
      </c>
      <c r="I97" s="60">
        <v>93</v>
      </c>
      <c r="J97" s="61">
        <v>0</v>
      </c>
      <c r="K97" s="61">
        <v>16.75</v>
      </c>
    </row>
    <row r="98" spans="1:11" ht="18.75" customHeight="1" thickBot="1">
      <c r="A98" s="59" t="s">
        <v>448</v>
      </c>
      <c r="B98" s="59" t="s">
        <v>28</v>
      </c>
      <c r="C98" s="59" t="s">
        <v>28</v>
      </c>
      <c r="D98" s="59" t="s">
        <v>366</v>
      </c>
      <c r="E98" s="59" t="s">
        <v>380</v>
      </c>
      <c r="F98" s="59" t="s">
        <v>449</v>
      </c>
      <c r="G98" s="59" t="s">
        <v>450</v>
      </c>
      <c r="H98" s="60">
        <v>211</v>
      </c>
      <c r="I98" s="60">
        <v>94</v>
      </c>
      <c r="J98" s="61">
        <v>0</v>
      </c>
      <c r="K98" s="61">
        <v>80.650000000000006</v>
      </c>
    </row>
    <row r="99" spans="1:11" ht="18.75" customHeight="1" thickBot="1">
      <c r="A99" s="59" t="s">
        <v>448</v>
      </c>
      <c r="B99" s="59" t="s">
        <v>28</v>
      </c>
      <c r="C99" s="59" t="s">
        <v>28</v>
      </c>
      <c r="D99" s="59" t="s">
        <v>366</v>
      </c>
      <c r="E99" s="59" t="s">
        <v>380</v>
      </c>
      <c r="F99" s="59" t="s">
        <v>449</v>
      </c>
      <c r="G99" s="59" t="s">
        <v>450</v>
      </c>
      <c r="H99" s="60">
        <v>211</v>
      </c>
      <c r="I99" s="60">
        <v>95</v>
      </c>
      <c r="J99" s="61">
        <v>0</v>
      </c>
      <c r="K99" s="61">
        <v>8.83</v>
      </c>
    </row>
    <row r="100" spans="1:11" ht="18.75" customHeight="1" thickBot="1">
      <c r="A100" s="59" t="s">
        <v>448</v>
      </c>
      <c r="B100" s="59" t="s">
        <v>28</v>
      </c>
      <c r="C100" s="59" t="s">
        <v>28</v>
      </c>
      <c r="D100" s="59" t="s">
        <v>366</v>
      </c>
      <c r="E100" s="59" t="s">
        <v>380</v>
      </c>
      <c r="F100" s="59" t="s">
        <v>449</v>
      </c>
      <c r="G100" s="59" t="s">
        <v>450</v>
      </c>
      <c r="H100" s="60">
        <v>211</v>
      </c>
      <c r="I100" s="60">
        <v>97</v>
      </c>
      <c r="J100" s="61">
        <v>0</v>
      </c>
      <c r="K100" s="61">
        <v>81.5</v>
      </c>
    </row>
    <row r="101" spans="1:11" ht="18.75" customHeight="1" thickBot="1">
      <c r="A101" s="59" t="s">
        <v>448</v>
      </c>
      <c r="B101" s="59" t="s">
        <v>28</v>
      </c>
      <c r="C101" s="59" t="s">
        <v>28</v>
      </c>
      <c r="D101" s="59" t="s">
        <v>366</v>
      </c>
      <c r="E101" s="59" t="s">
        <v>380</v>
      </c>
      <c r="F101" s="59" t="s">
        <v>449</v>
      </c>
      <c r="G101" s="59" t="s">
        <v>450</v>
      </c>
      <c r="H101" s="60">
        <v>211</v>
      </c>
      <c r="I101" s="60">
        <v>98</v>
      </c>
      <c r="J101" s="61">
        <v>0</v>
      </c>
      <c r="K101" s="61">
        <v>15.97</v>
      </c>
    </row>
    <row r="102" spans="1:11" ht="18.75" customHeight="1" thickBot="1">
      <c r="A102" s="59" t="s">
        <v>448</v>
      </c>
      <c r="B102" s="59" t="s">
        <v>28</v>
      </c>
      <c r="C102" s="59" t="s">
        <v>28</v>
      </c>
      <c r="D102" s="59" t="s">
        <v>366</v>
      </c>
      <c r="E102" s="59" t="s">
        <v>380</v>
      </c>
      <c r="F102" s="59" t="s">
        <v>449</v>
      </c>
      <c r="G102" s="59" t="s">
        <v>450</v>
      </c>
      <c r="H102" s="60">
        <v>211</v>
      </c>
      <c r="I102" s="60">
        <v>107</v>
      </c>
      <c r="J102" s="61">
        <v>0</v>
      </c>
      <c r="K102" s="61">
        <v>63.77</v>
      </c>
    </row>
    <row r="103" spans="1:11" ht="18.75" customHeight="1" thickBot="1">
      <c r="A103" s="59" t="s">
        <v>448</v>
      </c>
      <c r="B103" s="59" t="s">
        <v>28</v>
      </c>
      <c r="C103" s="59" t="s">
        <v>28</v>
      </c>
      <c r="D103" s="59" t="s">
        <v>366</v>
      </c>
      <c r="E103" s="59" t="s">
        <v>380</v>
      </c>
      <c r="F103" s="59" t="s">
        <v>449</v>
      </c>
      <c r="G103" s="59" t="s">
        <v>450</v>
      </c>
      <c r="H103" s="60">
        <v>211</v>
      </c>
      <c r="I103" s="60">
        <v>109</v>
      </c>
      <c r="J103" s="61">
        <v>0</v>
      </c>
      <c r="K103" s="61">
        <v>376.71</v>
      </c>
    </row>
    <row r="104" spans="1:11" ht="18.75" customHeight="1" thickBot="1">
      <c r="A104" s="59" t="s">
        <v>448</v>
      </c>
      <c r="B104" s="59" t="s">
        <v>28</v>
      </c>
      <c r="C104" s="59" t="s">
        <v>28</v>
      </c>
      <c r="D104" s="59" t="s">
        <v>366</v>
      </c>
      <c r="E104" s="59" t="s">
        <v>380</v>
      </c>
      <c r="F104" s="59" t="s">
        <v>449</v>
      </c>
      <c r="G104" s="59" t="s">
        <v>450</v>
      </c>
      <c r="H104" s="60">
        <v>211</v>
      </c>
      <c r="I104" s="60">
        <v>110</v>
      </c>
      <c r="J104" s="61">
        <v>0</v>
      </c>
      <c r="K104" s="61">
        <v>1.26</v>
      </c>
    </row>
    <row r="105" spans="1:11" ht="18.75" customHeight="1" thickBot="1">
      <c r="A105" s="59" t="s">
        <v>448</v>
      </c>
      <c r="B105" s="59" t="s">
        <v>28</v>
      </c>
      <c r="C105" s="59" t="s">
        <v>28</v>
      </c>
      <c r="D105" s="59" t="s">
        <v>366</v>
      </c>
      <c r="E105" s="59" t="s">
        <v>380</v>
      </c>
      <c r="F105" s="59" t="s">
        <v>449</v>
      </c>
      <c r="G105" s="59" t="s">
        <v>450</v>
      </c>
      <c r="H105" s="60">
        <v>211</v>
      </c>
      <c r="I105" s="60">
        <v>111</v>
      </c>
      <c r="J105" s="61">
        <v>0</v>
      </c>
      <c r="K105" s="61">
        <v>45.03</v>
      </c>
    </row>
    <row r="106" spans="1:11" ht="18.75" customHeight="1" thickBot="1">
      <c r="A106" s="59" t="s">
        <v>448</v>
      </c>
      <c r="B106" s="59" t="s">
        <v>28</v>
      </c>
      <c r="C106" s="59" t="s">
        <v>28</v>
      </c>
      <c r="D106" s="59" t="s">
        <v>366</v>
      </c>
      <c r="E106" s="59" t="s">
        <v>380</v>
      </c>
      <c r="F106" s="59" t="s">
        <v>449</v>
      </c>
      <c r="G106" s="59" t="s">
        <v>450</v>
      </c>
      <c r="H106" s="60">
        <v>211</v>
      </c>
      <c r="I106" s="60">
        <v>113</v>
      </c>
      <c r="J106" s="61">
        <v>0</v>
      </c>
      <c r="K106" s="61">
        <v>142.61000000000001</v>
      </c>
    </row>
    <row r="107" spans="1:11" ht="18.75" customHeight="1" thickBot="1">
      <c r="A107" s="59" t="s">
        <v>448</v>
      </c>
      <c r="B107" s="59" t="s">
        <v>28</v>
      </c>
      <c r="C107" s="59" t="s">
        <v>28</v>
      </c>
      <c r="D107" s="59" t="s">
        <v>366</v>
      </c>
      <c r="E107" s="59" t="s">
        <v>380</v>
      </c>
      <c r="F107" s="59" t="s">
        <v>449</v>
      </c>
      <c r="G107" s="59" t="s">
        <v>450</v>
      </c>
      <c r="H107" s="60">
        <v>211</v>
      </c>
      <c r="I107" s="60">
        <v>116</v>
      </c>
      <c r="J107" s="61">
        <v>0</v>
      </c>
      <c r="K107" s="61">
        <v>57.93</v>
      </c>
    </row>
    <row r="108" spans="1:11" ht="18.75" customHeight="1" thickBot="1">
      <c r="A108" s="59" t="s">
        <v>448</v>
      </c>
      <c r="B108" s="59" t="s">
        <v>28</v>
      </c>
      <c r="C108" s="59" t="s">
        <v>28</v>
      </c>
      <c r="D108" s="59" t="s">
        <v>366</v>
      </c>
      <c r="E108" s="59" t="s">
        <v>380</v>
      </c>
      <c r="F108" s="59" t="s">
        <v>449</v>
      </c>
      <c r="G108" s="59" t="s">
        <v>450</v>
      </c>
      <c r="H108" s="60">
        <v>211</v>
      </c>
      <c r="I108" s="60">
        <v>122</v>
      </c>
      <c r="J108" s="61">
        <v>0</v>
      </c>
      <c r="K108" s="61">
        <v>16.91</v>
      </c>
    </row>
    <row r="109" spans="1:11" ht="18.75" customHeight="1" thickBot="1">
      <c r="A109" s="59" t="s">
        <v>448</v>
      </c>
      <c r="B109" s="59" t="s">
        <v>28</v>
      </c>
      <c r="C109" s="59" t="s">
        <v>28</v>
      </c>
      <c r="D109" s="59" t="s">
        <v>366</v>
      </c>
      <c r="E109" s="59" t="s">
        <v>380</v>
      </c>
      <c r="F109" s="59" t="s">
        <v>449</v>
      </c>
      <c r="G109" s="59" t="s">
        <v>450</v>
      </c>
      <c r="H109" s="60">
        <v>211</v>
      </c>
      <c r="I109" s="60">
        <v>131</v>
      </c>
      <c r="J109" s="61">
        <v>0</v>
      </c>
      <c r="K109" s="61">
        <v>25.38</v>
      </c>
    </row>
    <row r="110" spans="1:11" ht="18.75" customHeight="1" thickBot="1">
      <c r="A110" s="59" t="s">
        <v>448</v>
      </c>
      <c r="B110" s="59" t="s">
        <v>28</v>
      </c>
      <c r="C110" s="59" t="s">
        <v>28</v>
      </c>
      <c r="D110" s="59" t="s">
        <v>366</v>
      </c>
      <c r="E110" s="59" t="s">
        <v>380</v>
      </c>
      <c r="F110" s="59" t="s">
        <v>449</v>
      </c>
      <c r="G110" s="59" t="s">
        <v>450</v>
      </c>
      <c r="H110" s="60">
        <v>211</v>
      </c>
      <c r="I110" s="60">
        <v>150</v>
      </c>
      <c r="J110" s="61">
        <v>0</v>
      </c>
      <c r="K110" s="61">
        <v>19.98</v>
      </c>
    </row>
    <row r="111" spans="1:11" ht="18.75" customHeight="1" thickBot="1">
      <c r="A111" s="59" t="s">
        <v>448</v>
      </c>
      <c r="B111" s="59" t="s">
        <v>28</v>
      </c>
      <c r="C111" s="59" t="s">
        <v>28</v>
      </c>
      <c r="D111" s="59" t="s">
        <v>366</v>
      </c>
      <c r="E111" s="59" t="s">
        <v>380</v>
      </c>
      <c r="F111" s="59" t="s">
        <v>449</v>
      </c>
      <c r="G111" s="59" t="s">
        <v>450</v>
      </c>
      <c r="H111" s="60">
        <v>211</v>
      </c>
      <c r="I111" s="60">
        <v>204</v>
      </c>
      <c r="J111" s="61">
        <v>0</v>
      </c>
      <c r="K111" s="61">
        <v>37.119999999999997</v>
      </c>
    </row>
    <row r="112" spans="1:11" ht="18.75" customHeight="1" thickBot="1">
      <c r="A112" s="59" t="s">
        <v>448</v>
      </c>
      <c r="B112" s="59" t="s">
        <v>28</v>
      </c>
      <c r="C112" s="59" t="s">
        <v>28</v>
      </c>
      <c r="D112" s="59" t="s">
        <v>366</v>
      </c>
      <c r="E112" s="59" t="s">
        <v>380</v>
      </c>
      <c r="F112" s="59" t="s">
        <v>449</v>
      </c>
      <c r="G112" s="59" t="s">
        <v>450</v>
      </c>
      <c r="H112" s="60">
        <v>211</v>
      </c>
      <c r="I112" s="60">
        <v>211</v>
      </c>
      <c r="J112" s="61">
        <v>0</v>
      </c>
      <c r="K112" s="61">
        <v>21323.97</v>
      </c>
    </row>
    <row r="113" spans="1:11" ht="18.75" customHeight="1" thickBot="1">
      <c r="A113" s="59" t="s">
        <v>448</v>
      </c>
      <c r="B113" s="59" t="s">
        <v>28</v>
      </c>
      <c r="C113" s="59" t="s">
        <v>28</v>
      </c>
      <c r="D113" s="59" t="s">
        <v>366</v>
      </c>
      <c r="E113" s="59" t="s">
        <v>380</v>
      </c>
      <c r="F113" s="59" t="s">
        <v>449</v>
      </c>
      <c r="G113" s="59" t="s">
        <v>450</v>
      </c>
      <c r="H113" s="60">
        <v>211</v>
      </c>
      <c r="I113" s="60">
        <v>212</v>
      </c>
      <c r="J113" s="61">
        <v>0</v>
      </c>
      <c r="K113" s="61">
        <v>3.4</v>
      </c>
    </row>
    <row r="114" spans="1:11" ht="18.75" customHeight="1" thickBot="1">
      <c r="A114" s="59" t="s">
        <v>448</v>
      </c>
      <c r="B114" s="59" t="s">
        <v>28</v>
      </c>
      <c r="C114" s="59" t="s">
        <v>28</v>
      </c>
      <c r="D114" s="59" t="s">
        <v>366</v>
      </c>
      <c r="E114" s="59" t="s">
        <v>380</v>
      </c>
      <c r="F114" s="59" t="s">
        <v>449</v>
      </c>
      <c r="G114" s="59" t="s">
        <v>450</v>
      </c>
      <c r="H114" s="60">
        <v>211</v>
      </c>
      <c r="I114" s="60">
        <v>213</v>
      </c>
      <c r="J114" s="61">
        <v>0</v>
      </c>
      <c r="K114" s="61">
        <v>62.51</v>
      </c>
    </row>
    <row r="115" spans="1:11" ht="18.75" customHeight="1" thickBot="1">
      <c r="A115" s="59" t="s">
        <v>448</v>
      </c>
      <c r="B115" s="59" t="s">
        <v>28</v>
      </c>
      <c r="C115" s="59" t="s">
        <v>28</v>
      </c>
      <c r="D115" s="59" t="s">
        <v>366</v>
      </c>
      <c r="E115" s="59" t="s">
        <v>380</v>
      </c>
      <c r="F115" s="59" t="s">
        <v>449</v>
      </c>
      <c r="G115" s="59" t="s">
        <v>450</v>
      </c>
      <c r="H115" s="60">
        <v>211</v>
      </c>
      <c r="I115" s="60">
        <v>215</v>
      </c>
      <c r="J115" s="61">
        <v>0</v>
      </c>
      <c r="K115" s="61">
        <v>20134.099999999999</v>
      </c>
    </row>
    <row r="116" spans="1:11" ht="18.75" customHeight="1" thickBot="1">
      <c r="A116" s="59" t="s">
        <v>448</v>
      </c>
      <c r="B116" s="59" t="s">
        <v>28</v>
      </c>
      <c r="C116" s="59" t="s">
        <v>28</v>
      </c>
      <c r="D116" s="59" t="s">
        <v>366</v>
      </c>
      <c r="E116" s="59" t="s">
        <v>380</v>
      </c>
      <c r="F116" s="59" t="s">
        <v>449</v>
      </c>
      <c r="G116" s="59" t="s">
        <v>450</v>
      </c>
      <c r="H116" s="60">
        <v>211</v>
      </c>
      <c r="I116" s="60">
        <v>217</v>
      </c>
      <c r="J116" s="61">
        <v>0</v>
      </c>
      <c r="K116" s="61">
        <v>198.76</v>
      </c>
    </row>
    <row r="117" spans="1:11" ht="18.75" customHeight="1" thickBot="1">
      <c r="A117" s="59" t="s">
        <v>448</v>
      </c>
      <c r="B117" s="59" t="s">
        <v>28</v>
      </c>
      <c r="C117" s="59" t="s">
        <v>28</v>
      </c>
      <c r="D117" s="59" t="s">
        <v>366</v>
      </c>
      <c r="E117" s="59" t="s">
        <v>380</v>
      </c>
      <c r="F117" s="59" t="s">
        <v>449</v>
      </c>
      <c r="G117" s="59" t="s">
        <v>450</v>
      </c>
      <c r="H117" s="60">
        <v>211</v>
      </c>
      <c r="I117" s="60">
        <v>220</v>
      </c>
      <c r="J117" s="61">
        <v>0</v>
      </c>
      <c r="K117" s="61">
        <v>21.55</v>
      </c>
    </row>
    <row r="118" spans="1:11" ht="18.75" customHeight="1" thickBot="1">
      <c r="A118" s="59" t="s">
        <v>448</v>
      </c>
      <c r="B118" s="59" t="s">
        <v>28</v>
      </c>
      <c r="C118" s="59" t="s">
        <v>28</v>
      </c>
      <c r="D118" s="59" t="s">
        <v>366</v>
      </c>
      <c r="E118" s="59" t="s">
        <v>380</v>
      </c>
      <c r="F118" s="59" t="s">
        <v>449</v>
      </c>
      <c r="G118" s="59" t="s">
        <v>450</v>
      </c>
      <c r="H118" s="60">
        <v>211</v>
      </c>
      <c r="I118" s="60">
        <v>223</v>
      </c>
      <c r="J118" s="61">
        <v>0</v>
      </c>
      <c r="K118" s="61">
        <v>10.24</v>
      </c>
    </row>
    <row r="119" spans="1:11" ht="18.75" customHeight="1" thickBot="1">
      <c r="A119" s="59" t="s">
        <v>448</v>
      </c>
      <c r="B119" s="59" t="s">
        <v>28</v>
      </c>
      <c r="C119" s="59" t="s">
        <v>28</v>
      </c>
      <c r="D119" s="59" t="s">
        <v>366</v>
      </c>
      <c r="E119" s="59" t="s">
        <v>380</v>
      </c>
      <c r="F119" s="59" t="s">
        <v>449</v>
      </c>
      <c r="G119" s="59" t="s">
        <v>450</v>
      </c>
      <c r="H119" s="60">
        <v>211</v>
      </c>
      <c r="I119" s="60">
        <v>225</v>
      </c>
      <c r="J119" s="61">
        <v>0</v>
      </c>
      <c r="K119" s="61">
        <v>9.81</v>
      </c>
    </row>
    <row r="120" spans="1:11" ht="18.75" customHeight="1" thickBot="1">
      <c r="A120" s="59" t="s">
        <v>448</v>
      </c>
      <c r="B120" s="59" t="s">
        <v>28</v>
      </c>
      <c r="C120" s="59" t="s">
        <v>28</v>
      </c>
      <c r="D120" s="59" t="s">
        <v>366</v>
      </c>
      <c r="E120" s="59" t="s">
        <v>380</v>
      </c>
      <c r="F120" s="59" t="s">
        <v>449</v>
      </c>
      <c r="G120" s="59" t="s">
        <v>450</v>
      </c>
      <c r="H120" s="60">
        <v>211</v>
      </c>
      <c r="I120" s="60">
        <v>227</v>
      </c>
      <c r="J120" s="61">
        <v>0</v>
      </c>
      <c r="K120" s="61">
        <v>37.549999999999997</v>
      </c>
    </row>
    <row r="121" spans="1:11" ht="18.75" customHeight="1" thickBot="1">
      <c r="A121" s="59" t="s">
        <v>448</v>
      </c>
      <c r="B121" s="59" t="s">
        <v>28</v>
      </c>
      <c r="C121" s="59" t="s">
        <v>28</v>
      </c>
      <c r="D121" s="59" t="s">
        <v>366</v>
      </c>
      <c r="E121" s="59" t="s">
        <v>380</v>
      </c>
      <c r="F121" s="59" t="s">
        <v>449</v>
      </c>
      <c r="G121" s="59" t="s">
        <v>450</v>
      </c>
      <c r="H121" s="60">
        <v>211</v>
      </c>
      <c r="I121" s="60">
        <v>229</v>
      </c>
      <c r="J121" s="61">
        <v>0</v>
      </c>
      <c r="K121" s="61">
        <v>278.31</v>
      </c>
    </row>
    <row r="122" spans="1:11" ht="18.75" customHeight="1" thickBot="1">
      <c r="A122" s="59" t="s">
        <v>448</v>
      </c>
      <c r="B122" s="59" t="s">
        <v>28</v>
      </c>
      <c r="C122" s="59" t="s">
        <v>28</v>
      </c>
      <c r="D122" s="59" t="s">
        <v>366</v>
      </c>
      <c r="E122" s="59" t="s">
        <v>380</v>
      </c>
      <c r="F122" s="59" t="s">
        <v>449</v>
      </c>
      <c r="G122" s="59" t="s">
        <v>450</v>
      </c>
      <c r="H122" s="60">
        <v>211</v>
      </c>
      <c r="I122" s="60">
        <v>240</v>
      </c>
      <c r="J122" s="61">
        <v>0</v>
      </c>
      <c r="K122" s="61">
        <v>8273.2000000000007</v>
      </c>
    </row>
    <row r="123" spans="1:11" ht="18.75" customHeight="1" thickBot="1">
      <c r="A123" s="59" t="s">
        <v>448</v>
      </c>
      <c r="B123" s="59" t="s">
        <v>28</v>
      </c>
      <c r="C123" s="59" t="s">
        <v>28</v>
      </c>
      <c r="D123" s="59" t="s">
        <v>366</v>
      </c>
      <c r="E123" s="59" t="s">
        <v>380</v>
      </c>
      <c r="F123" s="59" t="s">
        <v>449</v>
      </c>
      <c r="G123" s="59" t="s">
        <v>450</v>
      </c>
      <c r="H123" s="60">
        <v>211</v>
      </c>
      <c r="I123" s="60">
        <v>248</v>
      </c>
      <c r="J123" s="61">
        <v>0</v>
      </c>
      <c r="K123" s="61">
        <v>304.54000000000002</v>
      </c>
    </row>
    <row r="124" spans="1:11" ht="18.75" customHeight="1" thickBot="1">
      <c r="A124" s="59" t="s">
        <v>448</v>
      </c>
      <c r="B124" s="59" t="s">
        <v>28</v>
      </c>
      <c r="C124" s="59" t="s">
        <v>28</v>
      </c>
      <c r="D124" s="59" t="s">
        <v>366</v>
      </c>
      <c r="E124" s="59" t="s">
        <v>380</v>
      </c>
      <c r="F124" s="59" t="s">
        <v>449</v>
      </c>
      <c r="G124" s="59" t="s">
        <v>450</v>
      </c>
      <c r="H124" s="60">
        <v>211</v>
      </c>
      <c r="I124" s="60">
        <v>356</v>
      </c>
      <c r="J124" s="61">
        <v>0</v>
      </c>
      <c r="K124" s="61">
        <v>1831.27</v>
      </c>
    </row>
    <row r="125" spans="1:11" ht="18.75" customHeight="1" thickBot="1">
      <c r="A125" s="59" t="s">
        <v>448</v>
      </c>
      <c r="B125" s="59" t="s">
        <v>28</v>
      </c>
      <c r="C125" s="59" t="s">
        <v>28</v>
      </c>
      <c r="D125" s="59" t="s">
        <v>366</v>
      </c>
      <c r="E125" s="59" t="s">
        <v>380</v>
      </c>
      <c r="F125" s="59" t="s">
        <v>449</v>
      </c>
      <c r="G125" s="59" t="s">
        <v>450</v>
      </c>
      <c r="H125" s="60">
        <v>211</v>
      </c>
      <c r="I125" s="60">
        <v>358</v>
      </c>
      <c r="J125" s="61">
        <v>0</v>
      </c>
      <c r="K125" s="61">
        <v>10560.89</v>
      </c>
    </row>
    <row r="126" spans="1:11" ht="18.75" customHeight="1" thickBot="1">
      <c r="A126" s="59" t="s">
        <v>448</v>
      </c>
      <c r="B126" s="59" t="s">
        <v>28</v>
      </c>
      <c r="C126" s="59" t="s">
        <v>28</v>
      </c>
      <c r="D126" s="59" t="s">
        <v>366</v>
      </c>
      <c r="E126" s="59" t="s">
        <v>380</v>
      </c>
      <c r="F126" s="59" t="s">
        <v>449</v>
      </c>
      <c r="G126" s="59" t="s">
        <v>450</v>
      </c>
      <c r="H126" s="60">
        <v>211</v>
      </c>
      <c r="I126" s="60">
        <v>359</v>
      </c>
      <c r="J126" s="61">
        <v>0</v>
      </c>
      <c r="K126" s="61">
        <v>27707.05</v>
      </c>
    </row>
    <row r="127" spans="1:11" ht="18.75" customHeight="1" thickBot="1">
      <c r="A127" s="59" t="s">
        <v>448</v>
      </c>
      <c r="B127" s="59" t="s">
        <v>28</v>
      </c>
      <c r="C127" s="59" t="s">
        <v>28</v>
      </c>
      <c r="D127" s="59" t="s">
        <v>366</v>
      </c>
      <c r="E127" s="59" t="s">
        <v>380</v>
      </c>
      <c r="F127" s="59" t="s">
        <v>449</v>
      </c>
      <c r="G127" s="59" t="s">
        <v>450</v>
      </c>
      <c r="H127" s="60">
        <v>212</v>
      </c>
      <c r="I127" s="60">
        <v>94</v>
      </c>
      <c r="J127" s="61">
        <v>0</v>
      </c>
      <c r="K127" s="61">
        <v>10.1</v>
      </c>
    </row>
    <row r="128" spans="1:11" ht="18.75" customHeight="1" thickBot="1">
      <c r="A128" s="59" t="s">
        <v>448</v>
      </c>
      <c r="B128" s="59" t="s">
        <v>28</v>
      </c>
      <c r="C128" s="59" t="s">
        <v>28</v>
      </c>
      <c r="D128" s="59" t="s">
        <v>366</v>
      </c>
      <c r="E128" s="59" t="s">
        <v>380</v>
      </c>
      <c r="F128" s="59" t="s">
        <v>449</v>
      </c>
      <c r="G128" s="59" t="s">
        <v>450</v>
      </c>
      <c r="H128" s="60">
        <v>212</v>
      </c>
      <c r="I128" s="60">
        <v>97</v>
      </c>
      <c r="J128" s="61">
        <v>0</v>
      </c>
      <c r="K128" s="61">
        <v>8.06</v>
      </c>
    </row>
    <row r="129" spans="1:11" ht="18.75" customHeight="1" thickBot="1">
      <c r="A129" s="59" t="s">
        <v>448</v>
      </c>
      <c r="B129" s="59" t="s">
        <v>28</v>
      </c>
      <c r="C129" s="59" t="s">
        <v>28</v>
      </c>
      <c r="D129" s="59" t="s">
        <v>366</v>
      </c>
      <c r="E129" s="59" t="s">
        <v>380</v>
      </c>
      <c r="F129" s="59" t="s">
        <v>449</v>
      </c>
      <c r="G129" s="59" t="s">
        <v>450</v>
      </c>
      <c r="H129" s="60">
        <v>212</v>
      </c>
      <c r="I129" s="60">
        <v>107</v>
      </c>
      <c r="J129" s="61">
        <v>0</v>
      </c>
      <c r="K129" s="61">
        <v>3.14</v>
      </c>
    </row>
    <row r="130" spans="1:11" ht="18.75" customHeight="1" thickBot="1">
      <c r="A130" s="59" t="s">
        <v>448</v>
      </c>
      <c r="B130" s="59" t="s">
        <v>28</v>
      </c>
      <c r="C130" s="59" t="s">
        <v>28</v>
      </c>
      <c r="D130" s="59" t="s">
        <v>366</v>
      </c>
      <c r="E130" s="59" t="s">
        <v>380</v>
      </c>
      <c r="F130" s="59" t="s">
        <v>449</v>
      </c>
      <c r="G130" s="59" t="s">
        <v>450</v>
      </c>
      <c r="H130" s="60">
        <v>212</v>
      </c>
      <c r="I130" s="60">
        <v>109</v>
      </c>
      <c r="J130" s="61">
        <v>0</v>
      </c>
      <c r="K130" s="61">
        <v>101.35</v>
      </c>
    </row>
    <row r="131" spans="1:11" ht="18.75" customHeight="1" thickBot="1">
      <c r="A131" s="59" t="s">
        <v>448</v>
      </c>
      <c r="B131" s="59" t="s">
        <v>28</v>
      </c>
      <c r="C131" s="59" t="s">
        <v>28</v>
      </c>
      <c r="D131" s="59" t="s">
        <v>366</v>
      </c>
      <c r="E131" s="59" t="s">
        <v>380</v>
      </c>
      <c r="F131" s="59" t="s">
        <v>449</v>
      </c>
      <c r="G131" s="59" t="s">
        <v>450</v>
      </c>
      <c r="H131" s="60">
        <v>212</v>
      </c>
      <c r="I131" s="60">
        <v>111</v>
      </c>
      <c r="J131" s="61">
        <v>0</v>
      </c>
      <c r="K131" s="61">
        <v>8.7200000000000006</v>
      </c>
    </row>
    <row r="132" spans="1:11" ht="18.75" customHeight="1" thickBot="1">
      <c r="A132" s="59" t="s">
        <v>448</v>
      </c>
      <c r="B132" s="59" t="s">
        <v>28</v>
      </c>
      <c r="C132" s="59" t="s">
        <v>28</v>
      </c>
      <c r="D132" s="59" t="s">
        <v>366</v>
      </c>
      <c r="E132" s="59" t="s">
        <v>380</v>
      </c>
      <c r="F132" s="59" t="s">
        <v>449</v>
      </c>
      <c r="G132" s="59" t="s">
        <v>450</v>
      </c>
      <c r="H132" s="60">
        <v>212</v>
      </c>
      <c r="I132" s="60">
        <v>113</v>
      </c>
      <c r="J132" s="61">
        <v>0</v>
      </c>
      <c r="K132" s="61">
        <v>9.14</v>
      </c>
    </row>
    <row r="133" spans="1:11" ht="18.75" customHeight="1" thickBot="1">
      <c r="A133" s="59" t="s">
        <v>448</v>
      </c>
      <c r="B133" s="59" t="s">
        <v>28</v>
      </c>
      <c r="C133" s="59" t="s">
        <v>28</v>
      </c>
      <c r="D133" s="59" t="s">
        <v>366</v>
      </c>
      <c r="E133" s="59" t="s">
        <v>380</v>
      </c>
      <c r="F133" s="59" t="s">
        <v>449</v>
      </c>
      <c r="G133" s="59" t="s">
        <v>450</v>
      </c>
      <c r="H133" s="60">
        <v>212</v>
      </c>
      <c r="I133" s="60">
        <v>116</v>
      </c>
      <c r="J133" s="61">
        <v>0</v>
      </c>
      <c r="K133" s="61">
        <v>8.65</v>
      </c>
    </row>
    <row r="134" spans="1:11" ht="18.75" customHeight="1" thickBot="1">
      <c r="A134" s="59" t="s">
        <v>448</v>
      </c>
      <c r="B134" s="59" t="s">
        <v>28</v>
      </c>
      <c r="C134" s="59" t="s">
        <v>28</v>
      </c>
      <c r="D134" s="59" t="s">
        <v>366</v>
      </c>
      <c r="E134" s="59" t="s">
        <v>380</v>
      </c>
      <c r="F134" s="59" t="s">
        <v>449</v>
      </c>
      <c r="G134" s="59" t="s">
        <v>450</v>
      </c>
      <c r="H134" s="60">
        <v>212</v>
      </c>
      <c r="I134" s="60">
        <v>150</v>
      </c>
      <c r="J134" s="61">
        <v>0</v>
      </c>
      <c r="K134" s="61">
        <v>1.82</v>
      </c>
    </row>
    <row r="135" spans="1:11" ht="18.75" customHeight="1" thickBot="1">
      <c r="A135" s="59" t="s">
        <v>448</v>
      </c>
      <c r="B135" s="59" t="s">
        <v>28</v>
      </c>
      <c r="C135" s="59" t="s">
        <v>28</v>
      </c>
      <c r="D135" s="59" t="s">
        <v>366</v>
      </c>
      <c r="E135" s="59" t="s">
        <v>380</v>
      </c>
      <c r="F135" s="59" t="s">
        <v>449</v>
      </c>
      <c r="G135" s="59" t="s">
        <v>450</v>
      </c>
      <c r="H135" s="60">
        <v>212</v>
      </c>
      <c r="I135" s="60">
        <v>211</v>
      </c>
      <c r="J135" s="61">
        <v>0</v>
      </c>
      <c r="K135" s="61">
        <v>4560.3100000000004</v>
      </c>
    </row>
    <row r="136" spans="1:11" ht="18.75" customHeight="1" thickBot="1">
      <c r="A136" s="59" t="s">
        <v>448</v>
      </c>
      <c r="B136" s="59" t="s">
        <v>28</v>
      </c>
      <c r="C136" s="59" t="s">
        <v>28</v>
      </c>
      <c r="D136" s="59" t="s">
        <v>366</v>
      </c>
      <c r="E136" s="59" t="s">
        <v>380</v>
      </c>
      <c r="F136" s="59" t="s">
        <v>449</v>
      </c>
      <c r="G136" s="59" t="s">
        <v>450</v>
      </c>
      <c r="H136" s="60">
        <v>212</v>
      </c>
      <c r="I136" s="60">
        <v>215</v>
      </c>
      <c r="J136" s="61">
        <v>0</v>
      </c>
      <c r="K136" s="61">
        <v>16700.88</v>
      </c>
    </row>
    <row r="137" spans="1:11" ht="18.75" customHeight="1" thickBot="1">
      <c r="A137" s="59" t="s">
        <v>448</v>
      </c>
      <c r="B137" s="59" t="s">
        <v>28</v>
      </c>
      <c r="C137" s="59" t="s">
        <v>28</v>
      </c>
      <c r="D137" s="59" t="s">
        <v>366</v>
      </c>
      <c r="E137" s="59" t="s">
        <v>380</v>
      </c>
      <c r="F137" s="59" t="s">
        <v>449</v>
      </c>
      <c r="G137" s="59" t="s">
        <v>450</v>
      </c>
      <c r="H137" s="60">
        <v>212</v>
      </c>
      <c r="I137" s="60">
        <v>217</v>
      </c>
      <c r="J137" s="61">
        <v>0</v>
      </c>
      <c r="K137" s="61">
        <v>46.34</v>
      </c>
    </row>
    <row r="138" spans="1:11" ht="18.75" customHeight="1" thickBot="1">
      <c r="A138" s="59" t="s">
        <v>448</v>
      </c>
      <c r="B138" s="59" t="s">
        <v>28</v>
      </c>
      <c r="C138" s="59" t="s">
        <v>28</v>
      </c>
      <c r="D138" s="59" t="s">
        <v>366</v>
      </c>
      <c r="E138" s="59" t="s">
        <v>380</v>
      </c>
      <c r="F138" s="59" t="s">
        <v>449</v>
      </c>
      <c r="G138" s="59" t="s">
        <v>450</v>
      </c>
      <c r="H138" s="60">
        <v>212</v>
      </c>
      <c r="I138" s="60">
        <v>223</v>
      </c>
      <c r="J138" s="61">
        <v>0</v>
      </c>
      <c r="K138" s="61">
        <v>16.39</v>
      </c>
    </row>
    <row r="139" spans="1:11" ht="18.75" customHeight="1" thickBot="1">
      <c r="A139" s="59" t="s">
        <v>448</v>
      </c>
      <c r="B139" s="59" t="s">
        <v>28</v>
      </c>
      <c r="C139" s="59" t="s">
        <v>28</v>
      </c>
      <c r="D139" s="59" t="s">
        <v>366</v>
      </c>
      <c r="E139" s="59" t="s">
        <v>380</v>
      </c>
      <c r="F139" s="59" t="s">
        <v>449</v>
      </c>
      <c r="G139" s="59" t="s">
        <v>450</v>
      </c>
      <c r="H139" s="60">
        <v>212</v>
      </c>
      <c r="I139" s="60">
        <v>225</v>
      </c>
      <c r="J139" s="61">
        <v>0</v>
      </c>
      <c r="K139" s="61">
        <v>53.97</v>
      </c>
    </row>
    <row r="140" spans="1:11" ht="18.75" customHeight="1" thickBot="1">
      <c r="A140" s="59" t="s">
        <v>448</v>
      </c>
      <c r="B140" s="59" t="s">
        <v>28</v>
      </c>
      <c r="C140" s="59" t="s">
        <v>28</v>
      </c>
      <c r="D140" s="59" t="s">
        <v>366</v>
      </c>
      <c r="E140" s="59" t="s">
        <v>380</v>
      </c>
      <c r="F140" s="59" t="s">
        <v>449</v>
      </c>
      <c r="G140" s="59" t="s">
        <v>450</v>
      </c>
      <c r="H140" s="60">
        <v>212</v>
      </c>
      <c r="I140" s="60">
        <v>227</v>
      </c>
      <c r="J140" s="61">
        <v>0</v>
      </c>
      <c r="K140" s="61">
        <v>18.64</v>
      </c>
    </row>
    <row r="141" spans="1:11" ht="18.75" customHeight="1" thickBot="1">
      <c r="A141" s="59" t="s">
        <v>448</v>
      </c>
      <c r="B141" s="59" t="s">
        <v>28</v>
      </c>
      <c r="C141" s="59" t="s">
        <v>28</v>
      </c>
      <c r="D141" s="59" t="s">
        <v>366</v>
      </c>
      <c r="E141" s="59" t="s">
        <v>380</v>
      </c>
      <c r="F141" s="59" t="s">
        <v>449</v>
      </c>
      <c r="G141" s="59" t="s">
        <v>450</v>
      </c>
      <c r="H141" s="60">
        <v>212</v>
      </c>
      <c r="I141" s="60">
        <v>229</v>
      </c>
      <c r="J141" s="61">
        <v>0</v>
      </c>
      <c r="K141" s="61">
        <v>54.25</v>
      </c>
    </row>
    <row r="142" spans="1:11" ht="18.75" customHeight="1" thickBot="1">
      <c r="A142" s="59" t="s">
        <v>448</v>
      </c>
      <c r="B142" s="59" t="s">
        <v>28</v>
      </c>
      <c r="C142" s="59" t="s">
        <v>28</v>
      </c>
      <c r="D142" s="59" t="s">
        <v>366</v>
      </c>
      <c r="E142" s="59" t="s">
        <v>380</v>
      </c>
      <c r="F142" s="59" t="s">
        <v>449</v>
      </c>
      <c r="G142" s="59" t="s">
        <v>450</v>
      </c>
      <c r="H142" s="60">
        <v>212</v>
      </c>
      <c r="I142" s="60">
        <v>240</v>
      </c>
      <c r="J142" s="61">
        <v>0</v>
      </c>
      <c r="K142" s="61">
        <v>8874.59</v>
      </c>
    </row>
    <row r="143" spans="1:11" ht="18.75" customHeight="1" thickBot="1">
      <c r="A143" s="59" t="s">
        <v>448</v>
      </c>
      <c r="B143" s="59" t="s">
        <v>28</v>
      </c>
      <c r="C143" s="59" t="s">
        <v>28</v>
      </c>
      <c r="D143" s="59" t="s">
        <v>366</v>
      </c>
      <c r="E143" s="59" t="s">
        <v>380</v>
      </c>
      <c r="F143" s="59" t="s">
        <v>449</v>
      </c>
      <c r="G143" s="59" t="s">
        <v>450</v>
      </c>
      <c r="H143" s="60">
        <v>212</v>
      </c>
      <c r="I143" s="60">
        <v>244</v>
      </c>
      <c r="J143" s="61">
        <v>0</v>
      </c>
      <c r="K143" s="61">
        <v>1312.03</v>
      </c>
    </row>
    <row r="144" spans="1:11" ht="18.75" customHeight="1" thickBot="1">
      <c r="A144" s="59" t="s">
        <v>448</v>
      </c>
      <c r="B144" s="59" t="s">
        <v>28</v>
      </c>
      <c r="C144" s="59" t="s">
        <v>28</v>
      </c>
      <c r="D144" s="59" t="s">
        <v>366</v>
      </c>
      <c r="E144" s="59" t="s">
        <v>380</v>
      </c>
      <c r="F144" s="59" t="s">
        <v>449</v>
      </c>
      <c r="G144" s="59" t="s">
        <v>450</v>
      </c>
      <c r="H144" s="60">
        <v>212</v>
      </c>
      <c r="I144" s="60">
        <v>248</v>
      </c>
      <c r="J144" s="61">
        <v>0</v>
      </c>
      <c r="K144" s="61">
        <v>839.68</v>
      </c>
    </row>
    <row r="145" spans="1:11" ht="18.75" customHeight="1" thickBot="1">
      <c r="A145" s="59" t="s">
        <v>448</v>
      </c>
      <c r="B145" s="59" t="s">
        <v>28</v>
      </c>
      <c r="C145" s="59" t="s">
        <v>28</v>
      </c>
      <c r="D145" s="59" t="s">
        <v>366</v>
      </c>
      <c r="E145" s="59" t="s">
        <v>380</v>
      </c>
      <c r="F145" s="59" t="s">
        <v>449</v>
      </c>
      <c r="G145" s="59" t="s">
        <v>450</v>
      </c>
      <c r="H145" s="60">
        <v>216</v>
      </c>
      <c r="I145" s="60">
        <v>97</v>
      </c>
      <c r="J145" s="61">
        <v>0</v>
      </c>
      <c r="K145" s="61">
        <v>26.11</v>
      </c>
    </row>
    <row r="146" spans="1:11" ht="18.75" customHeight="1" thickBot="1">
      <c r="A146" s="59" t="s">
        <v>448</v>
      </c>
      <c r="B146" s="59" t="s">
        <v>28</v>
      </c>
      <c r="C146" s="59" t="s">
        <v>28</v>
      </c>
      <c r="D146" s="59" t="s">
        <v>366</v>
      </c>
      <c r="E146" s="59" t="s">
        <v>380</v>
      </c>
      <c r="F146" s="59" t="s">
        <v>449</v>
      </c>
      <c r="G146" s="59" t="s">
        <v>450</v>
      </c>
      <c r="H146" s="60">
        <v>216</v>
      </c>
      <c r="I146" s="60">
        <v>109</v>
      </c>
      <c r="J146" s="61">
        <v>0</v>
      </c>
      <c r="K146" s="61">
        <v>10.41</v>
      </c>
    </row>
    <row r="147" spans="1:11" ht="18.75" customHeight="1" thickBot="1">
      <c r="A147" s="59" t="s">
        <v>448</v>
      </c>
      <c r="B147" s="59" t="s">
        <v>28</v>
      </c>
      <c r="C147" s="59" t="s">
        <v>28</v>
      </c>
      <c r="D147" s="59" t="s">
        <v>366</v>
      </c>
      <c r="E147" s="59" t="s">
        <v>380</v>
      </c>
      <c r="F147" s="59" t="s">
        <v>449</v>
      </c>
      <c r="G147" s="59" t="s">
        <v>450</v>
      </c>
      <c r="H147" s="60">
        <v>216</v>
      </c>
      <c r="I147" s="60">
        <v>113</v>
      </c>
      <c r="J147" s="61">
        <v>0</v>
      </c>
      <c r="K147" s="61">
        <v>15.31</v>
      </c>
    </row>
    <row r="148" spans="1:11" ht="18.75" customHeight="1" thickBot="1">
      <c r="A148" s="59" t="s">
        <v>448</v>
      </c>
      <c r="B148" s="59" t="s">
        <v>28</v>
      </c>
      <c r="C148" s="59" t="s">
        <v>28</v>
      </c>
      <c r="D148" s="59" t="s">
        <v>366</v>
      </c>
      <c r="E148" s="59" t="s">
        <v>380</v>
      </c>
      <c r="F148" s="59" t="s">
        <v>449</v>
      </c>
      <c r="G148" s="59" t="s">
        <v>450</v>
      </c>
      <c r="H148" s="60">
        <v>216</v>
      </c>
      <c r="I148" s="60">
        <v>211</v>
      </c>
      <c r="J148" s="61">
        <v>0</v>
      </c>
      <c r="K148" s="61">
        <v>270.17</v>
      </c>
    </row>
    <row r="149" spans="1:11" ht="18.75" customHeight="1" thickBot="1">
      <c r="A149" s="59" t="s">
        <v>448</v>
      </c>
      <c r="B149" s="59" t="s">
        <v>28</v>
      </c>
      <c r="C149" s="59" t="s">
        <v>28</v>
      </c>
      <c r="D149" s="59" t="s">
        <v>366</v>
      </c>
      <c r="E149" s="59" t="s">
        <v>380</v>
      </c>
      <c r="F149" s="59" t="s">
        <v>449</v>
      </c>
      <c r="G149" s="59" t="s">
        <v>450</v>
      </c>
      <c r="H149" s="60">
        <v>216</v>
      </c>
      <c r="I149" s="60">
        <v>215</v>
      </c>
      <c r="J149" s="61">
        <v>0</v>
      </c>
      <c r="K149" s="61">
        <v>733.85</v>
      </c>
    </row>
    <row r="150" spans="1:11" ht="18.75" customHeight="1" thickBot="1">
      <c r="A150" s="59" t="s">
        <v>448</v>
      </c>
      <c r="B150" s="59" t="s">
        <v>28</v>
      </c>
      <c r="C150" s="59" t="s">
        <v>28</v>
      </c>
      <c r="D150" s="59" t="s">
        <v>366</v>
      </c>
      <c r="E150" s="59" t="s">
        <v>380</v>
      </c>
      <c r="F150" s="59" t="s">
        <v>449</v>
      </c>
      <c r="G150" s="59" t="s">
        <v>450</v>
      </c>
      <c r="H150" s="60">
        <v>221</v>
      </c>
      <c r="I150" s="60">
        <v>93</v>
      </c>
      <c r="J150" s="61">
        <v>0</v>
      </c>
      <c r="K150" s="61">
        <v>0.84</v>
      </c>
    </row>
    <row r="151" spans="1:11" ht="18.75" customHeight="1" thickBot="1">
      <c r="A151" s="59" t="s">
        <v>448</v>
      </c>
      <c r="B151" s="59" t="s">
        <v>28</v>
      </c>
      <c r="C151" s="59" t="s">
        <v>28</v>
      </c>
      <c r="D151" s="59" t="s">
        <v>366</v>
      </c>
      <c r="E151" s="59" t="s">
        <v>380</v>
      </c>
      <c r="F151" s="59" t="s">
        <v>449</v>
      </c>
      <c r="G151" s="59" t="s">
        <v>450</v>
      </c>
      <c r="H151" s="60">
        <v>221</v>
      </c>
      <c r="I151" s="60">
        <v>94</v>
      </c>
      <c r="J151" s="61">
        <v>0</v>
      </c>
      <c r="K151" s="61">
        <v>3.63</v>
      </c>
    </row>
    <row r="152" spans="1:11" ht="18.75" customHeight="1" thickBot="1">
      <c r="A152" s="59" t="s">
        <v>448</v>
      </c>
      <c r="B152" s="59" t="s">
        <v>28</v>
      </c>
      <c r="C152" s="59" t="s">
        <v>28</v>
      </c>
      <c r="D152" s="59" t="s">
        <v>366</v>
      </c>
      <c r="E152" s="59" t="s">
        <v>380</v>
      </c>
      <c r="F152" s="59" t="s">
        <v>449</v>
      </c>
      <c r="G152" s="59" t="s">
        <v>450</v>
      </c>
      <c r="H152" s="60">
        <v>221</v>
      </c>
      <c r="I152" s="60">
        <v>95</v>
      </c>
      <c r="J152" s="61">
        <v>0</v>
      </c>
      <c r="K152" s="61">
        <v>4.32</v>
      </c>
    </row>
    <row r="153" spans="1:11" ht="18.75" customHeight="1" thickBot="1">
      <c r="A153" s="59" t="s">
        <v>448</v>
      </c>
      <c r="B153" s="59" t="s">
        <v>28</v>
      </c>
      <c r="C153" s="59" t="s">
        <v>28</v>
      </c>
      <c r="D153" s="59" t="s">
        <v>366</v>
      </c>
      <c r="E153" s="59" t="s">
        <v>380</v>
      </c>
      <c r="F153" s="59" t="s">
        <v>449</v>
      </c>
      <c r="G153" s="59" t="s">
        <v>450</v>
      </c>
      <c r="H153" s="60">
        <v>221</v>
      </c>
      <c r="I153" s="60">
        <v>97</v>
      </c>
      <c r="J153" s="61">
        <v>0</v>
      </c>
      <c r="K153" s="61">
        <v>2.73</v>
      </c>
    </row>
    <row r="154" spans="1:11" ht="18.75" customHeight="1" thickBot="1">
      <c r="A154" s="59" t="s">
        <v>448</v>
      </c>
      <c r="B154" s="59" t="s">
        <v>28</v>
      </c>
      <c r="C154" s="59" t="s">
        <v>28</v>
      </c>
      <c r="D154" s="59" t="s">
        <v>366</v>
      </c>
      <c r="E154" s="59" t="s">
        <v>380</v>
      </c>
      <c r="F154" s="59" t="s">
        <v>449</v>
      </c>
      <c r="G154" s="59" t="s">
        <v>450</v>
      </c>
      <c r="H154" s="60">
        <v>221</v>
      </c>
      <c r="I154" s="60">
        <v>107</v>
      </c>
      <c r="J154" s="61">
        <v>0</v>
      </c>
      <c r="K154" s="61">
        <v>4.7</v>
      </c>
    </row>
    <row r="155" spans="1:11" ht="18.75" customHeight="1" thickBot="1">
      <c r="A155" s="59" t="s">
        <v>448</v>
      </c>
      <c r="B155" s="59" t="s">
        <v>28</v>
      </c>
      <c r="C155" s="59" t="s">
        <v>28</v>
      </c>
      <c r="D155" s="59" t="s">
        <v>366</v>
      </c>
      <c r="E155" s="59" t="s">
        <v>380</v>
      </c>
      <c r="F155" s="59" t="s">
        <v>449</v>
      </c>
      <c r="G155" s="59" t="s">
        <v>450</v>
      </c>
      <c r="H155" s="60">
        <v>221</v>
      </c>
      <c r="I155" s="60">
        <v>109</v>
      </c>
      <c r="J155" s="61">
        <v>0</v>
      </c>
      <c r="K155" s="61">
        <v>6.3</v>
      </c>
    </row>
    <row r="156" spans="1:11" ht="18.75" customHeight="1" thickBot="1">
      <c r="A156" s="59" t="s">
        <v>448</v>
      </c>
      <c r="B156" s="59" t="s">
        <v>28</v>
      </c>
      <c r="C156" s="59" t="s">
        <v>28</v>
      </c>
      <c r="D156" s="59" t="s">
        <v>366</v>
      </c>
      <c r="E156" s="59" t="s">
        <v>380</v>
      </c>
      <c r="F156" s="59" t="s">
        <v>449</v>
      </c>
      <c r="G156" s="59" t="s">
        <v>450</v>
      </c>
      <c r="H156" s="60">
        <v>221</v>
      </c>
      <c r="I156" s="60">
        <v>113</v>
      </c>
      <c r="J156" s="61">
        <v>0</v>
      </c>
      <c r="K156" s="61">
        <v>2.48</v>
      </c>
    </row>
    <row r="157" spans="1:11" ht="18.75" customHeight="1" thickBot="1">
      <c r="A157" s="59" t="s">
        <v>448</v>
      </c>
      <c r="B157" s="59" t="s">
        <v>28</v>
      </c>
      <c r="C157" s="59" t="s">
        <v>28</v>
      </c>
      <c r="D157" s="59" t="s">
        <v>366</v>
      </c>
      <c r="E157" s="59" t="s">
        <v>380</v>
      </c>
      <c r="F157" s="59" t="s">
        <v>449</v>
      </c>
      <c r="G157" s="59" t="s">
        <v>450</v>
      </c>
      <c r="H157" s="60">
        <v>221</v>
      </c>
      <c r="I157" s="60">
        <v>204</v>
      </c>
      <c r="J157" s="61">
        <v>0</v>
      </c>
      <c r="K157" s="61">
        <v>7.62</v>
      </c>
    </row>
    <row r="158" spans="1:11" ht="18.75" customHeight="1" thickBot="1">
      <c r="A158" s="59" t="s">
        <v>448</v>
      </c>
      <c r="B158" s="59" t="s">
        <v>28</v>
      </c>
      <c r="C158" s="59" t="s">
        <v>28</v>
      </c>
      <c r="D158" s="59" t="s">
        <v>366</v>
      </c>
      <c r="E158" s="59" t="s">
        <v>380</v>
      </c>
      <c r="F158" s="59" t="s">
        <v>449</v>
      </c>
      <c r="G158" s="59" t="s">
        <v>450</v>
      </c>
      <c r="H158" s="60">
        <v>221</v>
      </c>
      <c r="I158" s="60">
        <v>211</v>
      </c>
      <c r="J158" s="61">
        <v>0</v>
      </c>
      <c r="K158" s="61">
        <v>823.47</v>
      </c>
    </row>
    <row r="159" spans="1:11" ht="18.75" customHeight="1" thickBot="1">
      <c r="A159" s="59" t="s">
        <v>448</v>
      </c>
      <c r="B159" s="59" t="s">
        <v>28</v>
      </c>
      <c r="C159" s="59" t="s">
        <v>28</v>
      </c>
      <c r="D159" s="59" t="s">
        <v>366</v>
      </c>
      <c r="E159" s="59" t="s">
        <v>380</v>
      </c>
      <c r="F159" s="59" t="s">
        <v>449</v>
      </c>
      <c r="G159" s="59" t="s">
        <v>450</v>
      </c>
      <c r="H159" s="60">
        <v>221</v>
      </c>
      <c r="I159" s="60">
        <v>215</v>
      </c>
      <c r="J159" s="61">
        <v>0</v>
      </c>
      <c r="K159" s="61">
        <v>2935.49</v>
      </c>
    </row>
    <row r="160" spans="1:11" ht="18.75" customHeight="1" thickBot="1">
      <c r="A160" s="59" t="s">
        <v>448</v>
      </c>
      <c r="B160" s="59" t="s">
        <v>28</v>
      </c>
      <c r="C160" s="59" t="s">
        <v>28</v>
      </c>
      <c r="D160" s="59" t="s">
        <v>366</v>
      </c>
      <c r="E160" s="59" t="s">
        <v>380</v>
      </c>
      <c r="F160" s="59" t="s">
        <v>449</v>
      </c>
      <c r="G160" s="59" t="s">
        <v>450</v>
      </c>
      <c r="H160" s="60">
        <v>221</v>
      </c>
      <c r="I160" s="60">
        <v>217</v>
      </c>
      <c r="J160" s="61">
        <v>0</v>
      </c>
      <c r="K160" s="61">
        <v>53.76</v>
      </c>
    </row>
    <row r="161" spans="1:11" ht="18.75" customHeight="1" thickBot="1">
      <c r="A161" s="59" t="s">
        <v>448</v>
      </c>
      <c r="B161" s="59" t="s">
        <v>28</v>
      </c>
      <c r="C161" s="59" t="s">
        <v>28</v>
      </c>
      <c r="D161" s="59" t="s">
        <v>366</v>
      </c>
      <c r="E161" s="59" t="s">
        <v>380</v>
      </c>
      <c r="F161" s="59" t="s">
        <v>449</v>
      </c>
      <c r="G161" s="59" t="s">
        <v>450</v>
      </c>
      <c r="H161" s="60">
        <v>221</v>
      </c>
      <c r="I161" s="60">
        <v>220</v>
      </c>
      <c r="J161" s="61">
        <v>0</v>
      </c>
      <c r="K161" s="61">
        <v>284.93</v>
      </c>
    </row>
    <row r="162" spans="1:11" ht="18.75" customHeight="1" thickBot="1">
      <c r="A162" s="59" t="s">
        <v>448</v>
      </c>
      <c r="B162" s="59" t="s">
        <v>28</v>
      </c>
      <c r="C162" s="59" t="s">
        <v>28</v>
      </c>
      <c r="D162" s="59" t="s">
        <v>366</v>
      </c>
      <c r="E162" s="59" t="s">
        <v>380</v>
      </c>
      <c r="F162" s="59" t="s">
        <v>449</v>
      </c>
      <c r="G162" s="59" t="s">
        <v>450</v>
      </c>
      <c r="H162" s="60">
        <v>221</v>
      </c>
      <c r="I162" s="60">
        <v>240</v>
      </c>
      <c r="J162" s="61">
        <v>0</v>
      </c>
      <c r="K162" s="61">
        <v>1312.11</v>
      </c>
    </row>
    <row r="163" spans="1:11" ht="18.75" customHeight="1" thickBot="1">
      <c r="A163" s="59" t="s">
        <v>448</v>
      </c>
      <c r="B163" s="59" t="s">
        <v>28</v>
      </c>
      <c r="C163" s="59" t="s">
        <v>28</v>
      </c>
      <c r="D163" s="59" t="s">
        <v>366</v>
      </c>
      <c r="E163" s="59" t="s">
        <v>380</v>
      </c>
      <c r="F163" s="59" t="s">
        <v>449</v>
      </c>
      <c r="G163" s="59" t="s">
        <v>450</v>
      </c>
      <c r="H163" s="60">
        <v>221</v>
      </c>
      <c r="I163" s="60">
        <v>244</v>
      </c>
      <c r="J163" s="61">
        <v>0</v>
      </c>
      <c r="K163" s="61">
        <v>1664.75</v>
      </c>
    </row>
    <row r="164" spans="1:11" ht="18.75" customHeight="1" thickBot="1">
      <c r="A164" s="59" t="s">
        <v>448</v>
      </c>
      <c r="B164" s="59" t="s">
        <v>28</v>
      </c>
      <c r="C164" s="59" t="s">
        <v>28</v>
      </c>
      <c r="D164" s="59" t="s">
        <v>366</v>
      </c>
      <c r="E164" s="59" t="s">
        <v>380</v>
      </c>
      <c r="F164" s="59" t="s">
        <v>449</v>
      </c>
      <c r="G164" s="59" t="s">
        <v>450</v>
      </c>
      <c r="H164" s="60">
        <v>221</v>
      </c>
      <c r="I164" s="60">
        <v>358</v>
      </c>
      <c r="J164" s="61">
        <v>0</v>
      </c>
      <c r="K164" s="61">
        <v>9105.5300000000007</v>
      </c>
    </row>
    <row r="165" spans="1:11" ht="18.75" customHeight="1" thickBot="1">
      <c r="A165" s="59" t="s">
        <v>448</v>
      </c>
      <c r="B165" s="59" t="s">
        <v>28</v>
      </c>
      <c r="C165" s="59" t="s">
        <v>28</v>
      </c>
      <c r="D165" s="59" t="s">
        <v>366</v>
      </c>
      <c r="E165" s="59" t="s">
        <v>380</v>
      </c>
      <c r="F165" s="59" t="s">
        <v>449</v>
      </c>
      <c r="G165" s="59" t="s">
        <v>450</v>
      </c>
      <c r="H165" s="60">
        <v>221</v>
      </c>
      <c r="I165" s="60">
        <v>359</v>
      </c>
      <c r="J165" s="61">
        <v>0</v>
      </c>
      <c r="K165" s="61">
        <v>7799.37</v>
      </c>
    </row>
    <row r="166" spans="1:11" ht="18.75" customHeight="1" thickBot="1">
      <c r="A166" s="59" t="s">
        <v>448</v>
      </c>
      <c r="B166" s="59" t="s">
        <v>28</v>
      </c>
      <c r="C166" s="59" t="s">
        <v>28</v>
      </c>
      <c r="D166" s="59" t="s">
        <v>366</v>
      </c>
      <c r="E166" s="59" t="s">
        <v>380</v>
      </c>
      <c r="F166" s="59" t="s">
        <v>449</v>
      </c>
      <c r="G166" s="59" t="s">
        <v>450</v>
      </c>
      <c r="H166" s="60">
        <v>221</v>
      </c>
      <c r="I166" s="60">
        <v>360</v>
      </c>
      <c r="J166" s="61">
        <v>0</v>
      </c>
      <c r="K166" s="61">
        <v>3756.46</v>
      </c>
    </row>
    <row r="167" spans="1:11" ht="18.75" customHeight="1" thickBot="1">
      <c r="A167" s="59" t="s">
        <v>448</v>
      </c>
      <c r="B167" s="59" t="s">
        <v>28</v>
      </c>
      <c r="C167" s="59" t="s">
        <v>28</v>
      </c>
      <c r="D167" s="59" t="s">
        <v>366</v>
      </c>
      <c r="E167" s="59" t="s">
        <v>380</v>
      </c>
      <c r="F167" s="59" t="s">
        <v>449</v>
      </c>
      <c r="G167" s="59" t="s">
        <v>450</v>
      </c>
      <c r="H167" s="60">
        <v>222</v>
      </c>
      <c r="I167" s="60">
        <v>113</v>
      </c>
      <c r="J167" s="61">
        <v>0</v>
      </c>
      <c r="K167" s="61">
        <v>4.95</v>
      </c>
    </row>
    <row r="168" spans="1:11" ht="18.75" customHeight="1" thickBot="1">
      <c r="A168" s="59" t="s">
        <v>448</v>
      </c>
      <c r="B168" s="59" t="s">
        <v>28</v>
      </c>
      <c r="C168" s="59" t="s">
        <v>28</v>
      </c>
      <c r="D168" s="59" t="s">
        <v>366</v>
      </c>
      <c r="E168" s="59" t="s">
        <v>380</v>
      </c>
      <c r="F168" s="59" t="s">
        <v>449</v>
      </c>
      <c r="G168" s="59" t="s">
        <v>450</v>
      </c>
      <c r="H168" s="60">
        <v>222</v>
      </c>
      <c r="I168" s="60">
        <v>211</v>
      </c>
      <c r="J168" s="61">
        <v>0</v>
      </c>
      <c r="K168" s="61">
        <v>81.93</v>
      </c>
    </row>
    <row r="169" spans="1:11" ht="18.75" customHeight="1" thickBot="1">
      <c r="A169" s="59" t="s">
        <v>448</v>
      </c>
      <c r="B169" s="59" t="s">
        <v>28</v>
      </c>
      <c r="C169" s="59" t="s">
        <v>28</v>
      </c>
      <c r="D169" s="59" t="s">
        <v>366</v>
      </c>
      <c r="E169" s="59" t="s">
        <v>380</v>
      </c>
      <c r="F169" s="59" t="s">
        <v>449</v>
      </c>
      <c r="G169" s="59" t="s">
        <v>450</v>
      </c>
      <c r="H169" s="60">
        <v>222</v>
      </c>
      <c r="I169" s="60">
        <v>215</v>
      </c>
      <c r="J169" s="61">
        <v>0</v>
      </c>
      <c r="K169" s="61">
        <v>582.39</v>
      </c>
    </row>
    <row r="170" spans="1:11" ht="18.75" customHeight="1" thickBot="1">
      <c r="A170" s="59" t="s">
        <v>448</v>
      </c>
      <c r="B170" s="59" t="s">
        <v>28</v>
      </c>
      <c r="C170" s="59" t="s">
        <v>28</v>
      </c>
      <c r="D170" s="59" t="s">
        <v>366</v>
      </c>
      <c r="E170" s="59" t="s">
        <v>380</v>
      </c>
      <c r="F170" s="59" t="s">
        <v>449</v>
      </c>
      <c r="G170" s="59" t="s">
        <v>450</v>
      </c>
      <c r="H170" s="60">
        <v>222</v>
      </c>
      <c r="I170" s="60">
        <v>220</v>
      </c>
      <c r="J170" s="61">
        <v>0</v>
      </c>
      <c r="K170" s="61">
        <v>122.19</v>
      </c>
    </row>
    <row r="171" spans="1:11" ht="18.75" customHeight="1" thickBot="1">
      <c r="A171" s="59" t="s">
        <v>448</v>
      </c>
      <c r="B171" s="59" t="s">
        <v>28</v>
      </c>
      <c r="C171" s="59" t="s">
        <v>28</v>
      </c>
      <c r="D171" s="59" t="s">
        <v>366</v>
      </c>
      <c r="E171" s="59" t="s">
        <v>380</v>
      </c>
      <c r="F171" s="59" t="s">
        <v>449</v>
      </c>
      <c r="G171" s="59" t="s">
        <v>450</v>
      </c>
      <c r="H171" s="60">
        <v>222</v>
      </c>
      <c r="I171" s="60">
        <v>240</v>
      </c>
      <c r="J171" s="61">
        <v>0</v>
      </c>
      <c r="K171" s="61">
        <v>860.69</v>
      </c>
    </row>
    <row r="172" spans="1:11" ht="18.75" customHeight="1" thickBot="1">
      <c r="A172" s="59" t="s">
        <v>448</v>
      </c>
      <c r="B172" s="59" t="s">
        <v>28</v>
      </c>
      <c r="C172" s="59" t="s">
        <v>28</v>
      </c>
      <c r="D172" s="59" t="s">
        <v>366</v>
      </c>
      <c r="E172" s="59" t="s">
        <v>380</v>
      </c>
      <c r="F172" s="59" t="s">
        <v>449</v>
      </c>
      <c r="G172" s="59" t="s">
        <v>450</v>
      </c>
      <c r="H172" s="60">
        <v>222</v>
      </c>
      <c r="I172" s="60">
        <v>251</v>
      </c>
      <c r="J172" s="61">
        <v>0</v>
      </c>
      <c r="K172" s="61">
        <v>5.24</v>
      </c>
    </row>
    <row r="173" spans="1:11" ht="18.75" customHeight="1" thickBot="1">
      <c r="A173" s="59" t="s">
        <v>448</v>
      </c>
      <c r="B173" s="59" t="s">
        <v>28</v>
      </c>
      <c r="C173" s="59" t="s">
        <v>28</v>
      </c>
      <c r="D173" s="59" t="s">
        <v>366</v>
      </c>
      <c r="E173" s="59" t="s">
        <v>380</v>
      </c>
      <c r="F173" s="59" t="s">
        <v>449</v>
      </c>
      <c r="G173" s="59" t="s">
        <v>450</v>
      </c>
      <c r="H173" s="60">
        <v>230</v>
      </c>
      <c r="I173" s="60">
        <v>94</v>
      </c>
      <c r="J173" s="61">
        <v>0</v>
      </c>
      <c r="K173" s="61">
        <v>0.64</v>
      </c>
    </row>
    <row r="174" spans="1:11" ht="18.75" customHeight="1" thickBot="1">
      <c r="A174" s="59" t="s">
        <v>448</v>
      </c>
      <c r="B174" s="59" t="s">
        <v>28</v>
      </c>
      <c r="C174" s="59" t="s">
        <v>28</v>
      </c>
      <c r="D174" s="59" t="s">
        <v>366</v>
      </c>
      <c r="E174" s="59" t="s">
        <v>380</v>
      </c>
      <c r="F174" s="59" t="s">
        <v>449</v>
      </c>
      <c r="G174" s="59" t="s">
        <v>450</v>
      </c>
      <c r="H174" s="60">
        <v>230</v>
      </c>
      <c r="I174" s="60">
        <v>97</v>
      </c>
      <c r="J174" s="61">
        <v>0</v>
      </c>
      <c r="K174" s="61">
        <v>20.58</v>
      </c>
    </row>
    <row r="175" spans="1:11" ht="18.75" customHeight="1" thickBot="1">
      <c r="A175" s="59" t="s">
        <v>448</v>
      </c>
      <c r="B175" s="59" t="s">
        <v>28</v>
      </c>
      <c r="C175" s="59" t="s">
        <v>28</v>
      </c>
      <c r="D175" s="59" t="s">
        <v>366</v>
      </c>
      <c r="E175" s="59" t="s">
        <v>380</v>
      </c>
      <c r="F175" s="59" t="s">
        <v>449</v>
      </c>
      <c r="G175" s="59" t="s">
        <v>450</v>
      </c>
      <c r="H175" s="60">
        <v>230</v>
      </c>
      <c r="I175" s="60">
        <v>107</v>
      </c>
      <c r="J175" s="61">
        <v>0</v>
      </c>
      <c r="K175" s="61">
        <v>1.04</v>
      </c>
    </row>
    <row r="176" spans="1:11" ht="18.75" customHeight="1" thickBot="1">
      <c r="A176" s="59" t="s">
        <v>448</v>
      </c>
      <c r="B176" s="59" t="s">
        <v>28</v>
      </c>
      <c r="C176" s="59" t="s">
        <v>28</v>
      </c>
      <c r="D176" s="59" t="s">
        <v>366</v>
      </c>
      <c r="E176" s="59" t="s">
        <v>380</v>
      </c>
      <c r="F176" s="59" t="s">
        <v>449</v>
      </c>
      <c r="G176" s="59" t="s">
        <v>450</v>
      </c>
      <c r="H176" s="60">
        <v>230</v>
      </c>
      <c r="I176" s="60">
        <v>113</v>
      </c>
      <c r="J176" s="61">
        <v>0</v>
      </c>
      <c r="K176" s="61">
        <v>2.23</v>
      </c>
    </row>
    <row r="177" spans="1:11" ht="18.75" customHeight="1" thickBot="1">
      <c r="A177" s="59" t="s">
        <v>448</v>
      </c>
      <c r="B177" s="59" t="s">
        <v>28</v>
      </c>
      <c r="C177" s="59" t="s">
        <v>28</v>
      </c>
      <c r="D177" s="59" t="s">
        <v>366</v>
      </c>
      <c r="E177" s="59" t="s">
        <v>380</v>
      </c>
      <c r="F177" s="59" t="s">
        <v>449</v>
      </c>
      <c r="G177" s="59" t="s">
        <v>450</v>
      </c>
      <c r="H177" s="60">
        <v>230</v>
      </c>
      <c r="I177" s="60">
        <v>211</v>
      </c>
      <c r="J177" s="61">
        <v>0</v>
      </c>
      <c r="K177" s="61">
        <v>91.32</v>
      </c>
    </row>
    <row r="178" spans="1:11" ht="18.75" customHeight="1" thickBot="1">
      <c r="A178" s="59" t="s">
        <v>448</v>
      </c>
      <c r="B178" s="59" t="s">
        <v>28</v>
      </c>
      <c r="C178" s="59" t="s">
        <v>28</v>
      </c>
      <c r="D178" s="59" t="s">
        <v>366</v>
      </c>
      <c r="E178" s="59" t="s">
        <v>380</v>
      </c>
      <c r="F178" s="59" t="s">
        <v>449</v>
      </c>
      <c r="G178" s="59" t="s">
        <v>450</v>
      </c>
      <c r="H178" s="60">
        <v>230</v>
      </c>
      <c r="I178" s="60">
        <v>215</v>
      </c>
      <c r="J178" s="61">
        <v>0</v>
      </c>
      <c r="K178" s="61">
        <v>442.85</v>
      </c>
    </row>
    <row r="179" spans="1:11" ht="18.75" customHeight="1" thickBot="1">
      <c r="A179" s="59" t="s">
        <v>448</v>
      </c>
      <c r="B179" s="59" t="s">
        <v>28</v>
      </c>
      <c r="C179" s="59" t="s">
        <v>28</v>
      </c>
      <c r="D179" s="59" t="s">
        <v>366</v>
      </c>
      <c r="E179" s="59" t="s">
        <v>380</v>
      </c>
      <c r="F179" s="59" t="s">
        <v>449</v>
      </c>
      <c r="G179" s="59" t="s">
        <v>450</v>
      </c>
      <c r="H179" s="60">
        <v>230</v>
      </c>
      <c r="I179" s="60">
        <v>220</v>
      </c>
      <c r="J179" s="61">
        <v>0</v>
      </c>
      <c r="K179" s="61">
        <v>1391.85</v>
      </c>
    </row>
    <row r="180" spans="1:11" ht="18.75" customHeight="1" thickBot="1">
      <c r="A180" s="59" t="s">
        <v>448</v>
      </c>
      <c r="B180" s="59" t="s">
        <v>28</v>
      </c>
      <c r="C180" s="59" t="s">
        <v>28</v>
      </c>
      <c r="D180" s="59" t="s">
        <v>366</v>
      </c>
      <c r="E180" s="59" t="s">
        <v>380</v>
      </c>
      <c r="F180" s="59" t="s">
        <v>449</v>
      </c>
      <c r="G180" s="59" t="s">
        <v>450</v>
      </c>
      <c r="H180" s="60">
        <v>230</v>
      </c>
      <c r="I180" s="60">
        <v>236</v>
      </c>
      <c r="J180" s="61">
        <v>0</v>
      </c>
      <c r="K180" s="61">
        <v>286.98</v>
      </c>
    </row>
    <row r="181" spans="1:11" ht="18.75" customHeight="1" thickBot="1">
      <c r="A181" s="59" t="s">
        <v>448</v>
      </c>
      <c r="B181" s="59" t="s">
        <v>28</v>
      </c>
      <c r="C181" s="59" t="s">
        <v>28</v>
      </c>
      <c r="D181" s="59" t="s">
        <v>366</v>
      </c>
      <c r="E181" s="59" t="s">
        <v>380</v>
      </c>
      <c r="F181" s="59" t="s">
        <v>449</v>
      </c>
      <c r="G181" s="59" t="s">
        <v>450</v>
      </c>
      <c r="H181" s="60">
        <v>230</v>
      </c>
      <c r="I181" s="60">
        <v>240</v>
      </c>
      <c r="J181" s="61">
        <v>0</v>
      </c>
      <c r="K181" s="61">
        <v>1011.01</v>
      </c>
    </row>
    <row r="182" spans="1:11" ht="18.75" customHeight="1" thickBot="1">
      <c r="A182" s="59" t="s">
        <v>448</v>
      </c>
      <c r="B182" s="59" t="s">
        <v>28</v>
      </c>
      <c r="C182" s="59" t="s">
        <v>28</v>
      </c>
      <c r="D182" s="59" t="s">
        <v>366</v>
      </c>
      <c r="E182" s="59" t="s">
        <v>380</v>
      </c>
      <c r="F182" s="59" t="s">
        <v>449</v>
      </c>
      <c r="G182" s="59" t="s">
        <v>450</v>
      </c>
      <c r="H182" s="60">
        <v>230</v>
      </c>
      <c r="I182" s="60">
        <v>244</v>
      </c>
      <c r="J182" s="61">
        <v>0</v>
      </c>
      <c r="K182" s="61">
        <v>6577.08</v>
      </c>
    </row>
    <row r="183" spans="1:11" ht="18.75" customHeight="1" thickBot="1">
      <c r="A183" s="59" t="s">
        <v>448</v>
      </c>
      <c r="B183" s="59" t="s">
        <v>28</v>
      </c>
      <c r="C183" s="59" t="s">
        <v>28</v>
      </c>
      <c r="D183" s="59" t="s">
        <v>366</v>
      </c>
      <c r="E183" s="59" t="s">
        <v>380</v>
      </c>
      <c r="F183" s="59" t="s">
        <v>449</v>
      </c>
      <c r="G183" s="59" t="s">
        <v>450</v>
      </c>
      <c r="H183" s="60">
        <v>230</v>
      </c>
      <c r="I183" s="60">
        <v>248</v>
      </c>
      <c r="J183" s="61">
        <v>0</v>
      </c>
      <c r="K183" s="61">
        <v>732.29</v>
      </c>
    </row>
    <row r="184" spans="1:11" ht="18.75" customHeight="1" thickBot="1">
      <c r="A184" s="59" t="s">
        <v>448</v>
      </c>
      <c r="B184" s="59" t="s">
        <v>28</v>
      </c>
      <c r="C184" s="59" t="s">
        <v>28</v>
      </c>
      <c r="D184" s="59" t="s">
        <v>366</v>
      </c>
      <c r="E184" s="59" t="s">
        <v>380</v>
      </c>
      <c r="F184" s="59" t="s">
        <v>449</v>
      </c>
      <c r="G184" s="59" t="s">
        <v>450</v>
      </c>
      <c r="H184" s="60">
        <v>230</v>
      </c>
      <c r="I184" s="60">
        <v>257</v>
      </c>
      <c r="J184" s="61">
        <v>0</v>
      </c>
      <c r="K184" s="61">
        <v>395.57</v>
      </c>
    </row>
    <row r="185" spans="1:11" ht="18.75" customHeight="1" thickBot="1">
      <c r="A185" s="59" t="s">
        <v>448</v>
      </c>
      <c r="B185" s="59" t="s">
        <v>28</v>
      </c>
      <c r="C185" s="59" t="s">
        <v>28</v>
      </c>
      <c r="D185" s="59" t="s">
        <v>366</v>
      </c>
      <c r="E185" s="59" t="s">
        <v>380</v>
      </c>
      <c r="F185" s="59" t="s">
        <v>449</v>
      </c>
      <c r="G185" s="59" t="s">
        <v>450</v>
      </c>
      <c r="H185" s="60">
        <v>230</v>
      </c>
      <c r="I185" s="60">
        <v>330</v>
      </c>
      <c r="J185" s="61">
        <v>0</v>
      </c>
      <c r="K185" s="61">
        <v>4370.43</v>
      </c>
    </row>
    <row r="186" spans="1:11" ht="18.75" customHeight="1" thickBot="1">
      <c r="A186" s="59" t="s">
        <v>448</v>
      </c>
      <c r="B186" s="59" t="s">
        <v>28</v>
      </c>
      <c r="C186" s="59" t="s">
        <v>28</v>
      </c>
      <c r="D186" s="59" t="s">
        <v>366</v>
      </c>
      <c r="E186" s="59" t="s">
        <v>380</v>
      </c>
      <c r="F186" s="59" t="s">
        <v>449</v>
      </c>
      <c r="G186" s="59" t="s">
        <v>450</v>
      </c>
      <c r="H186" s="60">
        <v>230</v>
      </c>
      <c r="I186" s="60">
        <v>358</v>
      </c>
      <c r="J186" s="61">
        <v>0</v>
      </c>
      <c r="K186" s="61">
        <v>21514.82</v>
      </c>
    </row>
    <row r="187" spans="1:11" ht="18.75" hidden="1" customHeight="1" thickBot="1">
      <c r="A187" s="59" t="s">
        <v>448</v>
      </c>
      <c r="B187" s="59" t="s">
        <v>28</v>
      </c>
      <c r="C187" s="59" t="s">
        <v>28</v>
      </c>
      <c r="D187" s="59" t="s">
        <v>366</v>
      </c>
      <c r="E187" s="59" t="s">
        <v>382</v>
      </c>
      <c r="F187" s="59" t="s">
        <v>449</v>
      </c>
      <c r="G187" s="59" t="s">
        <v>450</v>
      </c>
      <c r="H187" s="60">
        <v>10</v>
      </c>
      <c r="I187" s="60">
        <v>15</v>
      </c>
      <c r="J187" s="61">
        <v>0</v>
      </c>
      <c r="K187" s="61">
        <v>-0.15</v>
      </c>
    </row>
    <row r="188" spans="1:11" ht="18.75" hidden="1" customHeight="1" thickBot="1">
      <c r="A188" s="59" t="s">
        <v>448</v>
      </c>
      <c r="B188" s="59" t="s">
        <v>28</v>
      </c>
      <c r="C188" s="59" t="s">
        <v>28</v>
      </c>
      <c r="D188" s="59" t="s">
        <v>366</v>
      </c>
      <c r="E188" s="59" t="s">
        <v>382</v>
      </c>
      <c r="F188" s="59" t="s">
        <v>449</v>
      </c>
      <c r="G188" s="59" t="s">
        <v>450</v>
      </c>
      <c r="H188" s="60">
        <v>10</v>
      </c>
      <c r="I188" s="60">
        <v>94</v>
      </c>
      <c r="J188" s="61">
        <v>0</v>
      </c>
      <c r="K188" s="61">
        <v>-0.54</v>
      </c>
    </row>
    <row r="189" spans="1:11" ht="18.75" hidden="1" customHeight="1" thickBot="1">
      <c r="A189" s="59" t="s">
        <v>448</v>
      </c>
      <c r="B189" s="59" t="s">
        <v>28</v>
      </c>
      <c r="C189" s="59" t="s">
        <v>28</v>
      </c>
      <c r="D189" s="59" t="s">
        <v>366</v>
      </c>
      <c r="E189" s="59" t="s">
        <v>382</v>
      </c>
      <c r="F189" s="59" t="s">
        <v>449</v>
      </c>
      <c r="G189" s="59" t="s">
        <v>450</v>
      </c>
      <c r="H189" s="60">
        <v>20</v>
      </c>
      <c r="I189" s="60">
        <v>15</v>
      </c>
      <c r="J189" s="61">
        <v>0</v>
      </c>
      <c r="K189" s="61">
        <v>-1.41</v>
      </c>
    </row>
    <row r="190" spans="1:11" ht="18.75" hidden="1" customHeight="1" thickBot="1">
      <c r="A190" s="59" t="s">
        <v>448</v>
      </c>
      <c r="B190" s="59" t="s">
        <v>28</v>
      </c>
      <c r="C190" s="59" t="s">
        <v>28</v>
      </c>
      <c r="D190" s="59" t="s">
        <v>366</v>
      </c>
      <c r="E190" s="59" t="s">
        <v>382</v>
      </c>
      <c r="F190" s="59" t="s">
        <v>449</v>
      </c>
      <c r="G190" s="59" t="s">
        <v>450</v>
      </c>
      <c r="H190" s="60">
        <v>20</v>
      </c>
      <c r="I190" s="60">
        <v>94</v>
      </c>
      <c r="J190" s="61">
        <v>0</v>
      </c>
      <c r="K190" s="61">
        <v>-1.1399999999999999</v>
      </c>
    </row>
    <row r="191" spans="1:11" ht="18.75" hidden="1" customHeight="1" thickBot="1">
      <c r="A191" s="59" t="s">
        <v>448</v>
      </c>
      <c r="B191" s="59" t="s">
        <v>28</v>
      </c>
      <c r="C191" s="59" t="s">
        <v>28</v>
      </c>
      <c r="D191" s="59" t="s">
        <v>366</v>
      </c>
      <c r="E191" s="59" t="s">
        <v>382</v>
      </c>
      <c r="F191" s="59" t="s">
        <v>449</v>
      </c>
      <c r="G191" s="59" t="s">
        <v>450</v>
      </c>
      <c r="H191" s="60">
        <v>20</v>
      </c>
      <c r="I191" s="60">
        <v>150</v>
      </c>
      <c r="J191" s="61">
        <v>0</v>
      </c>
      <c r="K191" s="61">
        <v>-0.49</v>
      </c>
    </row>
    <row r="192" spans="1:11" ht="18.75" hidden="1" customHeight="1" thickBot="1">
      <c r="A192" s="59" t="s">
        <v>448</v>
      </c>
      <c r="B192" s="59" t="s">
        <v>28</v>
      </c>
      <c r="C192" s="59" t="s">
        <v>28</v>
      </c>
      <c r="D192" s="59" t="s">
        <v>366</v>
      </c>
      <c r="E192" s="59" t="s">
        <v>382</v>
      </c>
      <c r="F192" s="59" t="s">
        <v>449</v>
      </c>
      <c r="G192" s="59" t="s">
        <v>450</v>
      </c>
      <c r="H192" s="60">
        <v>211</v>
      </c>
      <c r="I192" s="60">
        <v>211</v>
      </c>
      <c r="J192" s="61">
        <v>0</v>
      </c>
      <c r="K192" s="61">
        <v>-85.91</v>
      </c>
    </row>
    <row r="193" spans="1:11" ht="18.75" hidden="1" customHeight="1" thickBot="1">
      <c r="A193" s="59" t="s">
        <v>448</v>
      </c>
      <c r="B193" s="59" t="s">
        <v>28</v>
      </c>
      <c r="C193" s="59" t="s">
        <v>28</v>
      </c>
      <c r="D193" s="59" t="s">
        <v>366</v>
      </c>
      <c r="E193" s="59" t="s">
        <v>382</v>
      </c>
      <c r="F193" s="59" t="s">
        <v>449</v>
      </c>
      <c r="G193" s="59" t="s">
        <v>450</v>
      </c>
      <c r="H193" s="60">
        <v>211</v>
      </c>
      <c r="I193" s="60">
        <v>215</v>
      </c>
      <c r="J193" s="61">
        <v>0</v>
      </c>
      <c r="K193" s="61">
        <v>-58.34</v>
      </c>
    </row>
    <row r="194" spans="1:11" ht="18.75" hidden="1" customHeight="1" thickBot="1">
      <c r="A194" s="59" t="s">
        <v>448</v>
      </c>
      <c r="B194" s="59" t="s">
        <v>28</v>
      </c>
      <c r="C194" s="59" t="s">
        <v>28</v>
      </c>
      <c r="D194" s="59" t="s">
        <v>366</v>
      </c>
      <c r="E194" s="59" t="s">
        <v>382</v>
      </c>
      <c r="F194" s="59" t="s">
        <v>449</v>
      </c>
      <c r="G194" s="59" t="s">
        <v>450</v>
      </c>
      <c r="H194" s="60">
        <v>211</v>
      </c>
      <c r="I194" s="60">
        <v>217</v>
      </c>
      <c r="J194" s="61">
        <v>0</v>
      </c>
      <c r="K194" s="61">
        <v>-208.84</v>
      </c>
    </row>
    <row r="195" spans="1:11" ht="18.75" hidden="1" customHeight="1" thickBot="1">
      <c r="A195" s="59" t="s">
        <v>448</v>
      </c>
      <c r="B195" s="59" t="s">
        <v>28</v>
      </c>
      <c r="C195" s="59" t="s">
        <v>28</v>
      </c>
      <c r="D195" s="59" t="s">
        <v>366</v>
      </c>
      <c r="E195" s="59" t="s">
        <v>382</v>
      </c>
      <c r="F195" s="59" t="s">
        <v>449</v>
      </c>
      <c r="G195" s="59" t="s">
        <v>450</v>
      </c>
      <c r="H195" s="60">
        <v>212</v>
      </c>
      <c r="I195" s="60">
        <v>211</v>
      </c>
      <c r="J195" s="61">
        <v>0</v>
      </c>
      <c r="K195" s="61">
        <v>-16.07</v>
      </c>
    </row>
    <row r="196" spans="1:11" ht="18.75" hidden="1" customHeight="1" thickBot="1">
      <c r="A196" s="59" t="s">
        <v>448</v>
      </c>
      <c r="B196" s="59" t="s">
        <v>28</v>
      </c>
      <c r="C196" s="59" t="s">
        <v>28</v>
      </c>
      <c r="D196" s="59" t="s">
        <v>366</v>
      </c>
      <c r="E196" s="59" t="s">
        <v>382</v>
      </c>
      <c r="F196" s="59" t="s">
        <v>449</v>
      </c>
      <c r="G196" s="59" t="s">
        <v>450</v>
      </c>
      <c r="H196" s="60">
        <v>212</v>
      </c>
      <c r="I196" s="60">
        <v>215</v>
      </c>
      <c r="J196" s="61">
        <v>0</v>
      </c>
      <c r="K196" s="61">
        <v>-11.9</v>
      </c>
    </row>
    <row r="197" spans="1:11" ht="18.75" hidden="1" customHeight="1" thickBot="1">
      <c r="A197" s="59" t="s">
        <v>448</v>
      </c>
      <c r="B197" s="59" t="s">
        <v>28</v>
      </c>
      <c r="C197" s="59" t="s">
        <v>28</v>
      </c>
      <c r="D197" s="59" t="s">
        <v>366</v>
      </c>
      <c r="E197" s="59" t="s">
        <v>382</v>
      </c>
      <c r="F197" s="59" t="s">
        <v>449</v>
      </c>
      <c r="G197" s="59" t="s">
        <v>450</v>
      </c>
      <c r="H197" s="60">
        <v>212</v>
      </c>
      <c r="I197" s="60">
        <v>240</v>
      </c>
      <c r="J197" s="61">
        <v>0</v>
      </c>
      <c r="K197" s="61">
        <v>-358.79</v>
      </c>
    </row>
    <row r="198" spans="1:11" ht="18.75" hidden="1" customHeight="1" thickBot="1">
      <c r="A198" s="59" t="s">
        <v>448</v>
      </c>
      <c r="B198" s="59" t="s">
        <v>28</v>
      </c>
      <c r="C198" s="59" t="s">
        <v>28</v>
      </c>
      <c r="D198" s="59" t="s">
        <v>366</v>
      </c>
      <c r="E198" s="59" t="s">
        <v>382</v>
      </c>
      <c r="F198" s="59" t="s">
        <v>449</v>
      </c>
      <c r="G198" s="59" t="s">
        <v>450</v>
      </c>
      <c r="H198" s="60">
        <v>216</v>
      </c>
      <c r="I198" s="60">
        <v>211</v>
      </c>
      <c r="J198" s="61">
        <v>0</v>
      </c>
      <c r="K198" s="61">
        <v>-2.38</v>
      </c>
    </row>
    <row r="199" spans="1:11" ht="18.75" hidden="1" customHeight="1" thickBot="1">
      <c r="A199" s="59" t="s">
        <v>448</v>
      </c>
      <c r="B199" s="59" t="s">
        <v>28</v>
      </c>
      <c r="C199" s="59" t="s">
        <v>28</v>
      </c>
      <c r="D199" s="59" t="s">
        <v>366</v>
      </c>
      <c r="E199" s="59" t="s">
        <v>382</v>
      </c>
      <c r="F199" s="59" t="s">
        <v>449</v>
      </c>
      <c r="G199" s="59" t="s">
        <v>450</v>
      </c>
      <c r="H199" s="60">
        <v>222</v>
      </c>
      <c r="I199" s="60">
        <v>215</v>
      </c>
      <c r="J199" s="61">
        <v>0</v>
      </c>
      <c r="K199" s="61">
        <v>-305.49</v>
      </c>
    </row>
    <row r="200" spans="1:11" ht="18.75" hidden="1" customHeight="1" thickBot="1">
      <c r="A200" s="59" t="s">
        <v>448</v>
      </c>
      <c r="B200" s="59" t="s">
        <v>28</v>
      </c>
      <c r="C200" s="59" t="s">
        <v>28</v>
      </c>
      <c r="D200" s="59" t="s">
        <v>366</v>
      </c>
      <c r="E200" s="59" t="s">
        <v>382</v>
      </c>
      <c r="F200" s="59" t="s">
        <v>449</v>
      </c>
      <c r="G200" s="59" t="s">
        <v>450</v>
      </c>
      <c r="H200" s="60">
        <v>230</v>
      </c>
      <c r="I200" s="60">
        <v>358</v>
      </c>
      <c r="J200" s="61">
        <v>0</v>
      </c>
      <c r="K200" s="61">
        <v>-2206.6799999999998</v>
      </c>
    </row>
    <row r="201" spans="1:11" ht="18.75" hidden="1" customHeight="1" thickBot="1">
      <c r="A201" s="59" t="s">
        <v>448</v>
      </c>
      <c r="B201" s="59" t="s">
        <v>28</v>
      </c>
      <c r="C201" s="59" t="s">
        <v>28</v>
      </c>
      <c r="D201" s="59" t="s">
        <v>367</v>
      </c>
      <c r="E201" s="59" t="s">
        <v>378</v>
      </c>
      <c r="F201" s="59" t="s">
        <v>449</v>
      </c>
      <c r="G201" s="59" t="s">
        <v>450</v>
      </c>
      <c r="H201" s="60">
        <v>10</v>
      </c>
      <c r="I201" s="60">
        <v>15</v>
      </c>
      <c r="J201" s="61">
        <v>0</v>
      </c>
      <c r="K201" s="61">
        <v>-8.9499999999999993</v>
      </c>
    </row>
    <row r="202" spans="1:11" ht="18.75" hidden="1" customHeight="1" thickBot="1">
      <c r="A202" s="59" t="s">
        <v>448</v>
      </c>
      <c r="B202" s="59" t="s">
        <v>28</v>
      </c>
      <c r="C202" s="59" t="s">
        <v>28</v>
      </c>
      <c r="D202" s="59" t="s">
        <v>367</v>
      </c>
      <c r="E202" s="59" t="s">
        <v>378</v>
      </c>
      <c r="F202" s="59" t="s">
        <v>449</v>
      </c>
      <c r="G202" s="59" t="s">
        <v>450</v>
      </c>
      <c r="H202" s="60">
        <v>10</v>
      </c>
      <c r="I202" s="60">
        <v>22</v>
      </c>
      <c r="J202" s="61">
        <v>0</v>
      </c>
      <c r="K202" s="61">
        <v>-2.15</v>
      </c>
    </row>
    <row r="203" spans="1:11" ht="18.75" hidden="1" customHeight="1" thickBot="1">
      <c r="A203" s="59" t="s">
        <v>448</v>
      </c>
      <c r="B203" s="59" t="s">
        <v>28</v>
      </c>
      <c r="C203" s="59" t="s">
        <v>28</v>
      </c>
      <c r="D203" s="59" t="s">
        <v>367</v>
      </c>
      <c r="E203" s="59" t="s">
        <v>378</v>
      </c>
      <c r="F203" s="59" t="s">
        <v>449</v>
      </c>
      <c r="G203" s="59" t="s">
        <v>450</v>
      </c>
      <c r="H203" s="60">
        <v>10</v>
      </c>
      <c r="I203" s="60">
        <v>93</v>
      </c>
      <c r="J203" s="61">
        <v>0</v>
      </c>
      <c r="K203" s="61">
        <v>-0.8</v>
      </c>
    </row>
    <row r="204" spans="1:11" ht="18.75" hidden="1" customHeight="1" thickBot="1">
      <c r="A204" s="59" t="s">
        <v>448</v>
      </c>
      <c r="B204" s="59" t="s">
        <v>28</v>
      </c>
      <c r="C204" s="59" t="s">
        <v>28</v>
      </c>
      <c r="D204" s="59" t="s">
        <v>367</v>
      </c>
      <c r="E204" s="59" t="s">
        <v>378</v>
      </c>
      <c r="F204" s="59" t="s">
        <v>449</v>
      </c>
      <c r="G204" s="59" t="s">
        <v>450</v>
      </c>
      <c r="H204" s="60">
        <v>10</v>
      </c>
      <c r="I204" s="60">
        <v>94</v>
      </c>
      <c r="J204" s="61">
        <v>0</v>
      </c>
      <c r="K204" s="61">
        <v>-8.57</v>
      </c>
    </row>
    <row r="205" spans="1:11" ht="18.75" hidden="1" customHeight="1" thickBot="1">
      <c r="A205" s="59" t="s">
        <v>448</v>
      </c>
      <c r="B205" s="59" t="s">
        <v>28</v>
      </c>
      <c r="C205" s="59" t="s">
        <v>28</v>
      </c>
      <c r="D205" s="59" t="s">
        <v>367</v>
      </c>
      <c r="E205" s="59" t="s">
        <v>378</v>
      </c>
      <c r="F205" s="59" t="s">
        <v>449</v>
      </c>
      <c r="G205" s="59" t="s">
        <v>450</v>
      </c>
      <c r="H205" s="60">
        <v>10</v>
      </c>
      <c r="I205" s="60">
        <v>97</v>
      </c>
      <c r="J205" s="61">
        <v>0</v>
      </c>
      <c r="K205" s="61">
        <v>-1.58</v>
      </c>
    </row>
    <row r="206" spans="1:11" ht="18.75" hidden="1" customHeight="1" thickBot="1">
      <c r="A206" s="59" t="s">
        <v>448</v>
      </c>
      <c r="B206" s="59" t="s">
        <v>28</v>
      </c>
      <c r="C206" s="59" t="s">
        <v>28</v>
      </c>
      <c r="D206" s="59" t="s">
        <v>367</v>
      </c>
      <c r="E206" s="59" t="s">
        <v>378</v>
      </c>
      <c r="F206" s="59" t="s">
        <v>449</v>
      </c>
      <c r="G206" s="59" t="s">
        <v>450</v>
      </c>
      <c r="H206" s="60">
        <v>10</v>
      </c>
      <c r="I206" s="60">
        <v>107</v>
      </c>
      <c r="J206" s="61">
        <v>0</v>
      </c>
      <c r="K206" s="61">
        <v>-0.98</v>
      </c>
    </row>
    <row r="207" spans="1:11" ht="18.75" hidden="1" customHeight="1" thickBot="1">
      <c r="A207" s="59" t="s">
        <v>448</v>
      </c>
      <c r="B207" s="59" t="s">
        <v>28</v>
      </c>
      <c r="C207" s="59" t="s">
        <v>28</v>
      </c>
      <c r="D207" s="59" t="s">
        <v>367</v>
      </c>
      <c r="E207" s="59" t="s">
        <v>378</v>
      </c>
      <c r="F207" s="59" t="s">
        <v>449</v>
      </c>
      <c r="G207" s="59" t="s">
        <v>450</v>
      </c>
      <c r="H207" s="60">
        <v>10</v>
      </c>
      <c r="I207" s="60">
        <v>109</v>
      </c>
      <c r="J207" s="61">
        <v>0</v>
      </c>
      <c r="K207" s="61">
        <v>-1.52</v>
      </c>
    </row>
    <row r="208" spans="1:11" ht="18.75" hidden="1" customHeight="1" thickBot="1">
      <c r="A208" s="59" t="s">
        <v>448</v>
      </c>
      <c r="B208" s="59" t="s">
        <v>28</v>
      </c>
      <c r="C208" s="59" t="s">
        <v>28</v>
      </c>
      <c r="D208" s="59" t="s">
        <v>367</v>
      </c>
      <c r="E208" s="59" t="s">
        <v>378</v>
      </c>
      <c r="F208" s="59" t="s">
        <v>449</v>
      </c>
      <c r="G208" s="59" t="s">
        <v>450</v>
      </c>
      <c r="H208" s="60">
        <v>10</v>
      </c>
      <c r="I208" s="60">
        <v>113</v>
      </c>
      <c r="J208" s="61">
        <v>0</v>
      </c>
      <c r="K208" s="61">
        <v>-4.83</v>
      </c>
    </row>
    <row r="209" spans="1:11" ht="18.75" hidden="1" customHeight="1" thickBot="1">
      <c r="A209" s="59" t="s">
        <v>448</v>
      </c>
      <c r="B209" s="59" t="s">
        <v>28</v>
      </c>
      <c r="C209" s="59" t="s">
        <v>28</v>
      </c>
      <c r="D209" s="59" t="s">
        <v>367</v>
      </c>
      <c r="E209" s="59" t="s">
        <v>378</v>
      </c>
      <c r="F209" s="59" t="s">
        <v>449</v>
      </c>
      <c r="G209" s="59" t="s">
        <v>450</v>
      </c>
      <c r="H209" s="60">
        <v>10</v>
      </c>
      <c r="I209" s="60">
        <v>150</v>
      </c>
      <c r="J209" s="61">
        <v>0</v>
      </c>
      <c r="K209" s="61">
        <v>-2.69</v>
      </c>
    </row>
    <row r="210" spans="1:11" ht="18.75" hidden="1" customHeight="1" thickBot="1">
      <c r="A210" s="59" t="s">
        <v>448</v>
      </c>
      <c r="B210" s="59" t="s">
        <v>28</v>
      </c>
      <c r="C210" s="59" t="s">
        <v>28</v>
      </c>
      <c r="D210" s="59" t="s">
        <v>367</v>
      </c>
      <c r="E210" s="59" t="s">
        <v>378</v>
      </c>
      <c r="F210" s="59" t="s">
        <v>449</v>
      </c>
      <c r="G210" s="59" t="s">
        <v>450</v>
      </c>
      <c r="H210" s="60">
        <v>20</v>
      </c>
      <c r="I210" s="60">
        <v>15</v>
      </c>
      <c r="J210" s="61">
        <v>0</v>
      </c>
      <c r="K210" s="61">
        <v>-8.59</v>
      </c>
    </row>
    <row r="211" spans="1:11" ht="18.75" hidden="1" customHeight="1" thickBot="1">
      <c r="A211" s="59" t="s">
        <v>448</v>
      </c>
      <c r="B211" s="59" t="s">
        <v>28</v>
      </c>
      <c r="C211" s="59" t="s">
        <v>28</v>
      </c>
      <c r="D211" s="59" t="s">
        <v>367</v>
      </c>
      <c r="E211" s="59" t="s">
        <v>378</v>
      </c>
      <c r="F211" s="59" t="s">
        <v>449</v>
      </c>
      <c r="G211" s="59" t="s">
        <v>450</v>
      </c>
      <c r="H211" s="60">
        <v>20</v>
      </c>
      <c r="I211" s="60">
        <v>22</v>
      </c>
      <c r="J211" s="61">
        <v>0</v>
      </c>
      <c r="K211" s="61">
        <v>-32.409999999999997</v>
      </c>
    </row>
    <row r="212" spans="1:11" ht="18.75" hidden="1" customHeight="1" thickBot="1">
      <c r="A212" s="59" t="s">
        <v>448</v>
      </c>
      <c r="B212" s="59" t="s">
        <v>28</v>
      </c>
      <c r="C212" s="59" t="s">
        <v>28</v>
      </c>
      <c r="D212" s="59" t="s">
        <v>367</v>
      </c>
      <c r="E212" s="59" t="s">
        <v>378</v>
      </c>
      <c r="F212" s="59" t="s">
        <v>449</v>
      </c>
      <c r="G212" s="59" t="s">
        <v>450</v>
      </c>
      <c r="H212" s="60">
        <v>20</v>
      </c>
      <c r="I212" s="60">
        <v>94</v>
      </c>
      <c r="J212" s="61">
        <v>0</v>
      </c>
      <c r="K212" s="61">
        <v>-5.84</v>
      </c>
    </row>
    <row r="213" spans="1:11" ht="18.75" hidden="1" customHeight="1" thickBot="1">
      <c r="A213" s="59" t="s">
        <v>448</v>
      </c>
      <c r="B213" s="59" t="s">
        <v>28</v>
      </c>
      <c r="C213" s="59" t="s">
        <v>28</v>
      </c>
      <c r="D213" s="59" t="s">
        <v>367</v>
      </c>
      <c r="E213" s="59" t="s">
        <v>378</v>
      </c>
      <c r="F213" s="59" t="s">
        <v>449</v>
      </c>
      <c r="G213" s="59" t="s">
        <v>450</v>
      </c>
      <c r="H213" s="60">
        <v>20</v>
      </c>
      <c r="I213" s="60">
        <v>97</v>
      </c>
      <c r="J213" s="61">
        <v>0</v>
      </c>
      <c r="K213" s="61">
        <v>-0.88</v>
      </c>
    </row>
    <row r="214" spans="1:11" ht="18.75" hidden="1" customHeight="1" thickBot="1">
      <c r="A214" s="59" t="s">
        <v>448</v>
      </c>
      <c r="B214" s="59" t="s">
        <v>28</v>
      </c>
      <c r="C214" s="59" t="s">
        <v>28</v>
      </c>
      <c r="D214" s="59" t="s">
        <v>367</v>
      </c>
      <c r="E214" s="59" t="s">
        <v>378</v>
      </c>
      <c r="F214" s="59" t="s">
        <v>449</v>
      </c>
      <c r="G214" s="59" t="s">
        <v>450</v>
      </c>
      <c r="H214" s="60">
        <v>20</v>
      </c>
      <c r="I214" s="60">
        <v>113</v>
      </c>
      <c r="J214" s="61">
        <v>0</v>
      </c>
      <c r="K214" s="61">
        <v>-2.82</v>
      </c>
    </row>
    <row r="215" spans="1:11" ht="18.75" hidden="1" customHeight="1" thickBot="1">
      <c r="A215" s="59" t="s">
        <v>448</v>
      </c>
      <c r="B215" s="59" t="s">
        <v>28</v>
      </c>
      <c r="C215" s="59" t="s">
        <v>28</v>
      </c>
      <c r="D215" s="59" t="s">
        <v>367</v>
      </c>
      <c r="E215" s="59" t="s">
        <v>378</v>
      </c>
      <c r="F215" s="59" t="s">
        <v>449</v>
      </c>
      <c r="G215" s="59" t="s">
        <v>450</v>
      </c>
      <c r="H215" s="60">
        <v>20</v>
      </c>
      <c r="I215" s="60">
        <v>150</v>
      </c>
      <c r="J215" s="61">
        <v>0</v>
      </c>
      <c r="K215" s="61">
        <v>-0.99</v>
      </c>
    </row>
    <row r="216" spans="1:11" ht="18.75" hidden="1" customHeight="1" thickBot="1">
      <c r="A216" s="59" t="s">
        <v>448</v>
      </c>
      <c r="B216" s="59" t="s">
        <v>28</v>
      </c>
      <c r="C216" s="59" t="s">
        <v>28</v>
      </c>
      <c r="D216" s="59" t="s">
        <v>367</v>
      </c>
      <c r="E216" s="59" t="s">
        <v>378</v>
      </c>
      <c r="F216" s="59" t="s">
        <v>449</v>
      </c>
      <c r="G216" s="59" t="s">
        <v>450</v>
      </c>
      <c r="H216" s="60">
        <v>211</v>
      </c>
      <c r="I216" s="60">
        <v>93</v>
      </c>
      <c r="J216" s="61">
        <v>0</v>
      </c>
      <c r="K216" s="61">
        <v>-3.13</v>
      </c>
    </row>
    <row r="217" spans="1:11" ht="18.75" hidden="1" customHeight="1" thickBot="1">
      <c r="A217" s="59" t="s">
        <v>448</v>
      </c>
      <c r="B217" s="59" t="s">
        <v>28</v>
      </c>
      <c r="C217" s="59" t="s">
        <v>28</v>
      </c>
      <c r="D217" s="59" t="s">
        <v>367</v>
      </c>
      <c r="E217" s="59" t="s">
        <v>378</v>
      </c>
      <c r="F217" s="59" t="s">
        <v>449</v>
      </c>
      <c r="G217" s="59" t="s">
        <v>450</v>
      </c>
      <c r="H217" s="60">
        <v>211</v>
      </c>
      <c r="I217" s="60">
        <v>94</v>
      </c>
      <c r="J217" s="61">
        <v>0</v>
      </c>
      <c r="K217" s="61">
        <v>-13.32</v>
      </c>
    </row>
    <row r="218" spans="1:11" ht="18.75" hidden="1" customHeight="1" thickBot="1">
      <c r="A218" s="59" t="s">
        <v>448</v>
      </c>
      <c r="B218" s="59" t="s">
        <v>28</v>
      </c>
      <c r="C218" s="59" t="s">
        <v>28</v>
      </c>
      <c r="D218" s="59" t="s">
        <v>367</v>
      </c>
      <c r="E218" s="59" t="s">
        <v>378</v>
      </c>
      <c r="F218" s="59" t="s">
        <v>449</v>
      </c>
      <c r="G218" s="59" t="s">
        <v>450</v>
      </c>
      <c r="H218" s="60">
        <v>211</v>
      </c>
      <c r="I218" s="60">
        <v>95</v>
      </c>
      <c r="J218" s="61">
        <v>0</v>
      </c>
      <c r="K218" s="61">
        <v>-2.98</v>
      </c>
    </row>
    <row r="219" spans="1:11" ht="18.75" hidden="1" customHeight="1" thickBot="1">
      <c r="A219" s="59" t="s">
        <v>448</v>
      </c>
      <c r="B219" s="59" t="s">
        <v>28</v>
      </c>
      <c r="C219" s="59" t="s">
        <v>28</v>
      </c>
      <c r="D219" s="59" t="s">
        <v>367</v>
      </c>
      <c r="E219" s="59" t="s">
        <v>378</v>
      </c>
      <c r="F219" s="59" t="s">
        <v>449</v>
      </c>
      <c r="G219" s="59" t="s">
        <v>450</v>
      </c>
      <c r="H219" s="60">
        <v>211</v>
      </c>
      <c r="I219" s="60">
        <v>97</v>
      </c>
      <c r="J219" s="61">
        <v>0</v>
      </c>
      <c r="K219" s="61">
        <v>-25.74</v>
      </c>
    </row>
    <row r="220" spans="1:11" ht="18.75" hidden="1" customHeight="1" thickBot="1">
      <c r="A220" s="59" t="s">
        <v>448</v>
      </c>
      <c r="B220" s="59" t="s">
        <v>28</v>
      </c>
      <c r="C220" s="59" t="s">
        <v>28</v>
      </c>
      <c r="D220" s="59" t="s">
        <v>367</v>
      </c>
      <c r="E220" s="59" t="s">
        <v>378</v>
      </c>
      <c r="F220" s="59" t="s">
        <v>449</v>
      </c>
      <c r="G220" s="59" t="s">
        <v>450</v>
      </c>
      <c r="H220" s="60">
        <v>211</v>
      </c>
      <c r="I220" s="60">
        <v>98</v>
      </c>
      <c r="J220" s="61">
        <v>0</v>
      </c>
      <c r="K220" s="61">
        <v>-1.56</v>
      </c>
    </row>
    <row r="221" spans="1:11" ht="18.75" hidden="1" customHeight="1" thickBot="1">
      <c r="A221" s="59" t="s">
        <v>448</v>
      </c>
      <c r="B221" s="59" t="s">
        <v>28</v>
      </c>
      <c r="C221" s="59" t="s">
        <v>28</v>
      </c>
      <c r="D221" s="59" t="s">
        <v>367</v>
      </c>
      <c r="E221" s="59" t="s">
        <v>378</v>
      </c>
      <c r="F221" s="59" t="s">
        <v>449</v>
      </c>
      <c r="G221" s="59" t="s">
        <v>450</v>
      </c>
      <c r="H221" s="60">
        <v>211</v>
      </c>
      <c r="I221" s="60">
        <v>107</v>
      </c>
      <c r="J221" s="61">
        <v>0</v>
      </c>
      <c r="K221" s="61">
        <v>-15.18</v>
      </c>
    </row>
    <row r="222" spans="1:11" ht="18.75" hidden="1" customHeight="1" thickBot="1">
      <c r="A222" s="59" t="s">
        <v>448</v>
      </c>
      <c r="B222" s="59" t="s">
        <v>28</v>
      </c>
      <c r="C222" s="59" t="s">
        <v>28</v>
      </c>
      <c r="D222" s="59" t="s">
        <v>367</v>
      </c>
      <c r="E222" s="59" t="s">
        <v>378</v>
      </c>
      <c r="F222" s="59" t="s">
        <v>449</v>
      </c>
      <c r="G222" s="59" t="s">
        <v>450</v>
      </c>
      <c r="H222" s="60">
        <v>211</v>
      </c>
      <c r="I222" s="60">
        <v>109</v>
      </c>
      <c r="J222" s="61">
        <v>0</v>
      </c>
      <c r="K222" s="61">
        <v>-168.37</v>
      </c>
    </row>
    <row r="223" spans="1:11" ht="18.75" hidden="1" customHeight="1" thickBot="1">
      <c r="A223" s="59" t="s">
        <v>448</v>
      </c>
      <c r="B223" s="59" t="s">
        <v>28</v>
      </c>
      <c r="C223" s="59" t="s">
        <v>28</v>
      </c>
      <c r="D223" s="59" t="s">
        <v>367</v>
      </c>
      <c r="E223" s="59" t="s">
        <v>378</v>
      </c>
      <c r="F223" s="59" t="s">
        <v>449</v>
      </c>
      <c r="G223" s="59" t="s">
        <v>450</v>
      </c>
      <c r="H223" s="60">
        <v>211</v>
      </c>
      <c r="I223" s="60">
        <v>113</v>
      </c>
      <c r="J223" s="61">
        <v>0</v>
      </c>
      <c r="K223" s="61">
        <v>-16.8</v>
      </c>
    </row>
    <row r="224" spans="1:11" ht="18.75" hidden="1" customHeight="1" thickBot="1">
      <c r="A224" s="59" t="s">
        <v>448</v>
      </c>
      <c r="B224" s="59" t="s">
        <v>28</v>
      </c>
      <c r="C224" s="59" t="s">
        <v>28</v>
      </c>
      <c r="D224" s="59" t="s">
        <v>367</v>
      </c>
      <c r="E224" s="59" t="s">
        <v>378</v>
      </c>
      <c r="F224" s="59" t="s">
        <v>449</v>
      </c>
      <c r="G224" s="59" t="s">
        <v>450</v>
      </c>
      <c r="H224" s="60">
        <v>211</v>
      </c>
      <c r="I224" s="60">
        <v>116</v>
      </c>
      <c r="J224" s="61">
        <v>0</v>
      </c>
      <c r="K224" s="61">
        <v>-26.2</v>
      </c>
    </row>
    <row r="225" spans="1:11" ht="18.75" hidden="1" customHeight="1" thickBot="1">
      <c r="A225" s="59" t="s">
        <v>448</v>
      </c>
      <c r="B225" s="59" t="s">
        <v>28</v>
      </c>
      <c r="C225" s="59" t="s">
        <v>28</v>
      </c>
      <c r="D225" s="59" t="s">
        <v>367</v>
      </c>
      <c r="E225" s="59" t="s">
        <v>378</v>
      </c>
      <c r="F225" s="59" t="s">
        <v>449</v>
      </c>
      <c r="G225" s="59" t="s">
        <v>450</v>
      </c>
      <c r="H225" s="60">
        <v>211</v>
      </c>
      <c r="I225" s="60">
        <v>131</v>
      </c>
      <c r="J225" s="61">
        <v>0</v>
      </c>
      <c r="K225" s="61">
        <v>-18.309999999999999</v>
      </c>
    </row>
    <row r="226" spans="1:11" ht="18.75" hidden="1" customHeight="1" thickBot="1">
      <c r="A226" s="59" t="s">
        <v>448</v>
      </c>
      <c r="B226" s="59" t="s">
        <v>28</v>
      </c>
      <c r="C226" s="59" t="s">
        <v>28</v>
      </c>
      <c r="D226" s="59" t="s">
        <v>367</v>
      </c>
      <c r="E226" s="59" t="s">
        <v>378</v>
      </c>
      <c r="F226" s="59" t="s">
        <v>449</v>
      </c>
      <c r="G226" s="59" t="s">
        <v>450</v>
      </c>
      <c r="H226" s="60">
        <v>211</v>
      </c>
      <c r="I226" s="60">
        <v>150</v>
      </c>
      <c r="J226" s="61">
        <v>0</v>
      </c>
      <c r="K226" s="61">
        <v>-1.38</v>
      </c>
    </row>
    <row r="227" spans="1:11" ht="18.75" hidden="1" customHeight="1" thickBot="1">
      <c r="A227" s="59" t="s">
        <v>448</v>
      </c>
      <c r="B227" s="59" t="s">
        <v>28</v>
      </c>
      <c r="C227" s="59" t="s">
        <v>28</v>
      </c>
      <c r="D227" s="59" t="s">
        <v>367</v>
      </c>
      <c r="E227" s="59" t="s">
        <v>378</v>
      </c>
      <c r="F227" s="59" t="s">
        <v>449</v>
      </c>
      <c r="G227" s="59" t="s">
        <v>450</v>
      </c>
      <c r="H227" s="60">
        <v>211</v>
      </c>
      <c r="I227" s="60">
        <v>211</v>
      </c>
      <c r="J227" s="61">
        <v>0</v>
      </c>
      <c r="K227" s="61">
        <v>-3472.3</v>
      </c>
    </row>
    <row r="228" spans="1:11" ht="18.75" hidden="1" customHeight="1" thickBot="1">
      <c r="A228" s="59" t="s">
        <v>448</v>
      </c>
      <c r="B228" s="59" t="s">
        <v>28</v>
      </c>
      <c r="C228" s="59" t="s">
        <v>28</v>
      </c>
      <c r="D228" s="59" t="s">
        <v>367</v>
      </c>
      <c r="E228" s="59" t="s">
        <v>378</v>
      </c>
      <c r="F228" s="59" t="s">
        <v>449</v>
      </c>
      <c r="G228" s="59" t="s">
        <v>450</v>
      </c>
      <c r="H228" s="60">
        <v>211</v>
      </c>
      <c r="I228" s="60">
        <v>213</v>
      </c>
      <c r="J228" s="61">
        <v>0</v>
      </c>
      <c r="K228" s="61">
        <v>-48.09</v>
      </c>
    </row>
    <row r="229" spans="1:11" ht="18.75" hidden="1" customHeight="1" thickBot="1">
      <c r="A229" s="59" t="s">
        <v>448</v>
      </c>
      <c r="B229" s="59" t="s">
        <v>28</v>
      </c>
      <c r="C229" s="59" t="s">
        <v>28</v>
      </c>
      <c r="D229" s="59" t="s">
        <v>367</v>
      </c>
      <c r="E229" s="59" t="s">
        <v>378</v>
      </c>
      <c r="F229" s="59" t="s">
        <v>449</v>
      </c>
      <c r="G229" s="59" t="s">
        <v>450</v>
      </c>
      <c r="H229" s="60">
        <v>211</v>
      </c>
      <c r="I229" s="60">
        <v>215</v>
      </c>
      <c r="J229" s="61">
        <v>0</v>
      </c>
      <c r="K229" s="61">
        <v>-6688.76</v>
      </c>
    </row>
    <row r="230" spans="1:11" ht="18.75" hidden="1" customHeight="1" thickBot="1">
      <c r="A230" s="59" t="s">
        <v>448</v>
      </c>
      <c r="B230" s="59" t="s">
        <v>28</v>
      </c>
      <c r="C230" s="59" t="s">
        <v>28</v>
      </c>
      <c r="D230" s="59" t="s">
        <v>367</v>
      </c>
      <c r="E230" s="59" t="s">
        <v>378</v>
      </c>
      <c r="F230" s="59" t="s">
        <v>449</v>
      </c>
      <c r="G230" s="59" t="s">
        <v>450</v>
      </c>
      <c r="H230" s="60">
        <v>211</v>
      </c>
      <c r="I230" s="60">
        <v>217</v>
      </c>
      <c r="J230" s="61">
        <v>0</v>
      </c>
      <c r="K230" s="61">
        <v>-88.87</v>
      </c>
    </row>
    <row r="231" spans="1:11" ht="18.75" hidden="1" customHeight="1" thickBot="1">
      <c r="A231" s="59" t="s">
        <v>448</v>
      </c>
      <c r="B231" s="59" t="s">
        <v>28</v>
      </c>
      <c r="C231" s="59" t="s">
        <v>28</v>
      </c>
      <c r="D231" s="59" t="s">
        <v>367</v>
      </c>
      <c r="E231" s="59" t="s">
        <v>378</v>
      </c>
      <c r="F231" s="59" t="s">
        <v>449</v>
      </c>
      <c r="G231" s="59" t="s">
        <v>450</v>
      </c>
      <c r="H231" s="60">
        <v>211</v>
      </c>
      <c r="I231" s="60">
        <v>225</v>
      </c>
      <c r="J231" s="61">
        <v>0</v>
      </c>
      <c r="K231" s="61">
        <v>-15.21</v>
      </c>
    </row>
    <row r="232" spans="1:11" ht="18.75" hidden="1" customHeight="1" thickBot="1">
      <c r="A232" s="59" t="s">
        <v>448</v>
      </c>
      <c r="B232" s="59" t="s">
        <v>28</v>
      </c>
      <c r="C232" s="59" t="s">
        <v>28</v>
      </c>
      <c r="D232" s="59" t="s">
        <v>367</v>
      </c>
      <c r="E232" s="59" t="s">
        <v>378</v>
      </c>
      <c r="F232" s="59" t="s">
        <v>449</v>
      </c>
      <c r="G232" s="59" t="s">
        <v>450</v>
      </c>
      <c r="H232" s="60">
        <v>211</v>
      </c>
      <c r="I232" s="60">
        <v>229</v>
      </c>
      <c r="J232" s="61">
        <v>0</v>
      </c>
      <c r="K232" s="61">
        <v>-8.91</v>
      </c>
    </row>
    <row r="233" spans="1:11" ht="18.75" hidden="1" customHeight="1" thickBot="1">
      <c r="A233" s="59" t="s">
        <v>448</v>
      </c>
      <c r="B233" s="59" t="s">
        <v>28</v>
      </c>
      <c r="C233" s="59" t="s">
        <v>28</v>
      </c>
      <c r="D233" s="59" t="s">
        <v>367</v>
      </c>
      <c r="E233" s="59" t="s">
        <v>378</v>
      </c>
      <c r="F233" s="59" t="s">
        <v>449</v>
      </c>
      <c r="G233" s="59" t="s">
        <v>450</v>
      </c>
      <c r="H233" s="60">
        <v>211</v>
      </c>
      <c r="I233" s="60">
        <v>240</v>
      </c>
      <c r="J233" s="61">
        <v>0</v>
      </c>
      <c r="K233" s="61">
        <v>-1892.42</v>
      </c>
    </row>
    <row r="234" spans="1:11" ht="18.75" hidden="1" customHeight="1" thickBot="1">
      <c r="A234" s="59" t="s">
        <v>448</v>
      </c>
      <c r="B234" s="59" t="s">
        <v>28</v>
      </c>
      <c r="C234" s="59" t="s">
        <v>28</v>
      </c>
      <c r="D234" s="59" t="s">
        <v>367</v>
      </c>
      <c r="E234" s="59" t="s">
        <v>378</v>
      </c>
      <c r="F234" s="59" t="s">
        <v>449</v>
      </c>
      <c r="G234" s="59" t="s">
        <v>450</v>
      </c>
      <c r="H234" s="60">
        <v>211</v>
      </c>
      <c r="I234" s="60">
        <v>358</v>
      </c>
      <c r="J234" s="61">
        <v>0</v>
      </c>
      <c r="K234" s="61">
        <v>-10560.89</v>
      </c>
    </row>
    <row r="235" spans="1:11" ht="18.75" hidden="1" customHeight="1" thickBot="1">
      <c r="A235" s="59" t="s">
        <v>448</v>
      </c>
      <c r="B235" s="59" t="s">
        <v>28</v>
      </c>
      <c r="C235" s="59" t="s">
        <v>28</v>
      </c>
      <c r="D235" s="59" t="s">
        <v>367</v>
      </c>
      <c r="E235" s="59" t="s">
        <v>378</v>
      </c>
      <c r="F235" s="59" t="s">
        <v>449</v>
      </c>
      <c r="G235" s="59" t="s">
        <v>450</v>
      </c>
      <c r="H235" s="60">
        <v>211</v>
      </c>
      <c r="I235" s="60">
        <v>359</v>
      </c>
      <c r="J235" s="61">
        <v>0</v>
      </c>
      <c r="K235" s="61">
        <v>-25148.13</v>
      </c>
    </row>
    <row r="236" spans="1:11" ht="18.75" hidden="1" customHeight="1" thickBot="1">
      <c r="A236" s="59" t="s">
        <v>448</v>
      </c>
      <c r="B236" s="59" t="s">
        <v>28</v>
      </c>
      <c r="C236" s="59" t="s">
        <v>28</v>
      </c>
      <c r="D236" s="59" t="s">
        <v>367</v>
      </c>
      <c r="E236" s="59" t="s">
        <v>378</v>
      </c>
      <c r="F236" s="59" t="s">
        <v>449</v>
      </c>
      <c r="G236" s="59" t="s">
        <v>450</v>
      </c>
      <c r="H236" s="60">
        <v>212</v>
      </c>
      <c r="I236" s="60">
        <v>94</v>
      </c>
      <c r="J236" s="61">
        <v>0</v>
      </c>
      <c r="K236" s="61">
        <v>-2.57</v>
      </c>
    </row>
    <row r="237" spans="1:11" ht="18.75" hidden="1" customHeight="1" thickBot="1">
      <c r="A237" s="59" t="s">
        <v>448</v>
      </c>
      <c r="B237" s="59" t="s">
        <v>28</v>
      </c>
      <c r="C237" s="59" t="s">
        <v>28</v>
      </c>
      <c r="D237" s="59" t="s">
        <v>367</v>
      </c>
      <c r="E237" s="59" t="s">
        <v>378</v>
      </c>
      <c r="F237" s="59" t="s">
        <v>449</v>
      </c>
      <c r="G237" s="59" t="s">
        <v>450</v>
      </c>
      <c r="H237" s="60">
        <v>212</v>
      </c>
      <c r="I237" s="60">
        <v>97</v>
      </c>
      <c r="J237" s="61">
        <v>0</v>
      </c>
      <c r="K237" s="61">
        <v>-3.51</v>
      </c>
    </row>
    <row r="238" spans="1:11" ht="18.75" hidden="1" customHeight="1" thickBot="1">
      <c r="A238" s="59" t="s">
        <v>448</v>
      </c>
      <c r="B238" s="59" t="s">
        <v>28</v>
      </c>
      <c r="C238" s="59" t="s">
        <v>28</v>
      </c>
      <c r="D238" s="59" t="s">
        <v>367</v>
      </c>
      <c r="E238" s="59" t="s">
        <v>378</v>
      </c>
      <c r="F238" s="59" t="s">
        <v>449</v>
      </c>
      <c r="G238" s="59" t="s">
        <v>450</v>
      </c>
      <c r="H238" s="60">
        <v>212</v>
      </c>
      <c r="I238" s="60">
        <v>107</v>
      </c>
      <c r="J238" s="61">
        <v>0</v>
      </c>
      <c r="K238" s="61">
        <v>-2.0699999999999998</v>
      </c>
    </row>
    <row r="239" spans="1:11" ht="18.75" hidden="1" customHeight="1" thickBot="1">
      <c r="A239" s="59" t="s">
        <v>448</v>
      </c>
      <c r="B239" s="59" t="s">
        <v>28</v>
      </c>
      <c r="C239" s="59" t="s">
        <v>28</v>
      </c>
      <c r="D239" s="59" t="s">
        <v>367</v>
      </c>
      <c r="E239" s="59" t="s">
        <v>378</v>
      </c>
      <c r="F239" s="59" t="s">
        <v>449</v>
      </c>
      <c r="G239" s="59" t="s">
        <v>450</v>
      </c>
      <c r="H239" s="60">
        <v>212</v>
      </c>
      <c r="I239" s="60">
        <v>109</v>
      </c>
      <c r="J239" s="61">
        <v>0</v>
      </c>
      <c r="K239" s="61">
        <v>-3.16</v>
      </c>
    </row>
    <row r="240" spans="1:11" ht="18.75" hidden="1" customHeight="1" thickBot="1">
      <c r="A240" s="59" t="s">
        <v>448</v>
      </c>
      <c r="B240" s="59" t="s">
        <v>28</v>
      </c>
      <c r="C240" s="59" t="s">
        <v>28</v>
      </c>
      <c r="D240" s="59" t="s">
        <v>367</v>
      </c>
      <c r="E240" s="59" t="s">
        <v>378</v>
      </c>
      <c r="F240" s="59" t="s">
        <v>449</v>
      </c>
      <c r="G240" s="59" t="s">
        <v>450</v>
      </c>
      <c r="H240" s="60">
        <v>212</v>
      </c>
      <c r="I240" s="60">
        <v>113</v>
      </c>
      <c r="J240" s="61">
        <v>0</v>
      </c>
      <c r="K240" s="61">
        <v>-1.51</v>
      </c>
    </row>
    <row r="241" spans="1:11" ht="18.75" hidden="1" customHeight="1" thickBot="1">
      <c r="A241" s="59" t="s">
        <v>448</v>
      </c>
      <c r="B241" s="59" t="s">
        <v>28</v>
      </c>
      <c r="C241" s="59" t="s">
        <v>28</v>
      </c>
      <c r="D241" s="59" t="s">
        <v>367</v>
      </c>
      <c r="E241" s="59" t="s">
        <v>378</v>
      </c>
      <c r="F241" s="59" t="s">
        <v>449</v>
      </c>
      <c r="G241" s="59" t="s">
        <v>450</v>
      </c>
      <c r="H241" s="60">
        <v>212</v>
      </c>
      <c r="I241" s="60">
        <v>150</v>
      </c>
      <c r="J241" s="61">
        <v>0</v>
      </c>
      <c r="K241" s="61">
        <v>-0.9</v>
      </c>
    </row>
    <row r="242" spans="1:11" ht="18.75" hidden="1" customHeight="1" thickBot="1">
      <c r="A242" s="59" t="s">
        <v>448</v>
      </c>
      <c r="B242" s="59" t="s">
        <v>28</v>
      </c>
      <c r="C242" s="59" t="s">
        <v>28</v>
      </c>
      <c r="D242" s="59" t="s">
        <v>367</v>
      </c>
      <c r="E242" s="59" t="s">
        <v>378</v>
      </c>
      <c r="F242" s="59" t="s">
        <v>449</v>
      </c>
      <c r="G242" s="59" t="s">
        <v>450</v>
      </c>
      <c r="H242" s="60">
        <v>212</v>
      </c>
      <c r="I242" s="60">
        <v>211</v>
      </c>
      <c r="J242" s="61">
        <v>0</v>
      </c>
      <c r="K242" s="61">
        <v>-511.17</v>
      </c>
    </row>
    <row r="243" spans="1:11" ht="18.75" hidden="1" customHeight="1" thickBot="1">
      <c r="A243" s="59" t="s">
        <v>448</v>
      </c>
      <c r="B243" s="59" t="s">
        <v>28</v>
      </c>
      <c r="C243" s="59" t="s">
        <v>28</v>
      </c>
      <c r="D243" s="59" t="s">
        <v>367</v>
      </c>
      <c r="E243" s="59" t="s">
        <v>378</v>
      </c>
      <c r="F243" s="59" t="s">
        <v>449</v>
      </c>
      <c r="G243" s="59" t="s">
        <v>450</v>
      </c>
      <c r="H243" s="60">
        <v>212</v>
      </c>
      <c r="I243" s="60">
        <v>215</v>
      </c>
      <c r="J243" s="61">
        <v>0</v>
      </c>
      <c r="K243" s="61">
        <v>-3866.37</v>
      </c>
    </row>
    <row r="244" spans="1:11" ht="18.75" hidden="1" customHeight="1" thickBot="1">
      <c r="A244" s="59" t="s">
        <v>448</v>
      </c>
      <c r="B244" s="59" t="s">
        <v>28</v>
      </c>
      <c r="C244" s="59" t="s">
        <v>28</v>
      </c>
      <c r="D244" s="59" t="s">
        <v>367</v>
      </c>
      <c r="E244" s="59" t="s">
        <v>378</v>
      </c>
      <c r="F244" s="59" t="s">
        <v>449</v>
      </c>
      <c r="G244" s="59" t="s">
        <v>450</v>
      </c>
      <c r="H244" s="60">
        <v>212</v>
      </c>
      <c r="I244" s="60">
        <v>223</v>
      </c>
      <c r="J244" s="61">
        <v>0</v>
      </c>
      <c r="K244" s="61">
        <v>-6.5</v>
      </c>
    </row>
    <row r="245" spans="1:11" ht="18.75" hidden="1" customHeight="1" thickBot="1">
      <c r="A245" s="59" t="s">
        <v>448</v>
      </c>
      <c r="B245" s="59" t="s">
        <v>28</v>
      </c>
      <c r="C245" s="59" t="s">
        <v>28</v>
      </c>
      <c r="D245" s="59" t="s">
        <v>367</v>
      </c>
      <c r="E245" s="59" t="s">
        <v>378</v>
      </c>
      <c r="F245" s="59" t="s">
        <v>449</v>
      </c>
      <c r="G245" s="59" t="s">
        <v>450</v>
      </c>
      <c r="H245" s="60">
        <v>212</v>
      </c>
      <c r="I245" s="60">
        <v>225</v>
      </c>
      <c r="J245" s="61">
        <v>0</v>
      </c>
      <c r="K245" s="61">
        <v>-23.15</v>
      </c>
    </row>
    <row r="246" spans="1:11" ht="18.75" hidden="1" customHeight="1" thickBot="1">
      <c r="A246" s="59" t="s">
        <v>448</v>
      </c>
      <c r="B246" s="59" t="s">
        <v>28</v>
      </c>
      <c r="C246" s="59" t="s">
        <v>28</v>
      </c>
      <c r="D246" s="59" t="s">
        <v>367</v>
      </c>
      <c r="E246" s="59" t="s">
        <v>378</v>
      </c>
      <c r="F246" s="59" t="s">
        <v>449</v>
      </c>
      <c r="G246" s="59" t="s">
        <v>450</v>
      </c>
      <c r="H246" s="60">
        <v>212</v>
      </c>
      <c r="I246" s="60">
        <v>229</v>
      </c>
      <c r="J246" s="61">
        <v>0</v>
      </c>
      <c r="K246" s="61">
        <v>-16.899999999999999</v>
      </c>
    </row>
    <row r="247" spans="1:11" ht="18.75" hidden="1" customHeight="1" thickBot="1">
      <c r="A247" s="59" t="s">
        <v>448</v>
      </c>
      <c r="B247" s="59" t="s">
        <v>28</v>
      </c>
      <c r="C247" s="59" t="s">
        <v>28</v>
      </c>
      <c r="D247" s="59" t="s">
        <v>367</v>
      </c>
      <c r="E247" s="59" t="s">
        <v>378</v>
      </c>
      <c r="F247" s="59" t="s">
        <v>449</v>
      </c>
      <c r="G247" s="59" t="s">
        <v>450</v>
      </c>
      <c r="H247" s="60">
        <v>212</v>
      </c>
      <c r="I247" s="60">
        <v>240</v>
      </c>
      <c r="J247" s="61">
        <v>0</v>
      </c>
      <c r="K247" s="61">
        <v>-2651.3</v>
      </c>
    </row>
    <row r="248" spans="1:11" ht="18.75" hidden="1" customHeight="1" thickBot="1">
      <c r="A248" s="59" t="s">
        <v>448</v>
      </c>
      <c r="B248" s="59" t="s">
        <v>28</v>
      </c>
      <c r="C248" s="59" t="s">
        <v>28</v>
      </c>
      <c r="D248" s="59" t="s">
        <v>367</v>
      </c>
      <c r="E248" s="59" t="s">
        <v>378</v>
      </c>
      <c r="F248" s="59" t="s">
        <v>449</v>
      </c>
      <c r="G248" s="59" t="s">
        <v>450</v>
      </c>
      <c r="H248" s="60">
        <v>216</v>
      </c>
      <c r="I248" s="60">
        <v>211</v>
      </c>
      <c r="J248" s="61">
        <v>0</v>
      </c>
      <c r="K248" s="61">
        <v>-50.26</v>
      </c>
    </row>
    <row r="249" spans="1:11" ht="18.75" hidden="1" customHeight="1" thickBot="1">
      <c r="A249" s="59" t="s">
        <v>448</v>
      </c>
      <c r="B249" s="59" t="s">
        <v>28</v>
      </c>
      <c r="C249" s="59" t="s">
        <v>28</v>
      </c>
      <c r="D249" s="59" t="s">
        <v>367</v>
      </c>
      <c r="E249" s="59" t="s">
        <v>378</v>
      </c>
      <c r="F249" s="59" t="s">
        <v>449</v>
      </c>
      <c r="G249" s="59" t="s">
        <v>450</v>
      </c>
      <c r="H249" s="60">
        <v>216</v>
      </c>
      <c r="I249" s="60">
        <v>215</v>
      </c>
      <c r="J249" s="61">
        <v>0</v>
      </c>
      <c r="K249" s="61">
        <v>-152.62</v>
      </c>
    </row>
    <row r="250" spans="1:11" ht="18.75" hidden="1" customHeight="1" thickBot="1">
      <c r="A250" s="59" t="s">
        <v>448</v>
      </c>
      <c r="B250" s="59" t="s">
        <v>28</v>
      </c>
      <c r="C250" s="59" t="s">
        <v>28</v>
      </c>
      <c r="D250" s="59" t="s">
        <v>367</v>
      </c>
      <c r="E250" s="59" t="s">
        <v>378</v>
      </c>
      <c r="F250" s="59" t="s">
        <v>449</v>
      </c>
      <c r="G250" s="59" t="s">
        <v>450</v>
      </c>
      <c r="H250" s="60">
        <v>221</v>
      </c>
      <c r="I250" s="60">
        <v>94</v>
      </c>
      <c r="J250" s="61">
        <v>0</v>
      </c>
      <c r="K250" s="61">
        <v>-2.99</v>
      </c>
    </row>
    <row r="251" spans="1:11" ht="18.75" hidden="1" customHeight="1" thickBot="1">
      <c r="A251" s="59" t="s">
        <v>448</v>
      </c>
      <c r="B251" s="59" t="s">
        <v>28</v>
      </c>
      <c r="C251" s="59" t="s">
        <v>28</v>
      </c>
      <c r="D251" s="59" t="s">
        <v>367</v>
      </c>
      <c r="E251" s="59" t="s">
        <v>378</v>
      </c>
      <c r="F251" s="59" t="s">
        <v>449</v>
      </c>
      <c r="G251" s="59" t="s">
        <v>450</v>
      </c>
      <c r="H251" s="60">
        <v>221</v>
      </c>
      <c r="I251" s="60">
        <v>204</v>
      </c>
      <c r="J251" s="61">
        <v>0</v>
      </c>
      <c r="K251" s="61">
        <v>-8.52</v>
      </c>
    </row>
    <row r="252" spans="1:11" ht="18.75" hidden="1" customHeight="1" thickBot="1">
      <c r="A252" s="59" t="s">
        <v>448</v>
      </c>
      <c r="B252" s="59" t="s">
        <v>28</v>
      </c>
      <c r="C252" s="59" t="s">
        <v>28</v>
      </c>
      <c r="D252" s="59" t="s">
        <v>367</v>
      </c>
      <c r="E252" s="59" t="s">
        <v>378</v>
      </c>
      <c r="F252" s="59" t="s">
        <v>449</v>
      </c>
      <c r="G252" s="59" t="s">
        <v>450</v>
      </c>
      <c r="H252" s="60">
        <v>221</v>
      </c>
      <c r="I252" s="60">
        <v>211</v>
      </c>
      <c r="J252" s="61">
        <v>0</v>
      </c>
      <c r="K252" s="61">
        <v>-337.02</v>
      </c>
    </row>
    <row r="253" spans="1:11" ht="18.75" hidden="1" customHeight="1" thickBot="1">
      <c r="A253" s="59" t="s">
        <v>448</v>
      </c>
      <c r="B253" s="59" t="s">
        <v>28</v>
      </c>
      <c r="C253" s="59" t="s">
        <v>28</v>
      </c>
      <c r="D253" s="59" t="s">
        <v>367</v>
      </c>
      <c r="E253" s="59" t="s">
        <v>378</v>
      </c>
      <c r="F253" s="59" t="s">
        <v>449</v>
      </c>
      <c r="G253" s="59" t="s">
        <v>450</v>
      </c>
      <c r="H253" s="60">
        <v>221</v>
      </c>
      <c r="I253" s="60">
        <v>215</v>
      </c>
      <c r="J253" s="61">
        <v>0</v>
      </c>
      <c r="K253" s="61">
        <v>-910.36</v>
      </c>
    </row>
    <row r="254" spans="1:11" ht="18.75" hidden="1" customHeight="1" thickBot="1">
      <c r="A254" s="59" t="s">
        <v>448</v>
      </c>
      <c r="B254" s="59" t="s">
        <v>28</v>
      </c>
      <c r="C254" s="59" t="s">
        <v>28</v>
      </c>
      <c r="D254" s="59" t="s">
        <v>367</v>
      </c>
      <c r="E254" s="59" t="s">
        <v>378</v>
      </c>
      <c r="F254" s="59" t="s">
        <v>449</v>
      </c>
      <c r="G254" s="59" t="s">
        <v>450</v>
      </c>
      <c r="H254" s="60">
        <v>221</v>
      </c>
      <c r="I254" s="60">
        <v>217</v>
      </c>
      <c r="J254" s="61">
        <v>0</v>
      </c>
      <c r="K254" s="61">
        <v>-46.49</v>
      </c>
    </row>
    <row r="255" spans="1:11" ht="18.75" hidden="1" customHeight="1" thickBot="1">
      <c r="A255" s="59" t="s">
        <v>448</v>
      </c>
      <c r="B255" s="59" t="s">
        <v>28</v>
      </c>
      <c r="C255" s="59" t="s">
        <v>28</v>
      </c>
      <c r="D255" s="59" t="s">
        <v>367</v>
      </c>
      <c r="E255" s="59" t="s">
        <v>378</v>
      </c>
      <c r="F255" s="59" t="s">
        <v>449</v>
      </c>
      <c r="G255" s="59" t="s">
        <v>450</v>
      </c>
      <c r="H255" s="60">
        <v>221</v>
      </c>
      <c r="I255" s="60">
        <v>220</v>
      </c>
      <c r="J255" s="61">
        <v>0</v>
      </c>
      <c r="K255" s="61">
        <v>-181.88</v>
      </c>
    </row>
    <row r="256" spans="1:11" ht="18.75" hidden="1" customHeight="1" thickBot="1">
      <c r="A256" s="59" t="s">
        <v>448</v>
      </c>
      <c r="B256" s="59" t="s">
        <v>28</v>
      </c>
      <c r="C256" s="59" t="s">
        <v>28</v>
      </c>
      <c r="D256" s="59" t="s">
        <v>367</v>
      </c>
      <c r="E256" s="59" t="s">
        <v>378</v>
      </c>
      <c r="F256" s="59" t="s">
        <v>449</v>
      </c>
      <c r="G256" s="59" t="s">
        <v>450</v>
      </c>
      <c r="H256" s="60">
        <v>221</v>
      </c>
      <c r="I256" s="60">
        <v>240</v>
      </c>
      <c r="J256" s="61">
        <v>0</v>
      </c>
      <c r="K256" s="61">
        <v>-188.38</v>
      </c>
    </row>
    <row r="257" spans="1:11" ht="18.75" hidden="1" customHeight="1" thickBot="1">
      <c r="A257" s="59" t="s">
        <v>448</v>
      </c>
      <c r="B257" s="59" t="s">
        <v>28</v>
      </c>
      <c r="C257" s="59" t="s">
        <v>28</v>
      </c>
      <c r="D257" s="59" t="s">
        <v>367</v>
      </c>
      <c r="E257" s="59" t="s">
        <v>378</v>
      </c>
      <c r="F257" s="59" t="s">
        <v>449</v>
      </c>
      <c r="G257" s="59" t="s">
        <v>450</v>
      </c>
      <c r="H257" s="60">
        <v>221</v>
      </c>
      <c r="I257" s="60">
        <v>244</v>
      </c>
      <c r="J257" s="61">
        <v>0</v>
      </c>
      <c r="K257" s="61">
        <v>-2993.56</v>
      </c>
    </row>
    <row r="258" spans="1:11" ht="18.75" hidden="1" customHeight="1" thickBot="1">
      <c r="A258" s="59" t="s">
        <v>448</v>
      </c>
      <c r="B258" s="59" t="s">
        <v>28</v>
      </c>
      <c r="C258" s="59" t="s">
        <v>28</v>
      </c>
      <c r="D258" s="59" t="s">
        <v>367</v>
      </c>
      <c r="E258" s="59" t="s">
        <v>378</v>
      </c>
      <c r="F258" s="59" t="s">
        <v>449</v>
      </c>
      <c r="G258" s="59" t="s">
        <v>450</v>
      </c>
      <c r="H258" s="60">
        <v>221</v>
      </c>
      <c r="I258" s="60">
        <v>358</v>
      </c>
      <c r="J258" s="61">
        <v>0</v>
      </c>
      <c r="K258" s="61">
        <v>-6693.29</v>
      </c>
    </row>
    <row r="259" spans="1:11" ht="18.75" hidden="1" customHeight="1" thickBot="1">
      <c r="A259" s="59" t="s">
        <v>448</v>
      </c>
      <c r="B259" s="59" t="s">
        <v>28</v>
      </c>
      <c r="C259" s="59" t="s">
        <v>28</v>
      </c>
      <c r="D259" s="59" t="s">
        <v>367</v>
      </c>
      <c r="E259" s="59" t="s">
        <v>378</v>
      </c>
      <c r="F259" s="59" t="s">
        <v>449</v>
      </c>
      <c r="G259" s="59" t="s">
        <v>450</v>
      </c>
      <c r="H259" s="60">
        <v>221</v>
      </c>
      <c r="I259" s="60">
        <v>359</v>
      </c>
      <c r="J259" s="61">
        <v>0</v>
      </c>
      <c r="K259" s="61">
        <v>-7799.37</v>
      </c>
    </row>
    <row r="260" spans="1:11" ht="18.75" hidden="1" customHeight="1" thickBot="1">
      <c r="A260" s="59" t="s">
        <v>448</v>
      </c>
      <c r="B260" s="59" t="s">
        <v>28</v>
      </c>
      <c r="C260" s="59" t="s">
        <v>28</v>
      </c>
      <c r="D260" s="59" t="s">
        <v>367</v>
      </c>
      <c r="E260" s="59" t="s">
        <v>378</v>
      </c>
      <c r="F260" s="59" t="s">
        <v>449</v>
      </c>
      <c r="G260" s="59" t="s">
        <v>450</v>
      </c>
      <c r="H260" s="60">
        <v>222</v>
      </c>
      <c r="I260" s="60">
        <v>113</v>
      </c>
      <c r="J260" s="61">
        <v>0</v>
      </c>
      <c r="K260" s="61">
        <v>-5.13</v>
      </c>
    </row>
    <row r="261" spans="1:11" ht="18.75" hidden="1" customHeight="1" thickBot="1">
      <c r="A261" s="59" t="s">
        <v>448</v>
      </c>
      <c r="B261" s="59" t="s">
        <v>28</v>
      </c>
      <c r="C261" s="59" t="s">
        <v>28</v>
      </c>
      <c r="D261" s="59" t="s">
        <v>367</v>
      </c>
      <c r="E261" s="59" t="s">
        <v>378</v>
      </c>
      <c r="F261" s="59" t="s">
        <v>449</v>
      </c>
      <c r="G261" s="59" t="s">
        <v>450</v>
      </c>
      <c r="H261" s="60">
        <v>222</v>
      </c>
      <c r="I261" s="60">
        <v>211</v>
      </c>
      <c r="J261" s="61">
        <v>0</v>
      </c>
      <c r="K261" s="61">
        <v>-3.58</v>
      </c>
    </row>
    <row r="262" spans="1:11" ht="18.75" hidden="1" customHeight="1" thickBot="1">
      <c r="A262" s="59" t="s">
        <v>448</v>
      </c>
      <c r="B262" s="59" t="s">
        <v>28</v>
      </c>
      <c r="C262" s="59" t="s">
        <v>28</v>
      </c>
      <c r="D262" s="59" t="s">
        <v>367</v>
      </c>
      <c r="E262" s="59" t="s">
        <v>378</v>
      </c>
      <c r="F262" s="59" t="s">
        <v>449</v>
      </c>
      <c r="G262" s="59" t="s">
        <v>450</v>
      </c>
      <c r="H262" s="60">
        <v>222</v>
      </c>
      <c r="I262" s="60">
        <v>215</v>
      </c>
      <c r="J262" s="61">
        <v>0</v>
      </c>
      <c r="K262" s="61">
        <v>-63.3</v>
      </c>
    </row>
    <row r="263" spans="1:11" ht="18.75" hidden="1" customHeight="1" thickBot="1">
      <c r="A263" s="59" t="s">
        <v>448</v>
      </c>
      <c r="B263" s="59" t="s">
        <v>28</v>
      </c>
      <c r="C263" s="59" t="s">
        <v>28</v>
      </c>
      <c r="D263" s="59" t="s">
        <v>367</v>
      </c>
      <c r="E263" s="59" t="s">
        <v>378</v>
      </c>
      <c r="F263" s="59" t="s">
        <v>449</v>
      </c>
      <c r="G263" s="59" t="s">
        <v>450</v>
      </c>
      <c r="H263" s="60">
        <v>222</v>
      </c>
      <c r="I263" s="60">
        <v>240</v>
      </c>
      <c r="J263" s="61">
        <v>0</v>
      </c>
      <c r="K263" s="61">
        <v>-227.43</v>
      </c>
    </row>
    <row r="264" spans="1:11" ht="18.75" hidden="1" customHeight="1" thickBot="1">
      <c r="A264" s="59" t="s">
        <v>448</v>
      </c>
      <c r="B264" s="59" t="s">
        <v>28</v>
      </c>
      <c r="C264" s="59" t="s">
        <v>28</v>
      </c>
      <c r="D264" s="59" t="s">
        <v>367</v>
      </c>
      <c r="E264" s="59" t="s">
        <v>378</v>
      </c>
      <c r="F264" s="59" t="s">
        <v>449</v>
      </c>
      <c r="G264" s="59" t="s">
        <v>450</v>
      </c>
      <c r="H264" s="60">
        <v>222</v>
      </c>
      <c r="I264" s="60">
        <v>244</v>
      </c>
      <c r="J264" s="61">
        <v>0</v>
      </c>
      <c r="K264" s="61">
        <v>-1496.99</v>
      </c>
    </row>
    <row r="265" spans="1:11" ht="18.75" hidden="1" customHeight="1" thickBot="1">
      <c r="A265" s="59" t="s">
        <v>448</v>
      </c>
      <c r="B265" s="59" t="s">
        <v>28</v>
      </c>
      <c r="C265" s="59" t="s">
        <v>28</v>
      </c>
      <c r="D265" s="59" t="s">
        <v>367</v>
      </c>
      <c r="E265" s="59" t="s">
        <v>378</v>
      </c>
      <c r="F265" s="59" t="s">
        <v>449</v>
      </c>
      <c r="G265" s="59" t="s">
        <v>450</v>
      </c>
      <c r="H265" s="60">
        <v>230</v>
      </c>
      <c r="I265" s="60">
        <v>211</v>
      </c>
      <c r="J265" s="61">
        <v>0</v>
      </c>
      <c r="K265" s="61">
        <v>-10.66</v>
      </c>
    </row>
    <row r="266" spans="1:11" ht="18.75" hidden="1" customHeight="1" thickBot="1">
      <c r="A266" s="59" t="s">
        <v>448</v>
      </c>
      <c r="B266" s="59" t="s">
        <v>28</v>
      </c>
      <c r="C266" s="59" t="s">
        <v>28</v>
      </c>
      <c r="D266" s="59" t="s">
        <v>367</v>
      </c>
      <c r="E266" s="59" t="s">
        <v>378</v>
      </c>
      <c r="F266" s="59" t="s">
        <v>449</v>
      </c>
      <c r="G266" s="59" t="s">
        <v>450</v>
      </c>
      <c r="H266" s="60">
        <v>230</v>
      </c>
      <c r="I266" s="60">
        <v>215</v>
      </c>
      <c r="J266" s="61">
        <v>0</v>
      </c>
      <c r="K266" s="61">
        <v>-51.53</v>
      </c>
    </row>
    <row r="267" spans="1:11" ht="18.75" hidden="1" customHeight="1" thickBot="1">
      <c r="A267" s="59" t="s">
        <v>448</v>
      </c>
      <c r="B267" s="59" t="s">
        <v>28</v>
      </c>
      <c r="C267" s="59" t="s">
        <v>28</v>
      </c>
      <c r="D267" s="59" t="s">
        <v>367</v>
      </c>
      <c r="E267" s="59" t="s">
        <v>378</v>
      </c>
      <c r="F267" s="59" t="s">
        <v>449</v>
      </c>
      <c r="G267" s="59" t="s">
        <v>450</v>
      </c>
      <c r="H267" s="60">
        <v>230</v>
      </c>
      <c r="I267" s="60">
        <v>220</v>
      </c>
      <c r="J267" s="61">
        <v>0</v>
      </c>
      <c r="K267" s="61">
        <v>-80.53</v>
      </c>
    </row>
    <row r="268" spans="1:11" ht="18.75" hidden="1" customHeight="1" thickBot="1">
      <c r="A268" s="59" t="s">
        <v>448</v>
      </c>
      <c r="B268" s="59" t="s">
        <v>28</v>
      </c>
      <c r="C268" s="59" t="s">
        <v>28</v>
      </c>
      <c r="D268" s="59" t="s">
        <v>367</v>
      </c>
      <c r="E268" s="59" t="s">
        <v>378</v>
      </c>
      <c r="F268" s="59" t="s">
        <v>449</v>
      </c>
      <c r="G268" s="59" t="s">
        <v>450</v>
      </c>
      <c r="H268" s="60">
        <v>230</v>
      </c>
      <c r="I268" s="60">
        <v>244</v>
      </c>
      <c r="J268" s="61">
        <v>0</v>
      </c>
      <c r="K268" s="61">
        <v>-765.89</v>
      </c>
    </row>
    <row r="269" spans="1:11" ht="18.75" hidden="1" customHeight="1" thickBot="1">
      <c r="A269" s="59" t="s">
        <v>448</v>
      </c>
      <c r="B269" s="59" t="s">
        <v>28</v>
      </c>
      <c r="C269" s="59" t="s">
        <v>28</v>
      </c>
      <c r="D269" s="59" t="s">
        <v>367</v>
      </c>
      <c r="E269" s="59" t="s">
        <v>378</v>
      </c>
      <c r="F269" s="59" t="s">
        <v>449</v>
      </c>
      <c r="G269" s="59" t="s">
        <v>450</v>
      </c>
      <c r="H269" s="60">
        <v>230</v>
      </c>
      <c r="I269" s="60">
        <v>330</v>
      </c>
      <c r="J269" s="61">
        <v>0</v>
      </c>
      <c r="K269" s="61">
        <v>-9178.48</v>
      </c>
    </row>
    <row r="270" spans="1:11" ht="18.75" customHeight="1" thickBot="1">
      <c r="A270" s="59" t="s">
        <v>448</v>
      </c>
      <c r="B270" s="59" t="s">
        <v>28</v>
      </c>
      <c r="C270" s="59" t="s">
        <v>28</v>
      </c>
      <c r="D270" s="59" t="s">
        <v>367</v>
      </c>
      <c r="E270" s="59" t="s">
        <v>380</v>
      </c>
      <c r="F270" s="59" t="s">
        <v>449</v>
      </c>
      <c r="G270" s="59" t="s">
        <v>450</v>
      </c>
      <c r="H270" s="60">
        <v>0</v>
      </c>
      <c r="I270" s="60">
        <v>0</v>
      </c>
      <c r="J270" s="61">
        <v>0</v>
      </c>
      <c r="K270" s="61">
        <v>1297.57</v>
      </c>
    </row>
    <row r="271" spans="1:11" ht="18.75" customHeight="1" thickBot="1">
      <c r="A271" s="59" t="s">
        <v>448</v>
      </c>
      <c r="B271" s="59" t="s">
        <v>28</v>
      </c>
      <c r="C271" s="59" t="s">
        <v>28</v>
      </c>
      <c r="D271" s="59" t="s">
        <v>367</v>
      </c>
      <c r="E271" s="59" t="s">
        <v>380</v>
      </c>
      <c r="F271" s="59" t="s">
        <v>449</v>
      </c>
      <c r="G271" s="59" t="s">
        <v>450</v>
      </c>
      <c r="H271" s="60">
        <v>10</v>
      </c>
      <c r="I271" s="60">
        <v>11</v>
      </c>
      <c r="J271" s="61">
        <v>0</v>
      </c>
      <c r="K271" s="61">
        <v>0.61</v>
      </c>
    </row>
    <row r="272" spans="1:11" ht="18.75" customHeight="1" thickBot="1">
      <c r="A272" s="59" t="s">
        <v>448</v>
      </c>
      <c r="B272" s="59" t="s">
        <v>28</v>
      </c>
      <c r="C272" s="59" t="s">
        <v>28</v>
      </c>
      <c r="D272" s="59" t="s">
        <v>367</v>
      </c>
      <c r="E272" s="59" t="s">
        <v>380</v>
      </c>
      <c r="F272" s="59" t="s">
        <v>449</v>
      </c>
      <c r="G272" s="59" t="s">
        <v>450</v>
      </c>
      <c r="H272" s="60">
        <v>10</v>
      </c>
      <c r="I272" s="60">
        <v>15</v>
      </c>
      <c r="J272" s="61">
        <v>0</v>
      </c>
      <c r="K272" s="61">
        <v>273.07</v>
      </c>
    </row>
    <row r="273" spans="1:11" ht="18.75" customHeight="1" thickBot="1">
      <c r="A273" s="59" t="s">
        <v>448</v>
      </c>
      <c r="B273" s="59" t="s">
        <v>28</v>
      </c>
      <c r="C273" s="59" t="s">
        <v>28</v>
      </c>
      <c r="D273" s="59" t="s">
        <v>367</v>
      </c>
      <c r="E273" s="59" t="s">
        <v>380</v>
      </c>
      <c r="F273" s="59" t="s">
        <v>449</v>
      </c>
      <c r="G273" s="59" t="s">
        <v>450</v>
      </c>
      <c r="H273" s="60">
        <v>10</v>
      </c>
      <c r="I273" s="60">
        <v>22</v>
      </c>
      <c r="J273" s="61">
        <v>0</v>
      </c>
      <c r="K273" s="61">
        <v>127.66</v>
      </c>
    </row>
    <row r="274" spans="1:11" ht="18.75" customHeight="1" thickBot="1">
      <c r="A274" s="59" t="s">
        <v>448</v>
      </c>
      <c r="B274" s="59" t="s">
        <v>28</v>
      </c>
      <c r="C274" s="59" t="s">
        <v>28</v>
      </c>
      <c r="D274" s="59" t="s">
        <v>367</v>
      </c>
      <c r="E274" s="59" t="s">
        <v>380</v>
      </c>
      <c r="F274" s="59" t="s">
        <v>449</v>
      </c>
      <c r="G274" s="59" t="s">
        <v>450</v>
      </c>
      <c r="H274" s="60">
        <v>10</v>
      </c>
      <c r="I274" s="60">
        <v>93</v>
      </c>
      <c r="J274" s="61">
        <v>0</v>
      </c>
      <c r="K274" s="61">
        <v>9.91</v>
      </c>
    </row>
    <row r="275" spans="1:11" ht="18.75" customHeight="1" thickBot="1">
      <c r="A275" s="59" t="s">
        <v>448</v>
      </c>
      <c r="B275" s="59" t="s">
        <v>28</v>
      </c>
      <c r="C275" s="59" t="s">
        <v>28</v>
      </c>
      <c r="D275" s="59" t="s">
        <v>367</v>
      </c>
      <c r="E275" s="59" t="s">
        <v>380</v>
      </c>
      <c r="F275" s="59" t="s">
        <v>449</v>
      </c>
      <c r="G275" s="59" t="s">
        <v>450</v>
      </c>
      <c r="H275" s="60">
        <v>10</v>
      </c>
      <c r="I275" s="60">
        <v>94</v>
      </c>
      <c r="J275" s="61">
        <v>0</v>
      </c>
      <c r="K275" s="61">
        <v>171</v>
      </c>
    </row>
    <row r="276" spans="1:11" ht="18.75" customHeight="1" thickBot="1">
      <c r="A276" s="59" t="s">
        <v>448</v>
      </c>
      <c r="B276" s="59" t="s">
        <v>28</v>
      </c>
      <c r="C276" s="59" t="s">
        <v>28</v>
      </c>
      <c r="D276" s="59" t="s">
        <v>367</v>
      </c>
      <c r="E276" s="59" t="s">
        <v>380</v>
      </c>
      <c r="F276" s="59" t="s">
        <v>449</v>
      </c>
      <c r="G276" s="59" t="s">
        <v>450</v>
      </c>
      <c r="H276" s="60">
        <v>10</v>
      </c>
      <c r="I276" s="60">
        <v>97</v>
      </c>
      <c r="J276" s="61">
        <v>0</v>
      </c>
      <c r="K276" s="61">
        <v>13</v>
      </c>
    </row>
    <row r="277" spans="1:11" ht="18.75" customHeight="1" thickBot="1">
      <c r="A277" s="59" t="s">
        <v>448</v>
      </c>
      <c r="B277" s="59" t="s">
        <v>28</v>
      </c>
      <c r="C277" s="59" t="s">
        <v>28</v>
      </c>
      <c r="D277" s="59" t="s">
        <v>367</v>
      </c>
      <c r="E277" s="59" t="s">
        <v>380</v>
      </c>
      <c r="F277" s="59" t="s">
        <v>449</v>
      </c>
      <c r="G277" s="59" t="s">
        <v>450</v>
      </c>
      <c r="H277" s="60">
        <v>10</v>
      </c>
      <c r="I277" s="60">
        <v>107</v>
      </c>
      <c r="J277" s="61">
        <v>0</v>
      </c>
      <c r="K277" s="61">
        <v>12.12</v>
      </c>
    </row>
    <row r="278" spans="1:11" ht="18.75" customHeight="1" thickBot="1">
      <c r="A278" s="59" t="s">
        <v>448</v>
      </c>
      <c r="B278" s="59" t="s">
        <v>28</v>
      </c>
      <c r="C278" s="59" t="s">
        <v>28</v>
      </c>
      <c r="D278" s="59" t="s">
        <v>367</v>
      </c>
      <c r="E278" s="59" t="s">
        <v>380</v>
      </c>
      <c r="F278" s="59" t="s">
        <v>449</v>
      </c>
      <c r="G278" s="59" t="s">
        <v>450</v>
      </c>
      <c r="H278" s="60">
        <v>10</v>
      </c>
      <c r="I278" s="60">
        <v>109</v>
      </c>
      <c r="J278" s="61">
        <v>0</v>
      </c>
      <c r="K278" s="61">
        <v>30.11</v>
      </c>
    </row>
    <row r="279" spans="1:11" ht="18.75" customHeight="1" thickBot="1">
      <c r="A279" s="59" t="s">
        <v>448</v>
      </c>
      <c r="B279" s="59" t="s">
        <v>28</v>
      </c>
      <c r="C279" s="59" t="s">
        <v>28</v>
      </c>
      <c r="D279" s="59" t="s">
        <v>367</v>
      </c>
      <c r="E279" s="59" t="s">
        <v>380</v>
      </c>
      <c r="F279" s="59" t="s">
        <v>449</v>
      </c>
      <c r="G279" s="59" t="s">
        <v>450</v>
      </c>
      <c r="H279" s="60">
        <v>10</v>
      </c>
      <c r="I279" s="60">
        <v>111</v>
      </c>
      <c r="J279" s="61">
        <v>0</v>
      </c>
      <c r="K279" s="61">
        <v>2.02</v>
      </c>
    </row>
    <row r="280" spans="1:11" ht="18.75" customHeight="1" thickBot="1">
      <c r="A280" s="59" t="s">
        <v>448</v>
      </c>
      <c r="B280" s="59" t="s">
        <v>28</v>
      </c>
      <c r="C280" s="59" t="s">
        <v>28</v>
      </c>
      <c r="D280" s="59" t="s">
        <v>367</v>
      </c>
      <c r="E280" s="59" t="s">
        <v>380</v>
      </c>
      <c r="F280" s="59" t="s">
        <v>449</v>
      </c>
      <c r="G280" s="59" t="s">
        <v>450</v>
      </c>
      <c r="H280" s="60">
        <v>10</v>
      </c>
      <c r="I280" s="60">
        <v>113</v>
      </c>
      <c r="J280" s="61">
        <v>0</v>
      </c>
      <c r="K280" s="61">
        <v>107.77</v>
      </c>
    </row>
    <row r="281" spans="1:11" ht="18.75" customHeight="1" thickBot="1">
      <c r="A281" s="59" t="s">
        <v>448</v>
      </c>
      <c r="B281" s="59" t="s">
        <v>28</v>
      </c>
      <c r="C281" s="59" t="s">
        <v>28</v>
      </c>
      <c r="D281" s="59" t="s">
        <v>367</v>
      </c>
      <c r="E281" s="59" t="s">
        <v>380</v>
      </c>
      <c r="F281" s="59" t="s">
        <v>449</v>
      </c>
      <c r="G281" s="59" t="s">
        <v>450</v>
      </c>
      <c r="H281" s="60">
        <v>10</v>
      </c>
      <c r="I281" s="60">
        <v>116</v>
      </c>
      <c r="J281" s="61">
        <v>0</v>
      </c>
      <c r="K281" s="61">
        <v>1.51</v>
      </c>
    </row>
    <row r="282" spans="1:11" ht="18.75" customHeight="1" thickBot="1">
      <c r="A282" s="59" t="s">
        <v>448</v>
      </c>
      <c r="B282" s="59" t="s">
        <v>28</v>
      </c>
      <c r="C282" s="59" t="s">
        <v>28</v>
      </c>
      <c r="D282" s="59" t="s">
        <v>367</v>
      </c>
      <c r="E282" s="59" t="s">
        <v>380</v>
      </c>
      <c r="F282" s="59" t="s">
        <v>449</v>
      </c>
      <c r="G282" s="59" t="s">
        <v>450</v>
      </c>
      <c r="H282" s="60">
        <v>10</v>
      </c>
      <c r="I282" s="60">
        <v>131</v>
      </c>
      <c r="J282" s="61">
        <v>0</v>
      </c>
      <c r="K282" s="61">
        <v>7.58</v>
      </c>
    </row>
    <row r="283" spans="1:11" ht="18.75" customHeight="1" thickBot="1">
      <c r="A283" s="59" t="s">
        <v>448</v>
      </c>
      <c r="B283" s="59" t="s">
        <v>28</v>
      </c>
      <c r="C283" s="59" t="s">
        <v>28</v>
      </c>
      <c r="D283" s="59" t="s">
        <v>367</v>
      </c>
      <c r="E283" s="59" t="s">
        <v>380</v>
      </c>
      <c r="F283" s="59" t="s">
        <v>449</v>
      </c>
      <c r="G283" s="59" t="s">
        <v>450</v>
      </c>
      <c r="H283" s="60">
        <v>10</v>
      </c>
      <c r="I283" s="60">
        <v>150</v>
      </c>
      <c r="J283" s="61">
        <v>0</v>
      </c>
      <c r="K283" s="61">
        <v>20.47</v>
      </c>
    </row>
    <row r="284" spans="1:11" ht="18.75" customHeight="1" thickBot="1">
      <c r="A284" s="59" t="s">
        <v>448</v>
      </c>
      <c r="B284" s="59" t="s">
        <v>28</v>
      </c>
      <c r="C284" s="59" t="s">
        <v>28</v>
      </c>
      <c r="D284" s="59" t="s">
        <v>367</v>
      </c>
      <c r="E284" s="59" t="s">
        <v>380</v>
      </c>
      <c r="F284" s="59" t="s">
        <v>449</v>
      </c>
      <c r="G284" s="59" t="s">
        <v>450</v>
      </c>
      <c r="H284" s="60">
        <v>20</v>
      </c>
      <c r="I284" s="60">
        <v>15</v>
      </c>
      <c r="J284" s="61">
        <v>0</v>
      </c>
      <c r="K284" s="61">
        <v>333.22</v>
      </c>
    </row>
    <row r="285" spans="1:11" ht="18.75" customHeight="1" thickBot="1">
      <c r="A285" s="59" t="s">
        <v>448</v>
      </c>
      <c r="B285" s="59" t="s">
        <v>28</v>
      </c>
      <c r="C285" s="59" t="s">
        <v>28</v>
      </c>
      <c r="D285" s="59" t="s">
        <v>367</v>
      </c>
      <c r="E285" s="59" t="s">
        <v>380</v>
      </c>
      <c r="F285" s="59" t="s">
        <v>449</v>
      </c>
      <c r="G285" s="59" t="s">
        <v>450</v>
      </c>
      <c r="H285" s="60">
        <v>20</v>
      </c>
      <c r="I285" s="60">
        <v>17</v>
      </c>
      <c r="J285" s="61">
        <v>0</v>
      </c>
      <c r="K285" s="61">
        <v>0.91</v>
      </c>
    </row>
    <row r="286" spans="1:11" ht="18.75" customHeight="1" thickBot="1">
      <c r="A286" s="59" t="s">
        <v>448</v>
      </c>
      <c r="B286" s="59" t="s">
        <v>28</v>
      </c>
      <c r="C286" s="59" t="s">
        <v>28</v>
      </c>
      <c r="D286" s="59" t="s">
        <v>367</v>
      </c>
      <c r="E286" s="59" t="s">
        <v>380</v>
      </c>
      <c r="F286" s="59" t="s">
        <v>449</v>
      </c>
      <c r="G286" s="59" t="s">
        <v>450</v>
      </c>
      <c r="H286" s="60">
        <v>20</v>
      </c>
      <c r="I286" s="60">
        <v>22</v>
      </c>
      <c r="J286" s="61">
        <v>0</v>
      </c>
      <c r="K286" s="61">
        <v>598.45000000000005</v>
      </c>
    </row>
    <row r="287" spans="1:11" ht="18.75" customHeight="1" thickBot="1">
      <c r="A287" s="59" t="s">
        <v>448</v>
      </c>
      <c r="B287" s="59" t="s">
        <v>28</v>
      </c>
      <c r="C287" s="59" t="s">
        <v>28</v>
      </c>
      <c r="D287" s="59" t="s">
        <v>367</v>
      </c>
      <c r="E287" s="59" t="s">
        <v>380</v>
      </c>
      <c r="F287" s="59" t="s">
        <v>449</v>
      </c>
      <c r="G287" s="59" t="s">
        <v>450</v>
      </c>
      <c r="H287" s="60">
        <v>20</v>
      </c>
      <c r="I287" s="60">
        <v>30</v>
      </c>
      <c r="J287" s="61">
        <v>0</v>
      </c>
      <c r="K287" s="61">
        <v>0.61</v>
      </c>
    </row>
    <row r="288" spans="1:11" ht="18.75" customHeight="1" thickBot="1">
      <c r="A288" s="59" t="s">
        <v>448</v>
      </c>
      <c r="B288" s="59" t="s">
        <v>28</v>
      </c>
      <c r="C288" s="59" t="s">
        <v>28</v>
      </c>
      <c r="D288" s="59" t="s">
        <v>367</v>
      </c>
      <c r="E288" s="59" t="s">
        <v>380</v>
      </c>
      <c r="F288" s="59" t="s">
        <v>449</v>
      </c>
      <c r="G288" s="59" t="s">
        <v>450</v>
      </c>
      <c r="H288" s="60">
        <v>20</v>
      </c>
      <c r="I288" s="60">
        <v>93</v>
      </c>
      <c r="J288" s="61">
        <v>0</v>
      </c>
      <c r="K288" s="61">
        <v>3.63</v>
      </c>
    </row>
    <row r="289" spans="1:11" ht="18.75" customHeight="1" thickBot="1">
      <c r="A289" s="59" t="s">
        <v>448</v>
      </c>
      <c r="B289" s="59" t="s">
        <v>28</v>
      </c>
      <c r="C289" s="59" t="s">
        <v>28</v>
      </c>
      <c r="D289" s="59" t="s">
        <v>367</v>
      </c>
      <c r="E289" s="59" t="s">
        <v>380</v>
      </c>
      <c r="F289" s="59" t="s">
        <v>449</v>
      </c>
      <c r="G289" s="59" t="s">
        <v>450</v>
      </c>
      <c r="H289" s="60">
        <v>20</v>
      </c>
      <c r="I289" s="60">
        <v>94</v>
      </c>
      <c r="J289" s="61">
        <v>0</v>
      </c>
      <c r="K289" s="61">
        <v>121.25</v>
      </c>
    </row>
    <row r="290" spans="1:11" ht="18.75" customHeight="1" thickBot="1">
      <c r="A290" s="59" t="s">
        <v>448</v>
      </c>
      <c r="B290" s="59" t="s">
        <v>28</v>
      </c>
      <c r="C290" s="59" t="s">
        <v>28</v>
      </c>
      <c r="D290" s="59" t="s">
        <v>367</v>
      </c>
      <c r="E290" s="59" t="s">
        <v>380</v>
      </c>
      <c r="F290" s="59" t="s">
        <v>449</v>
      </c>
      <c r="G290" s="59" t="s">
        <v>450</v>
      </c>
      <c r="H290" s="60">
        <v>20</v>
      </c>
      <c r="I290" s="60">
        <v>97</v>
      </c>
      <c r="J290" s="61">
        <v>0</v>
      </c>
      <c r="K290" s="61">
        <v>7.97</v>
      </c>
    </row>
    <row r="291" spans="1:11" ht="18.75" customHeight="1" thickBot="1">
      <c r="A291" s="59" t="s">
        <v>448</v>
      </c>
      <c r="B291" s="59" t="s">
        <v>28</v>
      </c>
      <c r="C291" s="59" t="s">
        <v>28</v>
      </c>
      <c r="D291" s="59" t="s">
        <v>367</v>
      </c>
      <c r="E291" s="59" t="s">
        <v>380</v>
      </c>
      <c r="F291" s="59" t="s">
        <v>449</v>
      </c>
      <c r="G291" s="59" t="s">
        <v>450</v>
      </c>
      <c r="H291" s="60">
        <v>20</v>
      </c>
      <c r="I291" s="60">
        <v>107</v>
      </c>
      <c r="J291" s="61">
        <v>0</v>
      </c>
      <c r="K291" s="61">
        <v>3.98</v>
      </c>
    </row>
    <row r="292" spans="1:11" ht="18.75" customHeight="1" thickBot="1">
      <c r="A292" s="59" t="s">
        <v>448</v>
      </c>
      <c r="B292" s="59" t="s">
        <v>28</v>
      </c>
      <c r="C292" s="59" t="s">
        <v>28</v>
      </c>
      <c r="D292" s="59" t="s">
        <v>367</v>
      </c>
      <c r="E292" s="59" t="s">
        <v>380</v>
      </c>
      <c r="F292" s="59" t="s">
        <v>449</v>
      </c>
      <c r="G292" s="59" t="s">
        <v>450</v>
      </c>
      <c r="H292" s="60">
        <v>20</v>
      </c>
      <c r="I292" s="60">
        <v>109</v>
      </c>
      <c r="J292" s="61">
        <v>0</v>
      </c>
      <c r="K292" s="61">
        <v>17.45</v>
      </c>
    </row>
    <row r="293" spans="1:11" ht="18.75" customHeight="1" thickBot="1">
      <c r="A293" s="59" t="s">
        <v>448</v>
      </c>
      <c r="B293" s="59" t="s">
        <v>28</v>
      </c>
      <c r="C293" s="59" t="s">
        <v>28</v>
      </c>
      <c r="D293" s="59" t="s">
        <v>367</v>
      </c>
      <c r="E293" s="59" t="s">
        <v>380</v>
      </c>
      <c r="F293" s="59" t="s">
        <v>449</v>
      </c>
      <c r="G293" s="59" t="s">
        <v>450</v>
      </c>
      <c r="H293" s="60">
        <v>20</v>
      </c>
      <c r="I293" s="60">
        <v>111</v>
      </c>
      <c r="J293" s="61">
        <v>0</v>
      </c>
      <c r="K293" s="61">
        <v>5.82</v>
      </c>
    </row>
    <row r="294" spans="1:11" ht="18.75" customHeight="1" thickBot="1">
      <c r="A294" s="59" t="s">
        <v>448</v>
      </c>
      <c r="B294" s="59" t="s">
        <v>28</v>
      </c>
      <c r="C294" s="59" t="s">
        <v>28</v>
      </c>
      <c r="D294" s="59" t="s">
        <v>367</v>
      </c>
      <c r="E294" s="59" t="s">
        <v>380</v>
      </c>
      <c r="F294" s="59" t="s">
        <v>449</v>
      </c>
      <c r="G294" s="59" t="s">
        <v>450</v>
      </c>
      <c r="H294" s="60">
        <v>20</v>
      </c>
      <c r="I294" s="60">
        <v>113</v>
      </c>
      <c r="J294" s="61">
        <v>0</v>
      </c>
      <c r="K294" s="61">
        <v>102.01</v>
      </c>
    </row>
    <row r="295" spans="1:11" ht="18.75" customHeight="1" thickBot="1">
      <c r="A295" s="59" t="s">
        <v>448</v>
      </c>
      <c r="B295" s="59" t="s">
        <v>28</v>
      </c>
      <c r="C295" s="59" t="s">
        <v>28</v>
      </c>
      <c r="D295" s="59" t="s">
        <v>367</v>
      </c>
      <c r="E295" s="59" t="s">
        <v>380</v>
      </c>
      <c r="F295" s="59" t="s">
        <v>449</v>
      </c>
      <c r="G295" s="59" t="s">
        <v>450</v>
      </c>
      <c r="H295" s="60">
        <v>20</v>
      </c>
      <c r="I295" s="60">
        <v>116</v>
      </c>
      <c r="J295" s="61">
        <v>0</v>
      </c>
      <c r="K295" s="61">
        <v>1.56</v>
      </c>
    </row>
    <row r="296" spans="1:11" ht="18.75" customHeight="1" thickBot="1">
      <c r="A296" s="59" t="s">
        <v>448</v>
      </c>
      <c r="B296" s="59" t="s">
        <v>28</v>
      </c>
      <c r="C296" s="59" t="s">
        <v>28</v>
      </c>
      <c r="D296" s="59" t="s">
        <v>367</v>
      </c>
      <c r="E296" s="59" t="s">
        <v>380</v>
      </c>
      <c r="F296" s="59" t="s">
        <v>449</v>
      </c>
      <c r="G296" s="59" t="s">
        <v>450</v>
      </c>
      <c r="H296" s="60">
        <v>20</v>
      </c>
      <c r="I296" s="60">
        <v>150</v>
      </c>
      <c r="J296" s="61">
        <v>0</v>
      </c>
      <c r="K296" s="61">
        <v>18.29</v>
      </c>
    </row>
    <row r="297" spans="1:11" ht="18.75" customHeight="1" thickBot="1">
      <c r="A297" s="59" t="s">
        <v>448</v>
      </c>
      <c r="B297" s="59" t="s">
        <v>28</v>
      </c>
      <c r="C297" s="59" t="s">
        <v>28</v>
      </c>
      <c r="D297" s="59" t="s">
        <v>367</v>
      </c>
      <c r="E297" s="59" t="s">
        <v>380</v>
      </c>
      <c r="F297" s="59" t="s">
        <v>449</v>
      </c>
      <c r="G297" s="59" t="s">
        <v>450</v>
      </c>
      <c r="H297" s="60">
        <v>211</v>
      </c>
      <c r="I297" s="60">
        <v>93</v>
      </c>
      <c r="J297" s="61">
        <v>0</v>
      </c>
      <c r="K297" s="61">
        <v>17.62</v>
      </c>
    </row>
    <row r="298" spans="1:11" ht="18.75" customHeight="1" thickBot="1">
      <c r="A298" s="59" t="s">
        <v>448</v>
      </c>
      <c r="B298" s="59" t="s">
        <v>28</v>
      </c>
      <c r="C298" s="59" t="s">
        <v>28</v>
      </c>
      <c r="D298" s="59" t="s">
        <v>367</v>
      </c>
      <c r="E298" s="59" t="s">
        <v>380</v>
      </c>
      <c r="F298" s="59" t="s">
        <v>449</v>
      </c>
      <c r="G298" s="59" t="s">
        <v>450</v>
      </c>
      <c r="H298" s="60">
        <v>211</v>
      </c>
      <c r="I298" s="60">
        <v>94</v>
      </c>
      <c r="J298" s="61">
        <v>0</v>
      </c>
      <c r="K298" s="61">
        <v>65.790000000000006</v>
      </c>
    </row>
    <row r="299" spans="1:11" ht="18.75" customHeight="1" thickBot="1">
      <c r="A299" s="59" t="s">
        <v>448</v>
      </c>
      <c r="B299" s="59" t="s">
        <v>28</v>
      </c>
      <c r="C299" s="59" t="s">
        <v>28</v>
      </c>
      <c r="D299" s="59" t="s">
        <v>367</v>
      </c>
      <c r="E299" s="59" t="s">
        <v>380</v>
      </c>
      <c r="F299" s="59" t="s">
        <v>449</v>
      </c>
      <c r="G299" s="59" t="s">
        <v>450</v>
      </c>
      <c r="H299" s="60">
        <v>211</v>
      </c>
      <c r="I299" s="60">
        <v>95</v>
      </c>
      <c r="J299" s="61">
        <v>0</v>
      </c>
      <c r="K299" s="61">
        <v>6.11</v>
      </c>
    </row>
    <row r="300" spans="1:11" ht="18.75" customHeight="1" thickBot="1">
      <c r="A300" s="59" t="s">
        <v>448</v>
      </c>
      <c r="B300" s="59" t="s">
        <v>28</v>
      </c>
      <c r="C300" s="59" t="s">
        <v>28</v>
      </c>
      <c r="D300" s="59" t="s">
        <v>367</v>
      </c>
      <c r="E300" s="59" t="s">
        <v>380</v>
      </c>
      <c r="F300" s="59" t="s">
        <v>449</v>
      </c>
      <c r="G300" s="59" t="s">
        <v>450</v>
      </c>
      <c r="H300" s="60">
        <v>211</v>
      </c>
      <c r="I300" s="60">
        <v>97</v>
      </c>
      <c r="J300" s="61">
        <v>0</v>
      </c>
      <c r="K300" s="61">
        <v>51.71</v>
      </c>
    </row>
    <row r="301" spans="1:11" ht="18.75" customHeight="1" thickBot="1">
      <c r="A301" s="59" t="s">
        <v>448</v>
      </c>
      <c r="B301" s="59" t="s">
        <v>28</v>
      </c>
      <c r="C301" s="59" t="s">
        <v>28</v>
      </c>
      <c r="D301" s="59" t="s">
        <v>367</v>
      </c>
      <c r="E301" s="59" t="s">
        <v>380</v>
      </c>
      <c r="F301" s="59" t="s">
        <v>449</v>
      </c>
      <c r="G301" s="59" t="s">
        <v>450</v>
      </c>
      <c r="H301" s="60">
        <v>211</v>
      </c>
      <c r="I301" s="60">
        <v>98</v>
      </c>
      <c r="J301" s="61">
        <v>0</v>
      </c>
      <c r="K301" s="61">
        <v>1.56</v>
      </c>
    </row>
    <row r="302" spans="1:11" ht="18.75" customHeight="1" thickBot="1">
      <c r="A302" s="59" t="s">
        <v>448</v>
      </c>
      <c r="B302" s="59" t="s">
        <v>28</v>
      </c>
      <c r="C302" s="59" t="s">
        <v>28</v>
      </c>
      <c r="D302" s="59" t="s">
        <v>367</v>
      </c>
      <c r="E302" s="59" t="s">
        <v>380</v>
      </c>
      <c r="F302" s="59" t="s">
        <v>449</v>
      </c>
      <c r="G302" s="59" t="s">
        <v>450</v>
      </c>
      <c r="H302" s="60">
        <v>211</v>
      </c>
      <c r="I302" s="60">
        <v>107</v>
      </c>
      <c r="J302" s="61">
        <v>0</v>
      </c>
      <c r="K302" s="61">
        <v>40.880000000000003</v>
      </c>
    </row>
    <row r="303" spans="1:11" ht="18.75" customHeight="1" thickBot="1">
      <c r="A303" s="59" t="s">
        <v>448</v>
      </c>
      <c r="B303" s="59" t="s">
        <v>28</v>
      </c>
      <c r="C303" s="59" t="s">
        <v>28</v>
      </c>
      <c r="D303" s="59" t="s">
        <v>367</v>
      </c>
      <c r="E303" s="59" t="s">
        <v>380</v>
      </c>
      <c r="F303" s="59" t="s">
        <v>449</v>
      </c>
      <c r="G303" s="59" t="s">
        <v>450</v>
      </c>
      <c r="H303" s="60">
        <v>211</v>
      </c>
      <c r="I303" s="60">
        <v>109</v>
      </c>
      <c r="J303" s="61">
        <v>0</v>
      </c>
      <c r="K303" s="61">
        <v>150.13999999999999</v>
      </c>
    </row>
    <row r="304" spans="1:11" ht="18.75" customHeight="1" thickBot="1">
      <c r="A304" s="59" t="s">
        <v>448</v>
      </c>
      <c r="B304" s="59" t="s">
        <v>28</v>
      </c>
      <c r="C304" s="59" t="s">
        <v>28</v>
      </c>
      <c r="D304" s="59" t="s">
        <v>367</v>
      </c>
      <c r="E304" s="59" t="s">
        <v>380</v>
      </c>
      <c r="F304" s="59" t="s">
        <v>449</v>
      </c>
      <c r="G304" s="59" t="s">
        <v>450</v>
      </c>
      <c r="H304" s="60">
        <v>211</v>
      </c>
      <c r="I304" s="60">
        <v>111</v>
      </c>
      <c r="J304" s="61">
        <v>0</v>
      </c>
      <c r="K304" s="61">
        <v>24.78</v>
      </c>
    </row>
    <row r="305" spans="1:11" ht="18.75" customHeight="1" thickBot="1">
      <c r="A305" s="59" t="s">
        <v>448</v>
      </c>
      <c r="B305" s="59" t="s">
        <v>28</v>
      </c>
      <c r="C305" s="59" t="s">
        <v>28</v>
      </c>
      <c r="D305" s="59" t="s">
        <v>367</v>
      </c>
      <c r="E305" s="59" t="s">
        <v>380</v>
      </c>
      <c r="F305" s="59" t="s">
        <v>449</v>
      </c>
      <c r="G305" s="59" t="s">
        <v>450</v>
      </c>
      <c r="H305" s="60">
        <v>211</v>
      </c>
      <c r="I305" s="60">
        <v>113</v>
      </c>
      <c r="J305" s="61">
        <v>0</v>
      </c>
      <c r="K305" s="61">
        <v>94.95</v>
      </c>
    </row>
    <row r="306" spans="1:11" ht="18.75" customHeight="1" thickBot="1">
      <c r="A306" s="59" t="s">
        <v>448</v>
      </c>
      <c r="B306" s="59" t="s">
        <v>28</v>
      </c>
      <c r="C306" s="59" t="s">
        <v>28</v>
      </c>
      <c r="D306" s="59" t="s">
        <v>367</v>
      </c>
      <c r="E306" s="59" t="s">
        <v>380</v>
      </c>
      <c r="F306" s="59" t="s">
        <v>449</v>
      </c>
      <c r="G306" s="59" t="s">
        <v>450</v>
      </c>
      <c r="H306" s="60">
        <v>211</v>
      </c>
      <c r="I306" s="60">
        <v>116</v>
      </c>
      <c r="J306" s="61">
        <v>0</v>
      </c>
      <c r="K306" s="61">
        <v>72.25</v>
      </c>
    </row>
    <row r="307" spans="1:11" ht="18.75" customHeight="1" thickBot="1">
      <c r="A307" s="59" t="s">
        <v>448</v>
      </c>
      <c r="B307" s="59" t="s">
        <v>28</v>
      </c>
      <c r="C307" s="59" t="s">
        <v>28</v>
      </c>
      <c r="D307" s="59" t="s">
        <v>367</v>
      </c>
      <c r="E307" s="59" t="s">
        <v>380</v>
      </c>
      <c r="F307" s="59" t="s">
        <v>449</v>
      </c>
      <c r="G307" s="59" t="s">
        <v>450</v>
      </c>
      <c r="H307" s="60">
        <v>211</v>
      </c>
      <c r="I307" s="60">
        <v>131</v>
      </c>
      <c r="J307" s="61">
        <v>0</v>
      </c>
      <c r="K307" s="61">
        <v>18.309999999999999</v>
      </c>
    </row>
    <row r="308" spans="1:11" ht="18.75" customHeight="1" thickBot="1">
      <c r="A308" s="59" t="s">
        <v>448</v>
      </c>
      <c r="B308" s="59" t="s">
        <v>28</v>
      </c>
      <c r="C308" s="59" t="s">
        <v>28</v>
      </c>
      <c r="D308" s="59" t="s">
        <v>367</v>
      </c>
      <c r="E308" s="59" t="s">
        <v>380</v>
      </c>
      <c r="F308" s="59" t="s">
        <v>449</v>
      </c>
      <c r="G308" s="59" t="s">
        <v>450</v>
      </c>
      <c r="H308" s="60">
        <v>211</v>
      </c>
      <c r="I308" s="60">
        <v>150</v>
      </c>
      <c r="J308" s="61">
        <v>0</v>
      </c>
      <c r="K308" s="61">
        <v>12.24</v>
      </c>
    </row>
    <row r="309" spans="1:11" ht="18.75" customHeight="1" thickBot="1">
      <c r="A309" s="59" t="s">
        <v>448</v>
      </c>
      <c r="B309" s="59" t="s">
        <v>28</v>
      </c>
      <c r="C309" s="59" t="s">
        <v>28</v>
      </c>
      <c r="D309" s="59" t="s">
        <v>367</v>
      </c>
      <c r="E309" s="59" t="s">
        <v>380</v>
      </c>
      <c r="F309" s="59" t="s">
        <v>449</v>
      </c>
      <c r="G309" s="59" t="s">
        <v>450</v>
      </c>
      <c r="H309" s="60">
        <v>211</v>
      </c>
      <c r="I309" s="60">
        <v>204</v>
      </c>
      <c r="J309" s="61">
        <v>0</v>
      </c>
      <c r="K309" s="61">
        <v>6.14</v>
      </c>
    </row>
    <row r="310" spans="1:11" ht="18.75" customHeight="1" thickBot="1">
      <c r="A310" s="59" t="s">
        <v>448</v>
      </c>
      <c r="B310" s="59" t="s">
        <v>28</v>
      </c>
      <c r="C310" s="59" t="s">
        <v>28</v>
      </c>
      <c r="D310" s="59" t="s">
        <v>367</v>
      </c>
      <c r="E310" s="59" t="s">
        <v>380</v>
      </c>
      <c r="F310" s="59" t="s">
        <v>449</v>
      </c>
      <c r="G310" s="59" t="s">
        <v>450</v>
      </c>
      <c r="H310" s="60">
        <v>211</v>
      </c>
      <c r="I310" s="60">
        <v>211</v>
      </c>
      <c r="J310" s="61">
        <v>0</v>
      </c>
      <c r="K310" s="61">
        <v>15849.38</v>
      </c>
    </row>
    <row r="311" spans="1:11" ht="18.75" customHeight="1" thickBot="1">
      <c r="A311" s="59" t="s">
        <v>448</v>
      </c>
      <c r="B311" s="59" t="s">
        <v>28</v>
      </c>
      <c r="C311" s="59" t="s">
        <v>28</v>
      </c>
      <c r="D311" s="59" t="s">
        <v>367</v>
      </c>
      <c r="E311" s="59" t="s">
        <v>380</v>
      </c>
      <c r="F311" s="59" t="s">
        <v>449</v>
      </c>
      <c r="G311" s="59" t="s">
        <v>450</v>
      </c>
      <c r="H311" s="60">
        <v>211</v>
      </c>
      <c r="I311" s="60">
        <v>212</v>
      </c>
      <c r="J311" s="61">
        <v>0</v>
      </c>
      <c r="K311" s="61">
        <v>3.57</v>
      </c>
    </row>
    <row r="312" spans="1:11" ht="18.75" customHeight="1" thickBot="1">
      <c r="A312" s="59" t="s">
        <v>448</v>
      </c>
      <c r="B312" s="59" t="s">
        <v>28</v>
      </c>
      <c r="C312" s="59" t="s">
        <v>28</v>
      </c>
      <c r="D312" s="59" t="s">
        <v>367</v>
      </c>
      <c r="E312" s="59" t="s">
        <v>380</v>
      </c>
      <c r="F312" s="59" t="s">
        <v>449</v>
      </c>
      <c r="G312" s="59" t="s">
        <v>450</v>
      </c>
      <c r="H312" s="60">
        <v>211</v>
      </c>
      <c r="I312" s="60">
        <v>213</v>
      </c>
      <c r="J312" s="61">
        <v>0</v>
      </c>
      <c r="K312" s="61">
        <v>61.88</v>
      </c>
    </row>
    <row r="313" spans="1:11" ht="18.75" customHeight="1" thickBot="1">
      <c r="A313" s="59" t="s">
        <v>448</v>
      </c>
      <c r="B313" s="59" t="s">
        <v>28</v>
      </c>
      <c r="C313" s="59" t="s">
        <v>28</v>
      </c>
      <c r="D313" s="59" t="s">
        <v>367</v>
      </c>
      <c r="E313" s="59" t="s">
        <v>380</v>
      </c>
      <c r="F313" s="59" t="s">
        <v>449</v>
      </c>
      <c r="G313" s="59" t="s">
        <v>450</v>
      </c>
      <c r="H313" s="60">
        <v>211</v>
      </c>
      <c r="I313" s="60">
        <v>214</v>
      </c>
      <c r="J313" s="61">
        <v>0</v>
      </c>
      <c r="K313" s="61">
        <v>25.44</v>
      </c>
    </row>
    <row r="314" spans="1:11" ht="18.75" customHeight="1" thickBot="1">
      <c r="A314" s="59" t="s">
        <v>448</v>
      </c>
      <c r="B314" s="59" t="s">
        <v>28</v>
      </c>
      <c r="C314" s="59" t="s">
        <v>28</v>
      </c>
      <c r="D314" s="59" t="s">
        <v>367</v>
      </c>
      <c r="E314" s="59" t="s">
        <v>380</v>
      </c>
      <c r="F314" s="59" t="s">
        <v>449</v>
      </c>
      <c r="G314" s="59" t="s">
        <v>450</v>
      </c>
      <c r="H314" s="60">
        <v>211</v>
      </c>
      <c r="I314" s="60">
        <v>215</v>
      </c>
      <c r="J314" s="61">
        <v>0</v>
      </c>
      <c r="K314" s="61">
        <v>16077.32</v>
      </c>
    </row>
    <row r="315" spans="1:11" ht="18.75" customHeight="1" thickBot="1">
      <c r="A315" s="59" t="s">
        <v>448</v>
      </c>
      <c r="B315" s="59" t="s">
        <v>28</v>
      </c>
      <c r="C315" s="59" t="s">
        <v>28</v>
      </c>
      <c r="D315" s="59" t="s">
        <v>367</v>
      </c>
      <c r="E315" s="59" t="s">
        <v>380</v>
      </c>
      <c r="F315" s="59" t="s">
        <v>449</v>
      </c>
      <c r="G315" s="59" t="s">
        <v>450</v>
      </c>
      <c r="H315" s="60">
        <v>211</v>
      </c>
      <c r="I315" s="60">
        <v>217</v>
      </c>
      <c r="J315" s="61">
        <v>0</v>
      </c>
      <c r="K315" s="61">
        <v>129</v>
      </c>
    </row>
    <row r="316" spans="1:11" ht="18.75" customHeight="1" thickBot="1">
      <c r="A316" s="59" t="s">
        <v>448</v>
      </c>
      <c r="B316" s="59" t="s">
        <v>28</v>
      </c>
      <c r="C316" s="59" t="s">
        <v>28</v>
      </c>
      <c r="D316" s="59" t="s">
        <v>367</v>
      </c>
      <c r="E316" s="59" t="s">
        <v>380</v>
      </c>
      <c r="F316" s="59" t="s">
        <v>449</v>
      </c>
      <c r="G316" s="59" t="s">
        <v>450</v>
      </c>
      <c r="H316" s="60">
        <v>211</v>
      </c>
      <c r="I316" s="60">
        <v>223</v>
      </c>
      <c r="J316" s="61">
        <v>0</v>
      </c>
      <c r="K316" s="61">
        <v>11.29</v>
      </c>
    </row>
    <row r="317" spans="1:11" ht="18.75" customHeight="1" thickBot="1">
      <c r="A317" s="59" t="s">
        <v>448</v>
      </c>
      <c r="B317" s="59" t="s">
        <v>28</v>
      </c>
      <c r="C317" s="59" t="s">
        <v>28</v>
      </c>
      <c r="D317" s="59" t="s">
        <v>367</v>
      </c>
      <c r="E317" s="59" t="s">
        <v>380</v>
      </c>
      <c r="F317" s="59" t="s">
        <v>449</v>
      </c>
      <c r="G317" s="59" t="s">
        <v>450</v>
      </c>
      <c r="H317" s="60">
        <v>211</v>
      </c>
      <c r="I317" s="60">
        <v>225</v>
      </c>
      <c r="J317" s="61">
        <v>0</v>
      </c>
      <c r="K317" s="61">
        <v>15.21</v>
      </c>
    </row>
    <row r="318" spans="1:11" ht="18.75" customHeight="1" thickBot="1">
      <c r="A318" s="59" t="s">
        <v>448</v>
      </c>
      <c r="B318" s="59" t="s">
        <v>28</v>
      </c>
      <c r="C318" s="59" t="s">
        <v>28</v>
      </c>
      <c r="D318" s="59" t="s">
        <v>367</v>
      </c>
      <c r="E318" s="59" t="s">
        <v>380</v>
      </c>
      <c r="F318" s="59" t="s">
        <v>449</v>
      </c>
      <c r="G318" s="59" t="s">
        <v>450</v>
      </c>
      <c r="H318" s="60">
        <v>211</v>
      </c>
      <c r="I318" s="60">
        <v>227</v>
      </c>
      <c r="J318" s="61">
        <v>0</v>
      </c>
      <c r="K318" s="61">
        <v>455.47</v>
      </c>
    </row>
    <row r="319" spans="1:11" ht="18.75" customHeight="1" thickBot="1">
      <c r="A319" s="59" t="s">
        <v>448</v>
      </c>
      <c r="B319" s="59" t="s">
        <v>28</v>
      </c>
      <c r="C319" s="59" t="s">
        <v>28</v>
      </c>
      <c r="D319" s="59" t="s">
        <v>367</v>
      </c>
      <c r="E319" s="59" t="s">
        <v>380</v>
      </c>
      <c r="F319" s="59" t="s">
        <v>449</v>
      </c>
      <c r="G319" s="59" t="s">
        <v>450</v>
      </c>
      <c r="H319" s="60">
        <v>211</v>
      </c>
      <c r="I319" s="60">
        <v>229</v>
      </c>
      <c r="J319" s="61">
        <v>0</v>
      </c>
      <c r="K319" s="61">
        <v>146.41</v>
      </c>
    </row>
    <row r="320" spans="1:11" ht="18.75" customHeight="1" thickBot="1">
      <c r="A320" s="59" t="s">
        <v>448</v>
      </c>
      <c r="B320" s="59" t="s">
        <v>28</v>
      </c>
      <c r="C320" s="59" t="s">
        <v>28</v>
      </c>
      <c r="D320" s="59" t="s">
        <v>367</v>
      </c>
      <c r="E320" s="59" t="s">
        <v>380</v>
      </c>
      <c r="F320" s="59" t="s">
        <v>449</v>
      </c>
      <c r="G320" s="59" t="s">
        <v>450</v>
      </c>
      <c r="H320" s="60">
        <v>211</v>
      </c>
      <c r="I320" s="60">
        <v>240</v>
      </c>
      <c r="J320" s="61">
        <v>0</v>
      </c>
      <c r="K320" s="61">
        <v>3002.34</v>
      </c>
    </row>
    <row r="321" spans="1:11" ht="18.75" customHeight="1" thickBot="1">
      <c r="A321" s="59" t="s">
        <v>448</v>
      </c>
      <c r="B321" s="59" t="s">
        <v>28</v>
      </c>
      <c r="C321" s="59" t="s">
        <v>28</v>
      </c>
      <c r="D321" s="59" t="s">
        <v>367</v>
      </c>
      <c r="E321" s="59" t="s">
        <v>380</v>
      </c>
      <c r="F321" s="59" t="s">
        <v>449</v>
      </c>
      <c r="G321" s="59" t="s">
        <v>450</v>
      </c>
      <c r="H321" s="60">
        <v>211</v>
      </c>
      <c r="I321" s="60">
        <v>244</v>
      </c>
      <c r="J321" s="61">
        <v>0</v>
      </c>
      <c r="K321" s="61">
        <v>1</v>
      </c>
    </row>
    <row r="322" spans="1:11" ht="18.75" customHeight="1" thickBot="1">
      <c r="A322" s="59" t="s">
        <v>448</v>
      </c>
      <c r="B322" s="59" t="s">
        <v>28</v>
      </c>
      <c r="C322" s="59" t="s">
        <v>28</v>
      </c>
      <c r="D322" s="59" t="s">
        <v>367</v>
      </c>
      <c r="E322" s="59" t="s">
        <v>380</v>
      </c>
      <c r="F322" s="59" t="s">
        <v>449</v>
      </c>
      <c r="G322" s="59" t="s">
        <v>450</v>
      </c>
      <c r="H322" s="60">
        <v>211</v>
      </c>
      <c r="I322" s="60">
        <v>356</v>
      </c>
      <c r="J322" s="61">
        <v>0</v>
      </c>
      <c r="K322" s="61">
        <v>2087.3200000000002</v>
      </c>
    </row>
    <row r="323" spans="1:11" ht="18.75" customHeight="1" thickBot="1">
      <c r="A323" s="59" t="s">
        <v>448</v>
      </c>
      <c r="B323" s="59" t="s">
        <v>28</v>
      </c>
      <c r="C323" s="59" t="s">
        <v>28</v>
      </c>
      <c r="D323" s="59" t="s">
        <v>367</v>
      </c>
      <c r="E323" s="59" t="s">
        <v>380</v>
      </c>
      <c r="F323" s="59" t="s">
        <v>449</v>
      </c>
      <c r="G323" s="59" t="s">
        <v>450</v>
      </c>
      <c r="H323" s="60">
        <v>211</v>
      </c>
      <c r="I323" s="60">
        <v>358</v>
      </c>
      <c r="J323" s="61">
        <v>0</v>
      </c>
      <c r="K323" s="61">
        <v>8993.35</v>
      </c>
    </row>
    <row r="324" spans="1:11" ht="18.75" customHeight="1" thickBot="1">
      <c r="A324" s="59" t="s">
        <v>448</v>
      </c>
      <c r="B324" s="59" t="s">
        <v>28</v>
      </c>
      <c r="C324" s="59" t="s">
        <v>28</v>
      </c>
      <c r="D324" s="59" t="s">
        <v>367</v>
      </c>
      <c r="E324" s="59" t="s">
        <v>380</v>
      </c>
      <c r="F324" s="59" t="s">
        <v>449</v>
      </c>
      <c r="G324" s="59" t="s">
        <v>450</v>
      </c>
      <c r="H324" s="60">
        <v>211</v>
      </c>
      <c r="I324" s="60">
        <v>359</v>
      </c>
      <c r="J324" s="61">
        <v>0</v>
      </c>
      <c r="K324" s="61">
        <v>4.6399999999999997</v>
      </c>
    </row>
    <row r="325" spans="1:11" ht="18.75" customHeight="1" thickBot="1">
      <c r="A325" s="59" t="s">
        <v>448</v>
      </c>
      <c r="B325" s="59" t="s">
        <v>28</v>
      </c>
      <c r="C325" s="59" t="s">
        <v>28</v>
      </c>
      <c r="D325" s="59" t="s">
        <v>367</v>
      </c>
      <c r="E325" s="59" t="s">
        <v>380</v>
      </c>
      <c r="F325" s="59" t="s">
        <v>449</v>
      </c>
      <c r="G325" s="59" t="s">
        <v>450</v>
      </c>
      <c r="H325" s="60">
        <v>212</v>
      </c>
      <c r="I325" s="60">
        <v>94</v>
      </c>
      <c r="J325" s="61">
        <v>0</v>
      </c>
      <c r="K325" s="61">
        <v>25.78</v>
      </c>
    </row>
    <row r="326" spans="1:11" ht="18.75" customHeight="1" thickBot="1">
      <c r="A326" s="59" t="s">
        <v>448</v>
      </c>
      <c r="B326" s="59" t="s">
        <v>28</v>
      </c>
      <c r="C326" s="59" t="s">
        <v>28</v>
      </c>
      <c r="D326" s="59" t="s">
        <v>367</v>
      </c>
      <c r="E326" s="59" t="s">
        <v>380</v>
      </c>
      <c r="F326" s="59" t="s">
        <v>449</v>
      </c>
      <c r="G326" s="59" t="s">
        <v>450</v>
      </c>
      <c r="H326" s="60">
        <v>212</v>
      </c>
      <c r="I326" s="60">
        <v>97</v>
      </c>
      <c r="J326" s="61">
        <v>0</v>
      </c>
      <c r="K326" s="61">
        <v>11.34</v>
      </c>
    </row>
    <row r="327" spans="1:11" ht="18.75" customHeight="1" thickBot="1">
      <c r="A327" s="59" t="s">
        <v>448</v>
      </c>
      <c r="B327" s="59" t="s">
        <v>28</v>
      </c>
      <c r="C327" s="59" t="s">
        <v>28</v>
      </c>
      <c r="D327" s="59" t="s">
        <v>367</v>
      </c>
      <c r="E327" s="59" t="s">
        <v>380</v>
      </c>
      <c r="F327" s="59" t="s">
        <v>449</v>
      </c>
      <c r="G327" s="59" t="s">
        <v>450</v>
      </c>
      <c r="H327" s="60">
        <v>212</v>
      </c>
      <c r="I327" s="60">
        <v>107</v>
      </c>
      <c r="J327" s="61">
        <v>0</v>
      </c>
      <c r="K327" s="61">
        <v>15.92</v>
      </c>
    </row>
    <row r="328" spans="1:11" ht="18.75" customHeight="1" thickBot="1">
      <c r="A328" s="59" t="s">
        <v>448</v>
      </c>
      <c r="B328" s="59" t="s">
        <v>28</v>
      </c>
      <c r="C328" s="59" t="s">
        <v>28</v>
      </c>
      <c r="D328" s="59" t="s">
        <v>367</v>
      </c>
      <c r="E328" s="59" t="s">
        <v>380</v>
      </c>
      <c r="F328" s="59" t="s">
        <v>449</v>
      </c>
      <c r="G328" s="59" t="s">
        <v>450</v>
      </c>
      <c r="H328" s="60">
        <v>212</v>
      </c>
      <c r="I328" s="60">
        <v>109</v>
      </c>
      <c r="J328" s="61">
        <v>0</v>
      </c>
      <c r="K328" s="61">
        <v>61.79</v>
      </c>
    </row>
    <row r="329" spans="1:11" ht="18.75" customHeight="1" thickBot="1">
      <c r="A329" s="59" t="s">
        <v>448</v>
      </c>
      <c r="B329" s="59" t="s">
        <v>28</v>
      </c>
      <c r="C329" s="59" t="s">
        <v>28</v>
      </c>
      <c r="D329" s="59" t="s">
        <v>367</v>
      </c>
      <c r="E329" s="59" t="s">
        <v>380</v>
      </c>
      <c r="F329" s="59" t="s">
        <v>449</v>
      </c>
      <c r="G329" s="59" t="s">
        <v>450</v>
      </c>
      <c r="H329" s="60">
        <v>212</v>
      </c>
      <c r="I329" s="60">
        <v>113</v>
      </c>
      <c r="J329" s="61">
        <v>0</v>
      </c>
      <c r="K329" s="61">
        <v>12.71</v>
      </c>
    </row>
    <row r="330" spans="1:11" ht="18.75" customHeight="1" thickBot="1">
      <c r="A330" s="59" t="s">
        <v>448</v>
      </c>
      <c r="B330" s="59" t="s">
        <v>28</v>
      </c>
      <c r="C330" s="59" t="s">
        <v>28</v>
      </c>
      <c r="D330" s="59" t="s">
        <v>367</v>
      </c>
      <c r="E330" s="59" t="s">
        <v>380</v>
      </c>
      <c r="F330" s="59" t="s">
        <v>449</v>
      </c>
      <c r="G330" s="59" t="s">
        <v>450</v>
      </c>
      <c r="H330" s="60">
        <v>212</v>
      </c>
      <c r="I330" s="60">
        <v>150</v>
      </c>
      <c r="J330" s="61">
        <v>0</v>
      </c>
      <c r="K330" s="61">
        <v>1.35</v>
      </c>
    </row>
    <row r="331" spans="1:11" ht="18.75" customHeight="1" thickBot="1">
      <c r="A331" s="59" t="s">
        <v>448</v>
      </c>
      <c r="B331" s="59" t="s">
        <v>28</v>
      </c>
      <c r="C331" s="59" t="s">
        <v>28</v>
      </c>
      <c r="D331" s="59" t="s">
        <v>367</v>
      </c>
      <c r="E331" s="59" t="s">
        <v>380</v>
      </c>
      <c r="F331" s="59" t="s">
        <v>449</v>
      </c>
      <c r="G331" s="59" t="s">
        <v>450</v>
      </c>
      <c r="H331" s="60">
        <v>212</v>
      </c>
      <c r="I331" s="60">
        <v>211</v>
      </c>
      <c r="J331" s="61">
        <v>0</v>
      </c>
      <c r="K331" s="61">
        <v>3033.45</v>
      </c>
    </row>
    <row r="332" spans="1:11" ht="18.75" customHeight="1" thickBot="1">
      <c r="A332" s="59" t="s">
        <v>448</v>
      </c>
      <c r="B332" s="59" t="s">
        <v>28</v>
      </c>
      <c r="C332" s="59" t="s">
        <v>28</v>
      </c>
      <c r="D332" s="59" t="s">
        <v>367</v>
      </c>
      <c r="E332" s="59" t="s">
        <v>380</v>
      </c>
      <c r="F332" s="59" t="s">
        <v>449</v>
      </c>
      <c r="G332" s="59" t="s">
        <v>450</v>
      </c>
      <c r="H332" s="60">
        <v>212</v>
      </c>
      <c r="I332" s="60">
        <v>215</v>
      </c>
      <c r="J332" s="61">
        <v>0</v>
      </c>
      <c r="K332" s="61">
        <v>10822.8</v>
      </c>
    </row>
    <row r="333" spans="1:11" ht="18.75" customHeight="1" thickBot="1">
      <c r="A333" s="59" t="s">
        <v>448</v>
      </c>
      <c r="B333" s="59" t="s">
        <v>28</v>
      </c>
      <c r="C333" s="59" t="s">
        <v>28</v>
      </c>
      <c r="D333" s="59" t="s">
        <v>367</v>
      </c>
      <c r="E333" s="59" t="s">
        <v>380</v>
      </c>
      <c r="F333" s="59" t="s">
        <v>449</v>
      </c>
      <c r="G333" s="59" t="s">
        <v>450</v>
      </c>
      <c r="H333" s="60">
        <v>212</v>
      </c>
      <c r="I333" s="60">
        <v>223</v>
      </c>
      <c r="J333" s="61">
        <v>0</v>
      </c>
      <c r="K333" s="61">
        <v>57.71</v>
      </c>
    </row>
    <row r="334" spans="1:11" ht="18.75" customHeight="1" thickBot="1">
      <c r="A334" s="59" t="s">
        <v>448</v>
      </c>
      <c r="B334" s="59" t="s">
        <v>28</v>
      </c>
      <c r="C334" s="59" t="s">
        <v>28</v>
      </c>
      <c r="D334" s="59" t="s">
        <v>367</v>
      </c>
      <c r="E334" s="59" t="s">
        <v>380</v>
      </c>
      <c r="F334" s="59" t="s">
        <v>449</v>
      </c>
      <c r="G334" s="59" t="s">
        <v>450</v>
      </c>
      <c r="H334" s="60">
        <v>212</v>
      </c>
      <c r="I334" s="60">
        <v>225</v>
      </c>
      <c r="J334" s="61">
        <v>0</v>
      </c>
      <c r="K334" s="61">
        <v>127.11</v>
      </c>
    </row>
    <row r="335" spans="1:11" ht="18.75" customHeight="1" thickBot="1">
      <c r="A335" s="59" t="s">
        <v>448</v>
      </c>
      <c r="B335" s="59" t="s">
        <v>28</v>
      </c>
      <c r="C335" s="59" t="s">
        <v>28</v>
      </c>
      <c r="D335" s="59" t="s">
        <v>367</v>
      </c>
      <c r="E335" s="59" t="s">
        <v>380</v>
      </c>
      <c r="F335" s="59" t="s">
        <v>449</v>
      </c>
      <c r="G335" s="59" t="s">
        <v>450</v>
      </c>
      <c r="H335" s="60">
        <v>212</v>
      </c>
      <c r="I335" s="60">
        <v>227</v>
      </c>
      <c r="J335" s="61">
        <v>0</v>
      </c>
      <c r="K335" s="61">
        <v>210.08</v>
      </c>
    </row>
    <row r="336" spans="1:11" ht="18.75" customHeight="1" thickBot="1">
      <c r="A336" s="59" t="s">
        <v>448</v>
      </c>
      <c r="B336" s="59" t="s">
        <v>28</v>
      </c>
      <c r="C336" s="59" t="s">
        <v>28</v>
      </c>
      <c r="D336" s="59" t="s">
        <v>367</v>
      </c>
      <c r="E336" s="59" t="s">
        <v>380</v>
      </c>
      <c r="F336" s="59" t="s">
        <v>449</v>
      </c>
      <c r="G336" s="59" t="s">
        <v>450</v>
      </c>
      <c r="H336" s="60">
        <v>212</v>
      </c>
      <c r="I336" s="60">
        <v>229</v>
      </c>
      <c r="J336" s="61">
        <v>0</v>
      </c>
      <c r="K336" s="61">
        <v>68.849999999999994</v>
      </c>
    </row>
    <row r="337" spans="1:11" ht="18.75" customHeight="1" thickBot="1">
      <c r="A337" s="59" t="s">
        <v>448</v>
      </c>
      <c r="B337" s="59" t="s">
        <v>28</v>
      </c>
      <c r="C337" s="59" t="s">
        <v>28</v>
      </c>
      <c r="D337" s="59" t="s">
        <v>367</v>
      </c>
      <c r="E337" s="59" t="s">
        <v>380</v>
      </c>
      <c r="F337" s="59" t="s">
        <v>449</v>
      </c>
      <c r="G337" s="59" t="s">
        <v>450</v>
      </c>
      <c r="H337" s="60">
        <v>212</v>
      </c>
      <c r="I337" s="60">
        <v>240</v>
      </c>
      <c r="J337" s="61">
        <v>0</v>
      </c>
      <c r="K337" s="61">
        <v>2681.21</v>
      </c>
    </row>
    <row r="338" spans="1:11" ht="18.75" customHeight="1" thickBot="1">
      <c r="A338" s="59" t="s">
        <v>448</v>
      </c>
      <c r="B338" s="59" t="s">
        <v>28</v>
      </c>
      <c r="C338" s="59" t="s">
        <v>28</v>
      </c>
      <c r="D338" s="59" t="s">
        <v>367</v>
      </c>
      <c r="E338" s="59" t="s">
        <v>380</v>
      </c>
      <c r="F338" s="59" t="s">
        <v>449</v>
      </c>
      <c r="G338" s="59" t="s">
        <v>450</v>
      </c>
      <c r="H338" s="60">
        <v>212</v>
      </c>
      <c r="I338" s="60">
        <v>248</v>
      </c>
      <c r="J338" s="61">
        <v>0</v>
      </c>
      <c r="K338" s="61">
        <v>962.36</v>
      </c>
    </row>
    <row r="339" spans="1:11" ht="18.75" customHeight="1" thickBot="1">
      <c r="A339" s="59" t="s">
        <v>448</v>
      </c>
      <c r="B339" s="59" t="s">
        <v>28</v>
      </c>
      <c r="C339" s="59" t="s">
        <v>28</v>
      </c>
      <c r="D339" s="59" t="s">
        <v>367</v>
      </c>
      <c r="E339" s="59" t="s">
        <v>380</v>
      </c>
      <c r="F339" s="59" t="s">
        <v>449</v>
      </c>
      <c r="G339" s="59" t="s">
        <v>450</v>
      </c>
      <c r="H339" s="60">
        <v>216</v>
      </c>
      <c r="I339" s="60">
        <v>93</v>
      </c>
      <c r="J339" s="61">
        <v>0</v>
      </c>
      <c r="K339" s="61">
        <v>1.39</v>
      </c>
    </row>
    <row r="340" spans="1:11" ht="18.75" customHeight="1" thickBot="1">
      <c r="A340" s="59" t="s">
        <v>448</v>
      </c>
      <c r="B340" s="59" t="s">
        <v>28</v>
      </c>
      <c r="C340" s="59" t="s">
        <v>28</v>
      </c>
      <c r="D340" s="59" t="s">
        <v>367</v>
      </c>
      <c r="E340" s="59" t="s">
        <v>380</v>
      </c>
      <c r="F340" s="59" t="s">
        <v>449</v>
      </c>
      <c r="G340" s="59" t="s">
        <v>450</v>
      </c>
      <c r="H340" s="60">
        <v>216</v>
      </c>
      <c r="I340" s="60">
        <v>97</v>
      </c>
      <c r="J340" s="61">
        <v>0</v>
      </c>
      <c r="K340" s="61">
        <v>70.040000000000006</v>
      </c>
    </row>
    <row r="341" spans="1:11" ht="18.75" customHeight="1" thickBot="1">
      <c r="A341" s="59" t="s">
        <v>448</v>
      </c>
      <c r="B341" s="59" t="s">
        <v>28</v>
      </c>
      <c r="C341" s="59" t="s">
        <v>28</v>
      </c>
      <c r="D341" s="59" t="s">
        <v>367</v>
      </c>
      <c r="E341" s="59" t="s">
        <v>380</v>
      </c>
      <c r="F341" s="59" t="s">
        <v>449</v>
      </c>
      <c r="G341" s="59" t="s">
        <v>450</v>
      </c>
      <c r="H341" s="60">
        <v>216</v>
      </c>
      <c r="I341" s="60">
        <v>107</v>
      </c>
      <c r="J341" s="61">
        <v>0</v>
      </c>
      <c r="K341" s="61">
        <v>3.16</v>
      </c>
    </row>
    <row r="342" spans="1:11" ht="18.75" customHeight="1" thickBot="1">
      <c r="A342" s="59" t="s">
        <v>448</v>
      </c>
      <c r="B342" s="59" t="s">
        <v>28</v>
      </c>
      <c r="C342" s="59" t="s">
        <v>28</v>
      </c>
      <c r="D342" s="59" t="s">
        <v>367</v>
      </c>
      <c r="E342" s="59" t="s">
        <v>380</v>
      </c>
      <c r="F342" s="59" t="s">
        <v>449</v>
      </c>
      <c r="G342" s="59" t="s">
        <v>450</v>
      </c>
      <c r="H342" s="60">
        <v>216</v>
      </c>
      <c r="I342" s="60">
        <v>109</v>
      </c>
      <c r="J342" s="61">
        <v>0</v>
      </c>
      <c r="K342" s="61">
        <v>65.27</v>
      </c>
    </row>
    <row r="343" spans="1:11" ht="18.75" customHeight="1" thickBot="1">
      <c r="A343" s="59" t="s">
        <v>448</v>
      </c>
      <c r="B343" s="59" t="s">
        <v>28</v>
      </c>
      <c r="C343" s="59" t="s">
        <v>28</v>
      </c>
      <c r="D343" s="59" t="s">
        <v>367</v>
      </c>
      <c r="E343" s="59" t="s">
        <v>380</v>
      </c>
      <c r="F343" s="59" t="s">
        <v>449</v>
      </c>
      <c r="G343" s="59" t="s">
        <v>450</v>
      </c>
      <c r="H343" s="60">
        <v>216</v>
      </c>
      <c r="I343" s="60">
        <v>113</v>
      </c>
      <c r="J343" s="61">
        <v>0</v>
      </c>
      <c r="K343" s="61">
        <v>21.32</v>
      </c>
    </row>
    <row r="344" spans="1:11" ht="18.75" customHeight="1" thickBot="1">
      <c r="A344" s="59" t="s">
        <v>448</v>
      </c>
      <c r="B344" s="59" t="s">
        <v>28</v>
      </c>
      <c r="C344" s="59" t="s">
        <v>28</v>
      </c>
      <c r="D344" s="59" t="s">
        <v>367</v>
      </c>
      <c r="E344" s="59" t="s">
        <v>380</v>
      </c>
      <c r="F344" s="59" t="s">
        <v>449</v>
      </c>
      <c r="G344" s="59" t="s">
        <v>450</v>
      </c>
      <c r="H344" s="60">
        <v>216</v>
      </c>
      <c r="I344" s="60">
        <v>211</v>
      </c>
      <c r="J344" s="61">
        <v>0</v>
      </c>
      <c r="K344" s="61">
        <v>398.36</v>
      </c>
    </row>
    <row r="345" spans="1:11" ht="18.75" customHeight="1" thickBot="1">
      <c r="A345" s="59" t="s">
        <v>448</v>
      </c>
      <c r="B345" s="59" t="s">
        <v>28</v>
      </c>
      <c r="C345" s="59" t="s">
        <v>28</v>
      </c>
      <c r="D345" s="59" t="s">
        <v>367</v>
      </c>
      <c r="E345" s="59" t="s">
        <v>380</v>
      </c>
      <c r="F345" s="59" t="s">
        <v>449</v>
      </c>
      <c r="G345" s="59" t="s">
        <v>450</v>
      </c>
      <c r="H345" s="60">
        <v>216</v>
      </c>
      <c r="I345" s="60">
        <v>215</v>
      </c>
      <c r="J345" s="61">
        <v>0</v>
      </c>
      <c r="K345" s="61">
        <v>683.12</v>
      </c>
    </row>
    <row r="346" spans="1:11" ht="18.75" customHeight="1" thickBot="1">
      <c r="A346" s="59" t="s">
        <v>448</v>
      </c>
      <c r="B346" s="59" t="s">
        <v>28</v>
      </c>
      <c r="C346" s="59" t="s">
        <v>28</v>
      </c>
      <c r="D346" s="59" t="s">
        <v>367</v>
      </c>
      <c r="E346" s="59" t="s">
        <v>380</v>
      </c>
      <c r="F346" s="59" t="s">
        <v>449</v>
      </c>
      <c r="G346" s="59" t="s">
        <v>450</v>
      </c>
      <c r="H346" s="60">
        <v>216</v>
      </c>
      <c r="I346" s="60">
        <v>256</v>
      </c>
      <c r="J346" s="61">
        <v>0</v>
      </c>
      <c r="K346" s="61">
        <v>977.37</v>
      </c>
    </row>
    <row r="347" spans="1:11" ht="18.75" customHeight="1" thickBot="1">
      <c r="A347" s="59" t="s">
        <v>448</v>
      </c>
      <c r="B347" s="59" t="s">
        <v>28</v>
      </c>
      <c r="C347" s="59" t="s">
        <v>28</v>
      </c>
      <c r="D347" s="59" t="s">
        <v>367</v>
      </c>
      <c r="E347" s="59" t="s">
        <v>380</v>
      </c>
      <c r="F347" s="59" t="s">
        <v>449</v>
      </c>
      <c r="G347" s="59" t="s">
        <v>450</v>
      </c>
      <c r="H347" s="60">
        <v>216</v>
      </c>
      <c r="I347" s="60">
        <v>358</v>
      </c>
      <c r="J347" s="61">
        <v>0</v>
      </c>
      <c r="K347" s="61">
        <v>3891.72</v>
      </c>
    </row>
    <row r="348" spans="1:11" ht="18.75" customHeight="1" thickBot="1">
      <c r="A348" s="59" t="s">
        <v>448</v>
      </c>
      <c r="B348" s="59" t="s">
        <v>28</v>
      </c>
      <c r="C348" s="59" t="s">
        <v>28</v>
      </c>
      <c r="D348" s="59" t="s">
        <v>367</v>
      </c>
      <c r="E348" s="59" t="s">
        <v>380</v>
      </c>
      <c r="F348" s="59" t="s">
        <v>449</v>
      </c>
      <c r="G348" s="59" t="s">
        <v>450</v>
      </c>
      <c r="H348" s="60">
        <v>221</v>
      </c>
      <c r="I348" s="60">
        <v>93</v>
      </c>
      <c r="J348" s="61">
        <v>0</v>
      </c>
      <c r="K348" s="61">
        <v>0.84</v>
      </c>
    </row>
    <row r="349" spans="1:11" ht="18.75" customHeight="1" thickBot="1">
      <c r="A349" s="59" t="s">
        <v>448</v>
      </c>
      <c r="B349" s="59" t="s">
        <v>28</v>
      </c>
      <c r="C349" s="59" t="s">
        <v>28</v>
      </c>
      <c r="D349" s="59" t="s">
        <v>367</v>
      </c>
      <c r="E349" s="59" t="s">
        <v>380</v>
      </c>
      <c r="F349" s="59" t="s">
        <v>449</v>
      </c>
      <c r="G349" s="59" t="s">
        <v>450</v>
      </c>
      <c r="H349" s="60">
        <v>221</v>
      </c>
      <c r="I349" s="60">
        <v>94</v>
      </c>
      <c r="J349" s="61">
        <v>0</v>
      </c>
      <c r="K349" s="61">
        <v>1.91</v>
      </c>
    </row>
    <row r="350" spans="1:11" ht="18.75" customHeight="1" thickBot="1">
      <c r="A350" s="59" t="s">
        <v>448</v>
      </c>
      <c r="B350" s="59" t="s">
        <v>28</v>
      </c>
      <c r="C350" s="59" t="s">
        <v>28</v>
      </c>
      <c r="D350" s="59" t="s">
        <v>367</v>
      </c>
      <c r="E350" s="59" t="s">
        <v>380</v>
      </c>
      <c r="F350" s="59" t="s">
        <v>449</v>
      </c>
      <c r="G350" s="59" t="s">
        <v>450</v>
      </c>
      <c r="H350" s="60">
        <v>221</v>
      </c>
      <c r="I350" s="60">
        <v>97</v>
      </c>
      <c r="J350" s="61">
        <v>0</v>
      </c>
      <c r="K350" s="61">
        <v>1.85</v>
      </c>
    </row>
    <row r="351" spans="1:11" ht="18.75" customHeight="1" thickBot="1">
      <c r="A351" s="59" t="s">
        <v>448</v>
      </c>
      <c r="B351" s="59" t="s">
        <v>28</v>
      </c>
      <c r="C351" s="59" t="s">
        <v>28</v>
      </c>
      <c r="D351" s="59" t="s">
        <v>367</v>
      </c>
      <c r="E351" s="59" t="s">
        <v>380</v>
      </c>
      <c r="F351" s="59" t="s">
        <v>449</v>
      </c>
      <c r="G351" s="59" t="s">
        <v>450</v>
      </c>
      <c r="H351" s="60">
        <v>221</v>
      </c>
      <c r="I351" s="60">
        <v>109</v>
      </c>
      <c r="J351" s="61">
        <v>0</v>
      </c>
      <c r="K351" s="61">
        <v>34.299999999999997</v>
      </c>
    </row>
    <row r="352" spans="1:11" ht="18.75" customHeight="1" thickBot="1">
      <c r="A352" s="59" t="s">
        <v>448</v>
      </c>
      <c r="B352" s="59" t="s">
        <v>28</v>
      </c>
      <c r="C352" s="59" t="s">
        <v>28</v>
      </c>
      <c r="D352" s="59" t="s">
        <v>367</v>
      </c>
      <c r="E352" s="59" t="s">
        <v>380</v>
      </c>
      <c r="F352" s="59" t="s">
        <v>449</v>
      </c>
      <c r="G352" s="59" t="s">
        <v>450</v>
      </c>
      <c r="H352" s="60">
        <v>221</v>
      </c>
      <c r="I352" s="60">
        <v>204</v>
      </c>
      <c r="J352" s="61">
        <v>0</v>
      </c>
      <c r="K352" s="61">
        <v>8.52</v>
      </c>
    </row>
    <row r="353" spans="1:11" ht="18.75" customHeight="1" thickBot="1">
      <c r="A353" s="59" t="s">
        <v>448</v>
      </c>
      <c r="B353" s="59" t="s">
        <v>28</v>
      </c>
      <c r="C353" s="59" t="s">
        <v>28</v>
      </c>
      <c r="D353" s="59" t="s">
        <v>367</v>
      </c>
      <c r="E353" s="59" t="s">
        <v>380</v>
      </c>
      <c r="F353" s="59" t="s">
        <v>449</v>
      </c>
      <c r="G353" s="59" t="s">
        <v>450</v>
      </c>
      <c r="H353" s="60">
        <v>221</v>
      </c>
      <c r="I353" s="60">
        <v>211</v>
      </c>
      <c r="J353" s="61">
        <v>0</v>
      </c>
      <c r="K353" s="61">
        <v>662.77</v>
      </c>
    </row>
    <row r="354" spans="1:11" ht="18.75" customHeight="1" thickBot="1">
      <c r="A354" s="59" t="s">
        <v>448</v>
      </c>
      <c r="B354" s="59" t="s">
        <v>28</v>
      </c>
      <c r="C354" s="59" t="s">
        <v>28</v>
      </c>
      <c r="D354" s="59" t="s">
        <v>367</v>
      </c>
      <c r="E354" s="59" t="s">
        <v>380</v>
      </c>
      <c r="F354" s="59" t="s">
        <v>449</v>
      </c>
      <c r="G354" s="59" t="s">
        <v>450</v>
      </c>
      <c r="H354" s="60">
        <v>221</v>
      </c>
      <c r="I354" s="60">
        <v>215</v>
      </c>
      <c r="J354" s="61">
        <v>0</v>
      </c>
      <c r="K354" s="61">
        <v>1823.11</v>
      </c>
    </row>
    <row r="355" spans="1:11" ht="18.75" customHeight="1" thickBot="1">
      <c r="A355" s="59" t="s">
        <v>448</v>
      </c>
      <c r="B355" s="59" t="s">
        <v>28</v>
      </c>
      <c r="C355" s="59" t="s">
        <v>28</v>
      </c>
      <c r="D355" s="59" t="s">
        <v>367</v>
      </c>
      <c r="E355" s="59" t="s">
        <v>380</v>
      </c>
      <c r="F355" s="59" t="s">
        <v>449</v>
      </c>
      <c r="G355" s="59" t="s">
        <v>450</v>
      </c>
      <c r="H355" s="60">
        <v>221</v>
      </c>
      <c r="I355" s="60">
        <v>217</v>
      </c>
      <c r="J355" s="61">
        <v>0</v>
      </c>
      <c r="K355" s="61">
        <v>54.47</v>
      </c>
    </row>
    <row r="356" spans="1:11" ht="18.75" customHeight="1" thickBot="1">
      <c r="A356" s="59" t="s">
        <v>448</v>
      </c>
      <c r="B356" s="59" t="s">
        <v>28</v>
      </c>
      <c r="C356" s="59" t="s">
        <v>28</v>
      </c>
      <c r="D356" s="59" t="s">
        <v>367</v>
      </c>
      <c r="E356" s="59" t="s">
        <v>380</v>
      </c>
      <c r="F356" s="59" t="s">
        <v>449</v>
      </c>
      <c r="G356" s="59" t="s">
        <v>450</v>
      </c>
      <c r="H356" s="60">
        <v>221</v>
      </c>
      <c r="I356" s="60">
        <v>220</v>
      </c>
      <c r="J356" s="61">
        <v>0</v>
      </c>
      <c r="K356" s="61">
        <v>17.43</v>
      </c>
    </row>
    <row r="357" spans="1:11" ht="18.75" customHeight="1" thickBot="1">
      <c r="A357" s="59" t="s">
        <v>448</v>
      </c>
      <c r="B357" s="59" t="s">
        <v>28</v>
      </c>
      <c r="C357" s="59" t="s">
        <v>28</v>
      </c>
      <c r="D357" s="59" t="s">
        <v>367</v>
      </c>
      <c r="E357" s="59" t="s">
        <v>380</v>
      </c>
      <c r="F357" s="59" t="s">
        <v>449</v>
      </c>
      <c r="G357" s="59" t="s">
        <v>450</v>
      </c>
      <c r="H357" s="60">
        <v>221</v>
      </c>
      <c r="I357" s="60">
        <v>240</v>
      </c>
      <c r="J357" s="61">
        <v>0</v>
      </c>
      <c r="K357" s="61">
        <v>524.46</v>
      </c>
    </row>
    <row r="358" spans="1:11" ht="18.75" customHeight="1" thickBot="1">
      <c r="A358" s="59" t="s">
        <v>448</v>
      </c>
      <c r="B358" s="59" t="s">
        <v>28</v>
      </c>
      <c r="C358" s="59" t="s">
        <v>28</v>
      </c>
      <c r="D358" s="59" t="s">
        <v>367</v>
      </c>
      <c r="E358" s="59" t="s">
        <v>380</v>
      </c>
      <c r="F358" s="59" t="s">
        <v>449</v>
      </c>
      <c r="G358" s="59" t="s">
        <v>450</v>
      </c>
      <c r="H358" s="60">
        <v>221</v>
      </c>
      <c r="I358" s="60">
        <v>244</v>
      </c>
      <c r="J358" s="61">
        <v>0</v>
      </c>
      <c r="K358" s="61">
        <v>2203.0100000000002</v>
      </c>
    </row>
    <row r="359" spans="1:11" ht="18.75" customHeight="1" thickBot="1">
      <c r="A359" s="59" t="s">
        <v>448</v>
      </c>
      <c r="B359" s="59" t="s">
        <v>28</v>
      </c>
      <c r="C359" s="59" t="s">
        <v>28</v>
      </c>
      <c r="D359" s="59" t="s">
        <v>367</v>
      </c>
      <c r="E359" s="59" t="s">
        <v>380</v>
      </c>
      <c r="F359" s="59" t="s">
        <v>449</v>
      </c>
      <c r="G359" s="59" t="s">
        <v>450</v>
      </c>
      <c r="H359" s="60">
        <v>221</v>
      </c>
      <c r="I359" s="60">
        <v>358</v>
      </c>
      <c r="J359" s="61">
        <v>0</v>
      </c>
      <c r="K359" s="61">
        <v>13915.5</v>
      </c>
    </row>
    <row r="360" spans="1:11" ht="18.75" customHeight="1" thickBot="1">
      <c r="A360" s="59" t="s">
        <v>448</v>
      </c>
      <c r="B360" s="59" t="s">
        <v>28</v>
      </c>
      <c r="C360" s="59" t="s">
        <v>28</v>
      </c>
      <c r="D360" s="59" t="s">
        <v>367</v>
      </c>
      <c r="E360" s="59" t="s">
        <v>380</v>
      </c>
      <c r="F360" s="59" t="s">
        <v>449</v>
      </c>
      <c r="G360" s="59" t="s">
        <v>450</v>
      </c>
      <c r="H360" s="60">
        <v>221</v>
      </c>
      <c r="I360" s="60">
        <v>360</v>
      </c>
      <c r="J360" s="61">
        <v>0</v>
      </c>
      <c r="K360" s="61">
        <v>4084.53</v>
      </c>
    </row>
    <row r="361" spans="1:11" ht="18.75" customHeight="1" thickBot="1">
      <c r="A361" s="59" t="s">
        <v>448</v>
      </c>
      <c r="B361" s="59" t="s">
        <v>28</v>
      </c>
      <c r="C361" s="59" t="s">
        <v>28</v>
      </c>
      <c r="D361" s="59" t="s">
        <v>367</v>
      </c>
      <c r="E361" s="59" t="s">
        <v>380</v>
      </c>
      <c r="F361" s="59" t="s">
        <v>449</v>
      </c>
      <c r="G361" s="59" t="s">
        <v>450</v>
      </c>
      <c r="H361" s="60">
        <v>222</v>
      </c>
      <c r="I361" s="60">
        <v>113</v>
      </c>
      <c r="J361" s="61">
        <v>0</v>
      </c>
      <c r="K361" s="61">
        <v>5.13</v>
      </c>
    </row>
    <row r="362" spans="1:11" ht="18.75" customHeight="1" thickBot="1">
      <c r="A362" s="59" t="s">
        <v>448</v>
      </c>
      <c r="B362" s="59" t="s">
        <v>28</v>
      </c>
      <c r="C362" s="59" t="s">
        <v>28</v>
      </c>
      <c r="D362" s="59" t="s">
        <v>367</v>
      </c>
      <c r="E362" s="59" t="s">
        <v>380</v>
      </c>
      <c r="F362" s="59" t="s">
        <v>449</v>
      </c>
      <c r="G362" s="59" t="s">
        <v>450</v>
      </c>
      <c r="H362" s="60">
        <v>222</v>
      </c>
      <c r="I362" s="60">
        <v>211</v>
      </c>
      <c r="J362" s="61">
        <v>0</v>
      </c>
      <c r="K362" s="61">
        <v>65.819999999999993</v>
      </c>
    </row>
    <row r="363" spans="1:11" ht="18.75" customHeight="1" thickBot="1">
      <c r="A363" s="59" t="s">
        <v>448</v>
      </c>
      <c r="B363" s="59" t="s">
        <v>28</v>
      </c>
      <c r="C363" s="59" t="s">
        <v>28</v>
      </c>
      <c r="D363" s="59" t="s">
        <v>367</v>
      </c>
      <c r="E363" s="59" t="s">
        <v>380</v>
      </c>
      <c r="F363" s="59" t="s">
        <v>449</v>
      </c>
      <c r="G363" s="59" t="s">
        <v>450</v>
      </c>
      <c r="H363" s="60">
        <v>222</v>
      </c>
      <c r="I363" s="60">
        <v>215</v>
      </c>
      <c r="J363" s="61">
        <v>0</v>
      </c>
      <c r="K363" s="61">
        <v>89.39</v>
      </c>
    </row>
    <row r="364" spans="1:11" ht="18.75" customHeight="1" thickBot="1">
      <c r="A364" s="59" t="s">
        <v>448</v>
      </c>
      <c r="B364" s="59" t="s">
        <v>28</v>
      </c>
      <c r="C364" s="59" t="s">
        <v>28</v>
      </c>
      <c r="D364" s="59" t="s">
        <v>367</v>
      </c>
      <c r="E364" s="59" t="s">
        <v>380</v>
      </c>
      <c r="F364" s="59" t="s">
        <v>449</v>
      </c>
      <c r="G364" s="59" t="s">
        <v>450</v>
      </c>
      <c r="H364" s="60">
        <v>222</v>
      </c>
      <c r="I364" s="60">
        <v>240</v>
      </c>
      <c r="J364" s="61">
        <v>0</v>
      </c>
      <c r="K364" s="61">
        <v>227.43</v>
      </c>
    </row>
    <row r="365" spans="1:11" ht="18.75" customHeight="1" thickBot="1">
      <c r="A365" s="59" t="s">
        <v>448</v>
      </c>
      <c r="B365" s="59" t="s">
        <v>28</v>
      </c>
      <c r="C365" s="59" t="s">
        <v>28</v>
      </c>
      <c r="D365" s="59" t="s">
        <v>367</v>
      </c>
      <c r="E365" s="59" t="s">
        <v>380</v>
      </c>
      <c r="F365" s="59" t="s">
        <v>449</v>
      </c>
      <c r="G365" s="59" t="s">
        <v>450</v>
      </c>
      <c r="H365" s="60">
        <v>222</v>
      </c>
      <c r="I365" s="60">
        <v>244</v>
      </c>
      <c r="J365" s="61">
        <v>0</v>
      </c>
      <c r="K365" s="61">
        <v>1496.99</v>
      </c>
    </row>
    <row r="366" spans="1:11" ht="18.75" customHeight="1" thickBot="1">
      <c r="A366" s="59" t="s">
        <v>448</v>
      </c>
      <c r="B366" s="59" t="s">
        <v>28</v>
      </c>
      <c r="C366" s="59" t="s">
        <v>28</v>
      </c>
      <c r="D366" s="59" t="s">
        <v>367</v>
      </c>
      <c r="E366" s="59" t="s">
        <v>380</v>
      </c>
      <c r="F366" s="59" t="s">
        <v>449</v>
      </c>
      <c r="G366" s="59" t="s">
        <v>450</v>
      </c>
      <c r="H366" s="60">
        <v>230</v>
      </c>
      <c r="I366" s="60">
        <v>94</v>
      </c>
      <c r="J366" s="61">
        <v>0</v>
      </c>
      <c r="K366" s="61">
        <v>0.63</v>
      </c>
    </row>
    <row r="367" spans="1:11" ht="18.75" customHeight="1" thickBot="1">
      <c r="A367" s="59" t="s">
        <v>448</v>
      </c>
      <c r="B367" s="59" t="s">
        <v>28</v>
      </c>
      <c r="C367" s="59" t="s">
        <v>28</v>
      </c>
      <c r="D367" s="59" t="s">
        <v>367</v>
      </c>
      <c r="E367" s="59" t="s">
        <v>380</v>
      </c>
      <c r="F367" s="59" t="s">
        <v>449</v>
      </c>
      <c r="G367" s="59" t="s">
        <v>450</v>
      </c>
      <c r="H367" s="60">
        <v>230</v>
      </c>
      <c r="I367" s="60">
        <v>97</v>
      </c>
      <c r="J367" s="61">
        <v>0</v>
      </c>
      <c r="K367" s="61">
        <v>10.08</v>
      </c>
    </row>
    <row r="368" spans="1:11" ht="18.75" customHeight="1" thickBot="1">
      <c r="A368" s="59" t="s">
        <v>448</v>
      </c>
      <c r="B368" s="59" t="s">
        <v>28</v>
      </c>
      <c r="C368" s="59" t="s">
        <v>28</v>
      </c>
      <c r="D368" s="59" t="s">
        <v>367</v>
      </c>
      <c r="E368" s="59" t="s">
        <v>380</v>
      </c>
      <c r="F368" s="59" t="s">
        <v>449</v>
      </c>
      <c r="G368" s="59" t="s">
        <v>450</v>
      </c>
      <c r="H368" s="60">
        <v>230</v>
      </c>
      <c r="I368" s="60">
        <v>107</v>
      </c>
      <c r="J368" s="61">
        <v>0</v>
      </c>
      <c r="K368" s="61">
        <v>1.03</v>
      </c>
    </row>
    <row r="369" spans="1:11" ht="18.75" customHeight="1" thickBot="1">
      <c r="A369" s="59" t="s">
        <v>448</v>
      </c>
      <c r="B369" s="59" t="s">
        <v>28</v>
      </c>
      <c r="C369" s="59" t="s">
        <v>28</v>
      </c>
      <c r="D369" s="59" t="s">
        <v>367</v>
      </c>
      <c r="E369" s="59" t="s">
        <v>380</v>
      </c>
      <c r="F369" s="59" t="s">
        <v>449</v>
      </c>
      <c r="G369" s="59" t="s">
        <v>450</v>
      </c>
      <c r="H369" s="60">
        <v>230</v>
      </c>
      <c r="I369" s="60">
        <v>113</v>
      </c>
      <c r="J369" s="61">
        <v>0</v>
      </c>
      <c r="K369" s="61">
        <v>2.2200000000000002</v>
      </c>
    </row>
    <row r="370" spans="1:11" ht="18.75" customHeight="1" thickBot="1">
      <c r="A370" s="59" t="s">
        <v>448</v>
      </c>
      <c r="B370" s="59" t="s">
        <v>28</v>
      </c>
      <c r="C370" s="59" t="s">
        <v>28</v>
      </c>
      <c r="D370" s="59" t="s">
        <v>367</v>
      </c>
      <c r="E370" s="59" t="s">
        <v>380</v>
      </c>
      <c r="F370" s="59" t="s">
        <v>449</v>
      </c>
      <c r="G370" s="59" t="s">
        <v>450</v>
      </c>
      <c r="H370" s="60">
        <v>230</v>
      </c>
      <c r="I370" s="60">
        <v>211</v>
      </c>
      <c r="J370" s="61">
        <v>0</v>
      </c>
      <c r="K370" s="61">
        <v>71.930000000000007</v>
      </c>
    </row>
    <row r="371" spans="1:11" ht="18.75" customHeight="1" thickBot="1">
      <c r="A371" s="59" t="s">
        <v>448</v>
      </c>
      <c r="B371" s="59" t="s">
        <v>28</v>
      </c>
      <c r="C371" s="59" t="s">
        <v>28</v>
      </c>
      <c r="D371" s="59" t="s">
        <v>367</v>
      </c>
      <c r="E371" s="59" t="s">
        <v>380</v>
      </c>
      <c r="F371" s="59" t="s">
        <v>449</v>
      </c>
      <c r="G371" s="59" t="s">
        <v>450</v>
      </c>
      <c r="H371" s="60">
        <v>230</v>
      </c>
      <c r="I371" s="60">
        <v>215</v>
      </c>
      <c r="J371" s="61">
        <v>0</v>
      </c>
      <c r="K371" s="61">
        <v>183.94</v>
      </c>
    </row>
    <row r="372" spans="1:11" ht="18.75" customHeight="1" thickBot="1">
      <c r="A372" s="59" t="s">
        <v>448</v>
      </c>
      <c r="B372" s="59" t="s">
        <v>28</v>
      </c>
      <c r="C372" s="59" t="s">
        <v>28</v>
      </c>
      <c r="D372" s="59" t="s">
        <v>367</v>
      </c>
      <c r="E372" s="59" t="s">
        <v>380</v>
      </c>
      <c r="F372" s="59" t="s">
        <v>449</v>
      </c>
      <c r="G372" s="59" t="s">
        <v>450</v>
      </c>
      <c r="H372" s="60">
        <v>230</v>
      </c>
      <c r="I372" s="60">
        <v>220</v>
      </c>
      <c r="J372" s="61">
        <v>0</v>
      </c>
      <c r="K372" s="61">
        <v>560.94000000000005</v>
      </c>
    </row>
    <row r="373" spans="1:11" ht="18.75" customHeight="1" thickBot="1">
      <c r="A373" s="59" t="s">
        <v>448</v>
      </c>
      <c r="B373" s="59" t="s">
        <v>28</v>
      </c>
      <c r="C373" s="59" t="s">
        <v>28</v>
      </c>
      <c r="D373" s="59" t="s">
        <v>367</v>
      </c>
      <c r="E373" s="59" t="s">
        <v>380</v>
      </c>
      <c r="F373" s="59" t="s">
        <v>449</v>
      </c>
      <c r="G373" s="59" t="s">
        <v>450</v>
      </c>
      <c r="H373" s="60">
        <v>230</v>
      </c>
      <c r="I373" s="60">
        <v>236</v>
      </c>
      <c r="J373" s="61">
        <v>0</v>
      </c>
      <c r="K373" s="61">
        <v>136.83000000000001</v>
      </c>
    </row>
    <row r="374" spans="1:11" ht="18.75" customHeight="1" thickBot="1">
      <c r="A374" s="59" t="s">
        <v>448</v>
      </c>
      <c r="B374" s="59" t="s">
        <v>28</v>
      </c>
      <c r="C374" s="59" t="s">
        <v>28</v>
      </c>
      <c r="D374" s="59" t="s">
        <v>367</v>
      </c>
      <c r="E374" s="59" t="s">
        <v>380</v>
      </c>
      <c r="F374" s="59" t="s">
        <v>449</v>
      </c>
      <c r="G374" s="59" t="s">
        <v>450</v>
      </c>
      <c r="H374" s="60">
        <v>230</v>
      </c>
      <c r="I374" s="60">
        <v>240</v>
      </c>
      <c r="J374" s="61">
        <v>0</v>
      </c>
      <c r="K374" s="61">
        <v>117.35</v>
      </c>
    </row>
    <row r="375" spans="1:11" ht="18.75" customHeight="1" thickBot="1">
      <c r="A375" s="59" t="s">
        <v>448</v>
      </c>
      <c r="B375" s="59" t="s">
        <v>28</v>
      </c>
      <c r="C375" s="59" t="s">
        <v>28</v>
      </c>
      <c r="D375" s="59" t="s">
        <v>367</v>
      </c>
      <c r="E375" s="59" t="s">
        <v>380</v>
      </c>
      <c r="F375" s="59" t="s">
        <v>449</v>
      </c>
      <c r="G375" s="59" t="s">
        <v>450</v>
      </c>
      <c r="H375" s="60">
        <v>230</v>
      </c>
      <c r="I375" s="60">
        <v>244</v>
      </c>
      <c r="J375" s="61">
        <v>0</v>
      </c>
      <c r="K375" s="61">
        <v>5344.85</v>
      </c>
    </row>
    <row r="376" spans="1:11" ht="18.75" customHeight="1" thickBot="1">
      <c r="A376" s="59" t="s">
        <v>448</v>
      </c>
      <c r="B376" s="59" t="s">
        <v>28</v>
      </c>
      <c r="C376" s="59" t="s">
        <v>28</v>
      </c>
      <c r="D376" s="59" t="s">
        <v>367</v>
      </c>
      <c r="E376" s="59" t="s">
        <v>380</v>
      </c>
      <c r="F376" s="59" t="s">
        <v>449</v>
      </c>
      <c r="G376" s="59" t="s">
        <v>450</v>
      </c>
      <c r="H376" s="60">
        <v>230</v>
      </c>
      <c r="I376" s="60">
        <v>248</v>
      </c>
      <c r="J376" s="61">
        <v>0</v>
      </c>
      <c r="K376" s="61">
        <v>835.5</v>
      </c>
    </row>
    <row r="377" spans="1:11" ht="18.75" customHeight="1" thickBot="1">
      <c r="A377" s="59" t="s">
        <v>448</v>
      </c>
      <c r="B377" s="59" t="s">
        <v>28</v>
      </c>
      <c r="C377" s="59" t="s">
        <v>28</v>
      </c>
      <c r="D377" s="59" t="s">
        <v>367</v>
      </c>
      <c r="E377" s="59" t="s">
        <v>380</v>
      </c>
      <c r="F377" s="59" t="s">
        <v>449</v>
      </c>
      <c r="G377" s="59" t="s">
        <v>450</v>
      </c>
      <c r="H377" s="60">
        <v>230</v>
      </c>
      <c r="I377" s="60">
        <v>257</v>
      </c>
      <c r="J377" s="61">
        <v>0</v>
      </c>
      <c r="K377" s="61">
        <v>399.6</v>
      </c>
    </row>
    <row r="378" spans="1:11" ht="18.75" customHeight="1" thickBot="1">
      <c r="A378" s="59" t="s">
        <v>448</v>
      </c>
      <c r="B378" s="59" t="s">
        <v>28</v>
      </c>
      <c r="C378" s="59" t="s">
        <v>28</v>
      </c>
      <c r="D378" s="59" t="s">
        <v>367</v>
      </c>
      <c r="E378" s="59" t="s">
        <v>380</v>
      </c>
      <c r="F378" s="59" t="s">
        <v>449</v>
      </c>
      <c r="G378" s="59" t="s">
        <v>450</v>
      </c>
      <c r="H378" s="60">
        <v>230</v>
      </c>
      <c r="I378" s="60">
        <v>330</v>
      </c>
      <c r="J378" s="61">
        <v>0</v>
      </c>
      <c r="K378" s="61">
        <v>9178.48</v>
      </c>
    </row>
    <row r="379" spans="1:11" ht="18.75" customHeight="1" thickBot="1">
      <c r="A379" s="59" t="s">
        <v>448</v>
      </c>
      <c r="B379" s="59" t="s">
        <v>28</v>
      </c>
      <c r="C379" s="59" t="s">
        <v>28</v>
      </c>
      <c r="D379" s="59" t="s">
        <v>367</v>
      </c>
      <c r="E379" s="59" t="s">
        <v>380</v>
      </c>
      <c r="F379" s="59" t="s">
        <v>449</v>
      </c>
      <c r="G379" s="59" t="s">
        <v>450</v>
      </c>
      <c r="H379" s="60">
        <v>230</v>
      </c>
      <c r="I379" s="60">
        <v>358</v>
      </c>
      <c r="J379" s="61">
        <v>0</v>
      </c>
      <c r="K379" s="61">
        <v>23633.96</v>
      </c>
    </row>
    <row r="380" spans="1:11" ht="18.75" customHeight="1" thickBot="1">
      <c r="A380" s="59" t="s">
        <v>448</v>
      </c>
      <c r="B380" s="59" t="s">
        <v>28</v>
      </c>
      <c r="C380" s="59" t="s">
        <v>28</v>
      </c>
      <c r="D380" s="59" t="s">
        <v>367</v>
      </c>
      <c r="E380" s="59" t="s">
        <v>380</v>
      </c>
      <c r="F380" s="59" t="s">
        <v>449</v>
      </c>
      <c r="G380" s="59" t="s">
        <v>450</v>
      </c>
      <c r="H380" s="60">
        <v>230</v>
      </c>
      <c r="I380" s="60">
        <v>359</v>
      </c>
      <c r="J380" s="61">
        <v>0</v>
      </c>
      <c r="K380" s="61">
        <v>14263.63</v>
      </c>
    </row>
    <row r="381" spans="1:11" ht="18.75" hidden="1" customHeight="1" thickBot="1">
      <c r="A381" s="59" t="s">
        <v>448</v>
      </c>
      <c r="B381" s="59" t="s">
        <v>28</v>
      </c>
      <c r="C381" s="59" t="s">
        <v>28</v>
      </c>
      <c r="D381" s="59" t="s">
        <v>367</v>
      </c>
      <c r="E381" s="59" t="s">
        <v>382</v>
      </c>
      <c r="F381" s="59" t="s">
        <v>449</v>
      </c>
      <c r="G381" s="59" t="s">
        <v>450</v>
      </c>
      <c r="H381" s="60">
        <v>10</v>
      </c>
      <c r="I381" s="60">
        <v>94</v>
      </c>
      <c r="J381" s="61">
        <v>0</v>
      </c>
      <c r="K381" s="61">
        <v>-0.59</v>
      </c>
    </row>
    <row r="382" spans="1:11" ht="18.75" hidden="1" customHeight="1" thickBot="1">
      <c r="A382" s="59" t="s">
        <v>448</v>
      </c>
      <c r="B382" s="59" t="s">
        <v>28</v>
      </c>
      <c r="C382" s="59" t="s">
        <v>28</v>
      </c>
      <c r="D382" s="59" t="s">
        <v>367</v>
      </c>
      <c r="E382" s="59" t="s">
        <v>382</v>
      </c>
      <c r="F382" s="59" t="s">
        <v>449</v>
      </c>
      <c r="G382" s="59" t="s">
        <v>450</v>
      </c>
      <c r="H382" s="60">
        <v>10</v>
      </c>
      <c r="I382" s="60">
        <v>113</v>
      </c>
      <c r="J382" s="61">
        <v>0</v>
      </c>
      <c r="K382" s="61">
        <v>-0.7</v>
      </c>
    </row>
    <row r="383" spans="1:11" ht="18.75" hidden="1" customHeight="1" thickBot="1">
      <c r="A383" s="59" t="s">
        <v>448</v>
      </c>
      <c r="B383" s="59" t="s">
        <v>28</v>
      </c>
      <c r="C383" s="59" t="s">
        <v>28</v>
      </c>
      <c r="D383" s="59" t="s">
        <v>367</v>
      </c>
      <c r="E383" s="59" t="s">
        <v>382</v>
      </c>
      <c r="F383" s="59" t="s">
        <v>449</v>
      </c>
      <c r="G383" s="59" t="s">
        <v>450</v>
      </c>
      <c r="H383" s="60">
        <v>10</v>
      </c>
      <c r="I383" s="60">
        <v>150</v>
      </c>
      <c r="J383" s="61">
        <v>0</v>
      </c>
      <c r="K383" s="61">
        <v>-0.42</v>
      </c>
    </row>
    <row r="384" spans="1:11" ht="18.75" hidden="1" customHeight="1" thickBot="1">
      <c r="A384" s="59" t="s">
        <v>448</v>
      </c>
      <c r="B384" s="59" t="s">
        <v>28</v>
      </c>
      <c r="C384" s="59" t="s">
        <v>28</v>
      </c>
      <c r="D384" s="59" t="s">
        <v>367</v>
      </c>
      <c r="E384" s="59" t="s">
        <v>382</v>
      </c>
      <c r="F384" s="59" t="s">
        <v>449</v>
      </c>
      <c r="G384" s="59" t="s">
        <v>450</v>
      </c>
      <c r="H384" s="60">
        <v>20</v>
      </c>
      <c r="I384" s="60">
        <v>15</v>
      </c>
      <c r="J384" s="61">
        <v>0</v>
      </c>
      <c r="K384" s="61">
        <v>-12.63</v>
      </c>
    </row>
    <row r="385" spans="1:11" ht="18.75" hidden="1" customHeight="1" thickBot="1">
      <c r="A385" s="59" t="s">
        <v>448</v>
      </c>
      <c r="B385" s="59" t="s">
        <v>28</v>
      </c>
      <c r="C385" s="59" t="s">
        <v>28</v>
      </c>
      <c r="D385" s="59" t="s">
        <v>367</v>
      </c>
      <c r="E385" s="59" t="s">
        <v>382</v>
      </c>
      <c r="F385" s="59" t="s">
        <v>449</v>
      </c>
      <c r="G385" s="59" t="s">
        <v>450</v>
      </c>
      <c r="H385" s="60">
        <v>20</v>
      </c>
      <c r="I385" s="60">
        <v>22</v>
      </c>
      <c r="J385" s="61">
        <v>0</v>
      </c>
      <c r="K385" s="61">
        <v>-1.55</v>
      </c>
    </row>
    <row r="386" spans="1:11" ht="18.75" hidden="1" customHeight="1" thickBot="1">
      <c r="A386" s="59" t="s">
        <v>448</v>
      </c>
      <c r="B386" s="59" t="s">
        <v>28</v>
      </c>
      <c r="C386" s="59" t="s">
        <v>28</v>
      </c>
      <c r="D386" s="59" t="s">
        <v>367</v>
      </c>
      <c r="E386" s="59" t="s">
        <v>382</v>
      </c>
      <c r="F386" s="59" t="s">
        <v>449</v>
      </c>
      <c r="G386" s="59" t="s">
        <v>450</v>
      </c>
      <c r="H386" s="60">
        <v>20</v>
      </c>
      <c r="I386" s="60">
        <v>94</v>
      </c>
      <c r="J386" s="61">
        <v>0</v>
      </c>
      <c r="K386" s="61">
        <v>-0.59</v>
      </c>
    </row>
    <row r="387" spans="1:11" ht="18.75" hidden="1" customHeight="1" thickBot="1">
      <c r="A387" s="59" t="s">
        <v>448</v>
      </c>
      <c r="B387" s="59" t="s">
        <v>28</v>
      </c>
      <c r="C387" s="59" t="s">
        <v>28</v>
      </c>
      <c r="D387" s="59" t="s">
        <v>367</v>
      </c>
      <c r="E387" s="59" t="s">
        <v>382</v>
      </c>
      <c r="F387" s="59" t="s">
        <v>449</v>
      </c>
      <c r="G387" s="59" t="s">
        <v>450</v>
      </c>
      <c r="H387" s="60">
        <v>20</v>
      </c>
      <c r="I387" s="60">
        <v>113</v>
      </c>
      <c r="J387" s="61">
        <v>0</v>
      </c>
      <c r="K387" s="61">
        <v>-2.42</v>
      </c>
    </row>
    <row r="388" spans="1:11" ht="18.75" hidden="1" customHeight="1" thickBot="1">
      <c r="A388" s="59" t="s">
        <v>448</v>
      </c>
      <c r="B388" s="59" t="s">
        <v>28</v>
      </c>
      <c r="C388" s="59" t="s">
        <v>28</v>
      </c>
      <c r="D388" s="59" t="s">
        <v>367</v>
      </c>
      <c r="E388" s="59" t="s">
        <v>382</v>
      </c>
      <c r="F388" s="59" t="s">
        <v>449</v>
      </c>
      <c r="G388" s="59" t="s">
        <v>450</v>
      </c>
      <c r="H388" s="60">
        <v>211</v>
      </c>
      <c r="I388" s="60">
        <v>94</v>
      </c>
      <c r="J388" s="61">
        <v>0</v>
      </c>
      <c r="K388" s="61">
        <v>-0.63</v>
      </c>
    </row>
    <row r="389" spans="1:11" ht="18.75" hidden="1" customHeight="1" thickBot="1">
      <c r="A389" s="59" t="s">
        <v>448</v>
      </c>
      <c r="B389" s="59" t="s">
        <v>28</v>
      </c>
      <c r="C389" s="59" t="s">
        <v>28</v>
      </c>
      <c r="D389" s="59" t="s">
        <v>367</v>
      </c>
      <c r="E389" s="59" t="s">
        <v>382</v>
      </c>
      <c r="F389" s="59" t="s">
        <v>449</v>
      </c>
      <c r="G389" s="59" t="s">
        <v>450</v>
      </c>
      <c r="H389" s="60">
        <v>211</v>
      </c>
      <c r="I389" s="60">
        <v>211</v>
      </c>
      <c r="J389" s="61">
        <v>0</v>
      </c>
      <c r="K389" s="61">
        <v>-49.1</v>
      </c>
    </row>
    <row r="390" spans="1:11" ht="18.75" hidden="1" customHeight="1" thickBot="1">
      <c r="A390" s="59" t="s">
        <v>448</v>
      </c>
      <c r="B390" s="59" t="s">
        <v>28</v>
      </c>
      <c r="C390" s="59" t="s">
        <v>28</v>
      </c>
      <c r="D390" s="59" t="s">
        <v>367</v>
      </c>
      <c r="E390" s="59" t="s">
        <v>382</v>
      </c>
      <c r="F390" s="59" t="s">
        <v>449</v>
      </c>
      <c r="G390" s="59" t="s">
        <v>450</v>
      </c>
      <c r="H390" s="60">
        <v>211</v>
      </c>
      <c r="I390" s="60">
        <v>215</v>
      </c>
      <c r="J390" s="61">
        <v>0</v>
      </c>
      <c r="K390" s="61">
        <v>-329.37</v>
      </c>
    </row>
    <row r="391" spans="1:11" ht="18.75" hidden="1" customHeight="1" thickBot="1">
      <c r="A391" s="59" t="s">
        <v>448</v>
      </c>
      <c r="B391" s="59" t="s">
        <v>28</v>
      </c>
      <c r="C391" s="59" t="s">
        <v>28</v>
      </c>
      <c r="D391" s="59" t="s">
        <v>367</v>
      </c>
      <c r="E391" s="59" t="s">
        <v>382</v>
      </c>
      <c r="F391" s="59" t="s">
        <v>449</v>
      </c>
      <c r="G391" s="59" t="s">
        <v>450</v>
      </c>
      <c r="H391" s="60">
        <v>212</v>
      </c>
      <c r="I391" s="60">
        <v>211</v>
      </c>
      <c r="J391" s="61">
        <v>0</v>
      </c>
      <c r="K391" s="61">
        <v>-5.93</v>
      </c>
    </row>
    <row r="392" spans="1:11" ht="18.75" hidden="1" customHeight="1" thickBot="1">
      <c r="A392" s="59" t="s">
        <v>448</v>
      </c>
      <c r="B392" s="59" t="s">
        <v>28</v>
      </c>
      <c r="C392" s="59" t="s">
        <v>28</v>
      </c>
      <c r="D392" s="59" t="s">
        <v>367</v>
      </c>
      <c r="E392" s="59" t="s">
        <v>382</v>
      </c>
      <c r="F392" s="59" t="s">
        <v>449</v>
      </c>
      <c r="G392" s="59" t="s">
        <v>450</v>
      </c>
      <c r="H392" s="60">
        <v>212</v>
      </c>
      <c r="I392" s="60">
        <v>215</v>
      </c>
      <c r="J392" s="61">
        <v>0</v>
      </c>
      <c r="K392" s="61">
        <v>-74.12</v>
      </c>
    </row>
    <row r="393" spans="1:11" ht="18.75" hidden="1" customHeight="1" thickBot="1">
      <c r="A393" s="59" t="s">
        <v>448</v>
      </c>
      <c r="B393" s="59" t="s">
        <v>28</v>
      </c>
      <c r="C393" s="59" t="s">
        <v>28</v>
      </c>
      <c r="D393" s="59" t="s">
        <v>368</v>
      </c>
      <c r="E393" s="59" t="s">
        <v>378</v>
      </c>
      <c r="F393" s="59" t="s">
        <v>449</v>
      </c>
      <c r="G393" s="59" t="s">
        <v>450</v>
      </c>
      <c r="H393" s="60">
        <v>10</v>
      </c>
      <c r="I393" s="60">
        <v>15</v>
      </c>
      <c r="J393" s="61">
        <v>0</v>
      </c>
      <c r="K393" s="61">
        <v>-11.29</v>
      </c>
    </row>
    <row r="394" spans="1:11" ht="18.75" hidden="1" customHeight="1" thickBot="1">
      <c r="A394" s="59" t="s">
        <v>448</v>
      </c>
      <c r="B394" s="59" t="s">
        <v>28</v>
      </c>
      <c r="C394" s="59" t="s">
        <v>28</v>
      </c>
      <c r="D394" s="59" t="s">
        <v>368</v>
      </c>
      <c r="E394" s="59" t="s">
        <v>378</v>
      </c>
      <c r="F394" s="59" t="s">
        <v>449</v>
      </c>
      <c r="G394" s="59" t="s">
        <v>450</v>
      </c>
      <c r="H394" s="60">
        <v>10</v>
      </c>
      <c r="I394" s="60">
        <v>22</v>
      </c>
      <c r="J394" s="61">
        <v>0</v>
      </c>
      <c r="K394" s="61">
        <v>-3.36</v>
      </c>
    </row>
    <row r="395" spans="1:11" ht="18.75" hidden="1" customHeight="1" thickBot="1">
      <c r="A395" s="59" t="s">
        <v>448</v>
      </c>
      <c r="B395" s="59" t="s">
        <v>28</v>
      </c>
      <c r="C395" s="59" t="s">
        <v>28</v>
      </c>
      <c r="D395" s="59" t="s">
        <v>368</v>
      </c>
      <c r="E395" s="59" t="s">
        <v>378</v>
      </c>
      <c r="F395" s="59" t="s">
        <v>449</v>
      </c>
      <c r="G395" s="59" t="s">
        <v>450</v>
      </c>
      <c r="H395" s="60">
        <v>10</v>
      </c>
      <c r="I395" s="60">
        <v>93</v>
      </c>
      <c r="J395" s="61">
        <v>0</v>
      </c>
      <c r="K395" s="61">
        <v>-0.82</v>
      </c>
    </row>
    <row r="396" spans="1:11" ht="18.75" hidden="1" customHeight="1" thickBot="1">
      <c r="A396" s="59" t="s">
        <v>448</v>
      </c>
      <c r="B396" s="59" t="s">
        <v>28</v>
      </c>
      <c r="C396" s="59" t="s">
        <v>28</v>
      </c>
      <c r="D396" s="59" t="s">
        <v>368</v>
      </c>
      <c r="E396" s="59" t="s">
        <v>378</v>
      </c>
      <c r="F396" s="59" t="s">
        <v>449</v>
      </c>
      <c r="G396" s="59" t="s">
        <v>450</v>
      </c>
      <c r="H396" s="60">
        <v>10</v>
      </c>
      <c r="I396" s="60">
        <v>94</v>
      </c>
      <c r="J396" s="61">
        <v>0</v>
      </c>
      <c r="K396" s="61">
        <v>-15.53</v>
      </c>
    </row>
    <row r="397" spans="1:11" ht="18.75" hidden="1" customHeight="1" thickBot="1">
      <c r="A397" s="59" t="s">
        <v>448</v>
      </c>
      <c r="B397" s="59" t="s">
        <v>28</v>
      </c>
      <c r="C397" s="59" t="s">
        <v>28</v>
      </c>
      <c r="D397" s="59" t="s">
        <v>368</v>
      </c>
      <c r="E397" s="59" t="s">
        <v>378</v>
      </c>
      <c r="F397" s="59" t="s">
        <v>449</v>
      </c>
      <c r="G397" s="59" t="s">
        <v>450</v>
      </c>
      <c r="H397" s="60">
        <v>10</v>
      </c>
      <c r="I397" s="60">
        <v>97</v>
      </c>
      <c r="J397" s="61">
        <v>0</v>
      </c>
      <c r="K397" s="61">
        <v>-1.82</v>
      </c>
    </row>
    <row r="398" spans="1:11" ht="18.75" hidden="1" customHeight="1" thickBot="1">
      <c r="A398" s="59" t="s">
        <v>448</v>
      </c>
      <c r="B398" s="59" t="s">
        <v>28</v>
      </c>
      <c r="C398" s="59" t="s">
        <v>28</v>
      </c>
      <c r="D398" s="59" t="s">
        <v>368</v>
      </c>
      <c r="E398" s="59" t="s">
        <v>378</v>
      </c>
      <c r="F398" s="59" t="s">
        <v>449</v>
      </c>
      <c r="G398" s="59" t="s">
        <v>450</v>
      </c>
      <c r="H398" s="60">
        <v>10</v>
      </c>
      <c r="I398" s="60">
        <v>109</v>
      </c>
      <c r="J398" s="61">
        <v>0</v>
      </c>
      <c r="K398" s="61">
        <v>-3.14</v>
      </c>
    </row>
    <row r="399" spans="1:11" ht="18.75" hidden="1" customHeight="1" thickBot="1">
      <c r="A399" s="59" t="s">
        <v>448</v>
      </c>
      <c r="B399" s="59" t="s">
        <v>28</v>
      </c>
      <c r="C399" s="59" t="s">
        <v>28</v>
      </c>
      <c r="D399" s="59" t="s">
        <v>368</v>
      </c>
      <c r="E399" s="59" t="s">
        <v>378</v>
      </c>
      <c r="F399" s="59" t="s">
        <v>449</v>
      </c>
      <c r="G399" s="59" t="s">
        <v>450</v>
      </c>
      <c r="H399" s="60">
        <v>10</v>
      </c>
      <c r="I399" s="60">
        <v>113</v>
      </c>
      <c r="J399" s="61">
        <v>0</v>
      </c>
      <c r="K399" s="61">
        <v>-5.65</v>
      </c>
    </row>
    <row r="400" spans="1:11" ht="18.75" hidden="1" customHeight="1" thickBot="1">
      <c r="A400" s="59" t="s">
        <v>448</v>
      </c>
      <c r="B400" s="59" t="s">
        <v>28</v>
      </c>
      <c r="C400" s="59" t="s">
        <v>28</v>
      </c>
      <c r="D400" s="59" t="s">
        <v>368</v>
      </c>
      <c r="E400" s="59" t="s">
        <v>378</v>
      </c>
      <c r="F400" s="59" t="s">
        <v>449</v>
      </c>
      <c r="G400" s="59" t="s">
        <v>450</v>
      </c>
      <c r="H400" s="60">
        <v>10</v>
      </c>
      <c r="I400" s="60">
        <v>150</v>
      </c>
      <c r="J400" s="61">
        <v>0</v>
      </c>
      <c r="K400" s="61">
        <v>-1.28</v>
      </c>
    </row>
    <row r="401" spans="1:11" ht="18.75" hidden="1" customHeight="1" thickBot="1">
      <c r="A401" s="59" t="s">
        <v>448</v>
      </c>
      <c r="B401" s="59" t="s">
        <v>28</v>
      </c>
      <c r="C401" s="59" t="s">
        <v>28</v>
      </c>
      <c r="D401" s="59" t="s">
        <v>368</v>
      </c>
      <c r="E401" s="59" t="s">
        <v>378</v>
      </c>
      <c r="F401" s="59" t="s">
        <v>449</v>
      </c>
      <c r="G401" s="59" t="s">
        <v>450</v>
      </c>
      <c r="H401" s="60">
        <v>20</v>
      </c>
      <c r="I401" s="60">
        <v>15</v>
      </c>
      <c r="J401" s="61">
        <v>0</v>
      </c>
      <c r="K401" s="61">
        <v>-15.5</v>
      </c>
    </row>
    <row r="402" spans="1:11" ht="18.75" hidden="1" customHeight="1" thickBot="1">
      <c r="A402" s="59" t="s">
        <v>448</v>
      </c>
      <c r="B402" s="59" t="s">
        <v>28</v>
      </c>
      <c r="C402" s="59" t="s">
        <v>28</v>
      </c>
      <c r="D402" s="59" t="s">
        <v>368</v>
      </c>
      <c r="E402" s="59" t="s">
        <v>378</v>
      </c>
      <c r="F402" s="59" t="s">
        <v>449</v>
      </c>
      <c r="G402" s="59" t="s">
        <v>450</v>
      </c>
      <c r="H402" s="60">
        <v>20</v>
      </c>
      <c r="I402" s="60">
        <v>22</v>
      </c>
      <c r="J402" s="61">
        <v>0</v>
      </c>
      <c r="K402" s="61">
        <v>-14.66</v>
      </c>
    </row>
    <row r="403" spans="1:11" ht="18.75" hidden="1" customHeight="1" thickBot="1">
      <c r="A403" s="59" t="s">
        <v>448</v>
      </c>
      <c r="B403" s="59" t="s">
        <v>28</v>
      </c>
      <c r="C403" s="59" t="s">
        <v>28</v>
      </c>
      <c r="D403" s="59" t="s">
        <v>368</v>
      </c>
      <c r="E403" s="59" t="s">
        <v>378</v>
      </c>
      <c r="F403" s="59" t="s">
        <v>449</v>
      </c>
      <c r="G403" s="59" t="s">
        <v>450</v>
      </c>
      <c r="H403" s="60">
        <v>20</v>
      </c>
      <c r="I403" s="60">
        <v>93</v>
      </c>
      <c r="J403" s="61">
        <v>0</v>
      </c>
      <c r="K403" s="61">
        <v>-0.82</v>
      </c>
    </row>
    <row r="404" spans="1:11" ht="18.75" hidden="1" customHeight="1" thickBot="1">
      <c r="A404" s="59" t="s">
        <v>448</v>
      </c>
      <c r="B404" s="59" t="s">
        <v>28</v>
      </c>
      <c r="C404" s="59" t="s">
        <v>28</v>
      </c>
      <c r="D404" s="59" t="s">
        <v>368</v>
      </c>
      <c r="E404" s="59" t="s">
        <v>378</v>
      </c>
      <c r="F404" s="59" t="s">
        <v>449</v>
      </c>
      <c r="G404" s="59" t="s">
        <v>450</v>
      </c>
      <c r="H404" s="60">
        <v>20</v>
      </c>
      <c r="I404" s="60">
        <v>94</v>
      </c>
      <c r="J404" s="61">
        <v>0</v>
      </c>
      <c r="K404" s="61">
        <v>-4.8099999999999996</v>
      </c>
    </row>
    <row r="405" spans="1:11" ht="18.75" hidden="1" customHeight="1" thickBot="1">
      <c r="A405" s="59" t="s">
        <v>448</v>
      </c>
      <c r="B405" s="59" t="s">
        <v>28</v>
      </c>
      <c r="C405" s="59" t="s">
        <v>28</v>
      </c>
      <c r="D405" s="59" t="s">
        <v>368</v>
      </c>
      <c r="E405" s="59" t="s">
        <v>378</v>
      </c>
      <c r="F405" s="59" t="s">
        <v>449</v>
      </c>
      <c r="G405" s="59" t="s">
        <v>450</v>
      </c>
      <c r="H405" s="60">
        <v>20</v>
      </c>
      <c r="I405" s="60">
        <v>109</v>
      </c>
      <c r="J405" s="61">
        <v>0</v>
      </c>
      <c r="K405" s="61">
        <v>-3.14</v>
      </c>
    </row>
    <row r="406" spans="1:11" ht="18.75" hidden="1" customHeight="1" thickBot="1">
      <c r="A406" s="59" t="s">
        <v>448</v>
      </c>
      <c r="B406" s="59" t="s">
        <v>28</v>
      </c>
      <c r="C406" s="59" t="s">
        <v>28</v>
      </c>
      <c r="D406" s="59" t="s">
        <v>368</v>
      </c>
      <c r="E406" s="59" t="s">
        <v>378</v>
      </c>
      <c r="F406" s="59" t="s">
        <v>449</v>
      </c>
      <c r="G406" s="59" t="s">
        <v>450</v>
      </c>
      <c r="H406" s="60">
        <v>20</v>
      </c>
      <c r="I406" s="60">
        <v>111</v>
      </c>
      <c r="J406" s="61">
        <v>0</v>
      </c>
      <c r="K406" s="61">
        <v>-3.9</v>
      </c>
    </row>
    <row r="407" spans="1:11" ht="18.75" hidden="1" customHeight="1" thickBot="1">
      <c r="A407" s="59" t="s">
        <v>448</v>
      </c>
      <c r="B407" s="59" t="s">
        <v>28</v>
      </c>
      <c r="C407" s="59" t="s">
        <v>28</v>
      </c>
      <c r="D407" s="59" t="s">
        <v>368</v>
      </c>
      <c r="E407" s="59" t="s">
        <v>378</v>
      </c>
      <c r="F407" s="59" t="s">
        <v>449</v>
      </c>
      <c r="G407" s="59" t="s">
        <v>450</v>
      </c>
      <c r="H407" s="60">
        <v>20</v>
      </c>
      <c r="I407" s="60">
        <v>113</v>
      </c>
      <c r="J407" s="61">
        <v>0</v>
      </c>
      <c r="K407" s="61">
        <v>-1.44</v>
      </c>
    </row>
    <row r="408" spans="1:11" ht="18.75" hidden="1" customHeight="1" thickBot="1">
      <c r="A408" s="59" t="s">
        <v>448</v>
      </c>
      <c r="B408" s="59" t="s">
        <v>28</v>
      </c>
      <c r="C408" s="59" t="s">
        <v>28</v>
      </c>
      <c r="D408" s="59" t="s">
        <v>368</v>
      </c>
      <c r="E408" s="59" t="s">
        <v>378</v>
      </c>
      <c r="F408" s="59" t="s">
        <v>449</v>
      </c>
      <c r="G408" s="59" t="s">
        <v>450</v>
      </c>
      <c r="H408" s="60">
        <v>20</v>
      </c>
      <c r="I408" s="60">
        <v>150</v>
      </c>
      <c r="J408" s="61">
        <v>0</v>
      </c>
      <c r="K408" s="61">
        <v>-2.02</v>
      </c>
    </row>
    <row r="409" spans="1:11" ht="18.75" hidden="1" customHeight="1" thickBot="1">
      <c r="A409" s="59" t="s">
        <v>448</v>
      </c>
      <c r="B409" s="59" t="s">
        <v>28</v>
      </c>
      <c r="C409" s="59" t="s">
        <v>28</v>
      </c>
      <c r="D409" s="59" t="s">
        <v>368</v>
      </c>
      <c r="E409" s="59" t="s">
        <v>378</v>
      </c>
      <c r="F409" s="59" t="s">
        <v>449</v>
      </c>
      <c r="G409" s="59" t="s">
        <v>450</v>
      </c>
      <c r="H409" s="60">
        <v>211</v>
      </c>
      <c r="I409" s="60">
        <v>93</v>
      </c>
      <c r="J409" s="61">
        <v>0</v>
      </c>
      <c r="K409" s="61">
        <v>-2.35</v>
      </c>
    </row>
    <row r="410" spans="1:11" ht="18.75" hidden="1" customHeight="1" thickBot="1">
      <c r="A410" s="59" t="s">
        <v>448</v>
      </c>
      <c r="B410" s="59" t="s">
        <v>28</v>
      </c>
      <c r="C410" s="59" t="s">
        <v>28</v>
      </c>
      <c r="D410" s="59" t="s">
        <v>368</v>
      </c>
      <c r="E410" s="59" t="s">
        <v>378</v>
      </c>
      <c r="F410" s="59" t="s">
        <v>449</v>
      </c>
      <c r="G410" s="59" t="s">
        <v>450</v>
      </c>
      <c r="H410" s="60">
        <v>211</v>
      </c>
      <c r="I410" s="60">
        <v>94</v>
      </c>
      <c r="J410" s="61">
        <v>0</v>
      </c>
      <c r="K410" s="61">
        <v>-21.13</v>
      </c>
    </row>
    <row r="411" spans="1:11" ht="18.75" hidden="1" customHeight="1" thickBot="1">
      <c r="A411" s="59" t="s">
        <v>448</v>
      </c>
      <c r="B411" s="59" t="s">
        <v>28</v>
      </c>
      <c r="C411" s="59" t="s">
        <v>28</v>
      </c>
      <c r="D411" s="59" t="s">
        <v>368</v>
      </c>
      <c r="E411" s="59" t="s">
        <v>378</v>
      </c>
      <c r="F411" s="59" t="s">
        <v>449</v>
      </c>
      <c r="G411" s="59" t="s">
        <v>450</v>
      </c>
      <c r="H411" s="60">
        <v>211</v>
      </c>
      <c r="I411" s="60">
        <v>95</v>
      </c>
      <c r="J411" s="61">
        <v>0</v>
      </c>
      <c r="K411" s="61">
        <v>-2.5</v>
      </c>
    </row>
    <row r="412" spans="1:11" ht="18.75" hidden="1" customHeight="1" thickBot="1">
      <c r="A412" s="59" t="s">
        <v>448</v>
      </c>
      <c r="B412" s="59" t="s">
        <v>28</v>
      </c>
      <c r="C412" s="59" t="s">
        <v>28</v>
      </c>
      <c r="D412" s="59" t="s">
        <v>368</v>
      </c>
      <c r="E412" s="59" t="s">
        <v>378</v>
      </c>
      <c r="F412" s="59" t="s">
        <v>449</v>
      </c>
      <c r="G412" s="59" t="s">
        <v>450</v>
      </c>
      <c r="H412" s="60">
        <v>211</v>
      </c>
      <c r="I412" s="60">
        <v>97</v>
      </c>
      <c r="J412" s="61">
        <v>0</v>
      </c>
      <c r="K412" s="61">
        <v>-7.99</v>
      </c>
    </row>
    <row r="413" spans="1:11" ht="18.75" hidden="1" customHeight="1" thickBot="1">
      <c r="A413" s="59" t="s">
        <v>448</v>
      </c>
      <c r="B413" s="59" t="s">
        <v>28</v>
      </c>
      <c r="C413" s="59" t="s">
        <v>28</v>
      </c>
      <c r="D413" s="59" t="s">
        <v>368</v>
      </c>
      <c r="E413" s="59" t="s">
        <v>378</v>
      </c>
      <c r="F413" s="59" t="s">
        <v>449</v>
      </c>
      <c r="G413" s="59" t="s">
        <v>450</v>
      </c>
      <c r="H413" s="60">
        <v>211</v>
      </c>
      <c r="I413" s="60">
        <v>98</v>
      </c>
      <c r="J413" s="61">
        <v>0</v>
      </c>
      <c r="K413" s="61">
        <v>-3.21</v>
      </c>
    </row>
    <row r="414" spans="1:11" ht="18.75" hidden="1" customHeight="1" thickBot="1">
      <c r="A414" s="59" t="s">
        <v>448</v>
      </c>
      <c r="B414" s="59" t="s">
        <v>28</v>
      </c>
      <c r="C414" s="59" t="s">
        <v>28</v>
      </c>
      <c r="D414" s="59" t="s">
        <v>368</v>
      </c>
      <c r="E414" s="59" t="s">
        <v>378</v>
      </c>
      <c r="F414" s="59" t="s">
        <v>449</v>
      </c>
      <c r="G414" s="59" t="s">
        <v>450</v>
      </c>
      <c r="H414" s="60">
        <v>211</v>
      </c>
      <c r="I414" s="60">
        <v>107</v>
      </c>
      <c r="J414" s="61">
        <v>0</v>
      </c>
      <c r="K414" s="61">
        <v>-20.52</v>
      </c>
    </row>
    <row r="415" spans="1:11" ht="18.75" hidden="1" customHeight="1" thickBot="1">
      <c r="A415" s="59" t="s">
        <v>448</v>
      </c>
      <c r="B415" s="59" t="s">
        <v>28</v>
      </c>
      <c r="C415" s="59" t="s">
        <v>28</v>
      </c>
      <c r="D415" s="59" t="s">
        <v>368</v>
      </c>
      <c r="E415" s="59" t="s">
        <v>378</v>
      </c>
      <c r="F415" s="59" t="s">
        <v>449</v>
      </c>
      <c r="G415" s="59" t="s">
        <v>450</v>
      </c>
      <c r="H415" s="60">
        <v>211</v>
      </c>
      <c r="I415" s="60">
        <v>109</v>
      </c>
      <c r="J415" s="61">
        <v>0</v>
      </c>
      <c r="K415" s="61">
        <v>-46.94</v>
      </c>
    </row>
    <row r="416" spans="1:11" ht="18.75" hidden="1" customHeight="1" thickBot="1">
      <c r="A416" s="59" t="s">
        <v>448</v>
      </c>
      <c r="B416" s="59" t="s">
        <v>28</v>
      </c>
      <c r="C416" s="59" t="s">
        <v>28</v>
      </c>
      <c r="D416" s="59" t="s">
        <v>368</v>
      </c>
      <c r="E416" s="59" t="s">
        <v>378</v>
      </c>
      <c r="F416" s="59" t="s">
        <v>449</v>
      </c>
      <c r="G416" s="59" t="s">
        <v>450</v>
      </c>
      <c r="H416" s="60">
        <v>211</v>
      </c>
      <c r="I416" s="60">
        <v>111</v>
      </c>
      <c r="J416" s="61">
        <v>0</v>
      </c>
      <c r="K416" s="61">
        <v>-37.18</v>
      </c>
    </row>
    <row r="417" spans="1:11" ht="18.75" hidden="1" customHeight="1" thickBot="1">
      <c r="A417" s="59" t="s">
        <v>448</v>
      </c>
      <c r="B417" s="59" t="s">
        <v>28</v>
      </c>
      <c r="C417" s="59" t="s">
        <v>28</v>
      </c>
      <c r="D417" s="59" t="s">
        <v>368</v>
      </c>
      <c r="E417" s="59" t="s">
        <v>378</v>
      </c>
      <c r="F417" s="59" t="s">
        <v>449</v>
      </c>
      <c r="G417" s="59" t="s">
        <v>450</v>
      </c>
      <c r="H417" s="60">
        <v>211</v>
      </c>
      <c r="I417" s="60">
        <v>113</v>
      </c>
      <c r="J417" s="61">
        <v>0</v>
      </c>
      <c r="K417" s="61">
        <v>-32.369999999999997</v>
      </c>
    </row>
    <row r="418" spans="1:11" ht="18.75" hidden="1" customHeight="1" thickBot="1">
      <c r="A418" s="59" t="s">
        <v>448</v>
      </c>
      <c r="B418" s="59" t="s">
        <v>28</v>
      </c>
      <c r="C418" s="59" t="s">
        <v>28</v>
      </c>
      <c r="D418" s="59" t="s">
        <v>368</v>
      </c>
      <c r="E418" s="59" t="s">
        <v>378</v>
      </c>
      <c r="F418" s="59" t="s">
        <v>449</v>
      </c>
      <c r="G418" s="59" t="s">
        <v>450</v>
      </c>
      <c r="H418" s="60">
        <v>211</v>
      </c>
      <c r="I418" s="60">
        <v>116</v>
      </c>
      <c r="J418" s="61">
        <v>0</v>
      </c>
      <c r="K418" s="61">
        <v>-3.32</v>
      </c>
    </row>
    <row r="419" spans="1:11" ht="18.75" hidden="1" customHeight="1" thickBot="1">
      <c r="A419" s="59" t="s">
        <v>448</v>
      </c>
      <c r="B419" s="59" t="s">
        <v>28</v>
      </c>
      <c r="C419" s="59" t="s">
        <v>28</v>
      </c>
      <c r="D419" s="59" t="s">
        <v>368</v>
      </c>
      <c r="E419" s="59" t="s">
        <v>378</v>
      </c>
      <c r="F419" s="59" t="s">
        <v>449</v>
      </c>
      <c r="G419" s="59" t="s">
        <v>450</v>
      </c>
      <c r="H419" s="60">
        <v>211</v>
      </c>
      <c r="I419" s="60">
        <v>150</v>
      </c>
      <c r="J419" s="61">
        <v>0</v>
      </c>
      <c r="K419" s="61">
        <v>-0.93</v>
      </c>
    </row>
    <row r="420" spans="1:11" ht="18.75" hidden="1" customHeight="1" thickBot="1">
      <c r="A420" s="59" t="s">
        <v>448</v>
      </c>
      <c r="B420" s="59" t="s">
        <v>28</v>
      </c>
      <c r="C420" s="59" t="s">
        <v>28</v>
      </c>
      <c r="D420" s="59" t="s">
        <v>368</v>
      </c>
      <c r="E420" s="59" t="s">
        <v>378</v>
      </c>
      <c r="F420" s="59" t="s">
        <v>449</v>
      </c>
      <c r="G420" s="59" t="s">
        <v>450</v>
      </c>
      <c r="H420" s="60">
        <v>211</v>
      </c>
      <c r="I420" s="60">
        <v>211</v>
      </c>
      <c r="J420" s="61">
        <v>0</v>
      </c>
      <c r="K420" s="61">
        <v>-3607.34</v>
      </c>
    </row>
    <row r="421" spans="1:11" ht="18.75" hidden="1" customHeight="1" thickBot="1">
      <c r="A421" s="59" t="s">
        <v>448</v>
      </c>
      <c r="B421" s="59" t="s">
        <v>28</v>
      </c>
      <c r="C421" s="59" t="s">
        <v>28</v>
      </c>
      <c r="D421" s="59" t="s">
        <v>368</v>
      </c>
      <c r="E421" s="59" t="s">
        <v>378</v>
      </c>
      <c r="F421" s="59" t="s">
        <v>449</v>
      </c>
      <c r="G421" s="59" t="s">
        <v>450</v>
      </c>
      <c r="H421" s="60">
        <v>211</v>
      </c>
      <c r="I421" s="60">
        <v>213</v>
      </c>
      <c r="J421" s="61">
        <v>0</v>
      </c>
      <c r="K421" s="61">
        <v>-1.43</v>
      </c>
    </row>
    <row r="422" spans="1:11" ht="18.75" hidden="1" customHeight="1" thickBot="1">
      <c r="A422" s="59" t="s">
        <v>448</v>
      </c>
      <c r="B422" s="59" t="s">
        <v>28</v>
      </c>
      <c r="C422" s="59" t="s">
        <v>28</v>
      </c>
      <c r="D422" s="59" t="s">
        <v>368</v>
      </c>
      <c r="E422" s="59" t="s">
        <v>378</v>
      </c>
      <c r="F422" s="59" t="s">
        <v>449</v>
      </c>
      <c r="G422" s="59" t="s">
        <v>450</v>
      </c>
      <c r="H422" s="60">
        <v>211</v>
      </c>
      <c r="I422" s="60">
        <v>214</v>
      </c>
      <c r="J422" s="61">
        <v>0</v>
      </c>
      <c r="K422" s="61">
        <v>-5.78</v>
      </c>
    </row>
    <row r="423" spans="1:11" ht="18.75" hidden="1" customHeight="1" thickBot="1">
      <c r="A423" s="59" t="s">
        <v>448</v>
      </c>
      <c r="B423" s="59" t="s">
        <v>28</v>
      </c>
      <c r="C423" s="59" t="s">
        <v>28</v>
      </c>
      <c r="D423" s="59" t="s">
        <v>368</v>
      </c>
      <c r="E423" s="59" t="s">
        <v>378</v>
      </c>
      <c r="F423" s="59" t="s">
        <v>449</v>
      </c>
      <c r="G423" s="59" t="s">
        <v>450</v>
      </c>
      <c r="H423" s="60">
        <v>211</v>
      </c>
      <c r="I423" s="60">
        <v>215</v>
      </c>
      <c r="J423" s="61">
        <v>0</v>
      </c>
      <c r="K423" s="61">
        <v>-5285.75</v>
      </c>
    </row>
    <row r="424" spans="1:11" ht="18.75" hidden="1" customHeight="1" thickBot="1">
      <c r="A424" s="59" t="s">
        <v>448</v>
      </c>
      <c r="B424" s="59" t="s">
        <v>28</v>
      </c>
      <c r="C424" s="59" t="s">
        <v>28</v>
      </c>
      <c r="D424" s="59" t="s">
        <v>368</v>
      </c>
      <c r="E424" s="59" t="s">
        <v>378</v>
      </c>
      <c r="F424" s="59" t="s">
        <v>449</v>
      </c>
      <c r="G424" s="59" t="s">
        <v>450</v>
      </c>
      <c r="H424" s="60">
        <v>211</v>
      </c>
      <c r="I424" s="60">
        <v>217</v>
      </c>
      <c r="J424" s="61">
        <v>0</v>
      </c>
      <c r="K424" s="61">
        <v>-66.44</v>
      </c>
    </row>
    <row r="425" spans="1:11" ht="18.75" hidden="1" customHeight="1" thickBot="1">
      <c r="A425" s="59" t="s">
        <v>448</v>
      </c>
      <c r="B425" s="59" t="s">
        <v>28</v>
      </c>
      <c r="C425" s="59" t="s">
        <v>28</v>
      </c>
      <c r="D425" s="59" t="s">
        <v>368</v>
      </c>
      <c r="E425" s="59" t="s">
        <v>378</v>
      </c>
      <c r="F425" s="59" t="s">
        <v>449</v>
      </c>
      <c r="G425" s="59" t="s">
        <v>450</v>
      </c>
      <c r="H425" s="60">
        <v>211</v>
      </c>
      <c r="I425" s="60">
        <v>223</v>
      </c>
      <c r="J425" s="61">
        <v>0</v>
      </c>
      <c r="K425" s="61">
        <v>-1.73</v>
      </c>
    </row>
    <row r="426" spans="1:11" ht="18.75" hidden="1" customHeight="1" thickBot="1">
      <c r="A426" s="59" t="s">
        <v>448</v>
      </c>
      <c r="B426" s="59" t="s">
        <v>28</v>
      </c>
      <c r="C426" s="59" t="s">
        <v>28</v>
      </c>
      <c r="D426" s="59" t="s">
        <v>368</v>
      </c>
      <c r="E426" s="59" t="s">
        <v>378</v>
      </c>
      <c r="F426" s="59" t="s">
        <v>449</v>
      </c>
      <c r="G426" s="59" t="s">
        <v>450</v>
      </c>
      <c r="H426" s="60">
        <v>211</v>
      </c>
      <c r="I426" s="60">
        <v>229</v>
      </c>
      <c r="J426" s="61">
        <v>0</v>
      </c>
      <c r="K426" s="61">
        <v>-1.71</v>
      </c>
    </row>
    <row r="427" spans="1:11" ht="18.75" hidden="1" customHeight="1" thickBot="1">
      <c r="A427" s="59" t="s">
        <v>448</v>
      </c>
      <c r="B427" s="59" t="s">
        <v>28</v>
      </c>
      <c r="C427" s="59" t="s">
        <v>28</v>
      </c>
      <c r="D427" s="59" t="s">
        <v>368</v>
      </c>
      <c r="E427" s="59" t="s">
        <v>378</v>
      </c>
      <c r="F427" s="59" t="s">
        <v>449</v>
      </c>
      <c r="G427" s="59" t="s">
        <v>450</v>
      </c>
      <c r="H427" s="60">
        <v>211</v>
      </c>
      <c r="I427" s="60">
        <v>240</v>
      </c>
      <c r="J427" s="61">
        <v>0</v>
      </c>
      <c r="K427" s="61">
        <v>-5101.54</v>
      </c>
    </row>
    <row r="428" spans="1:11" ht="18.75" hidden="1" customHeight="1" thickBot="1">
      <c r="A428" s="59" t="s">
        <v>448</v>
      </c>
      <c r="B428" s="59" t="s">
        <v>28</v>
      </c>
      <c r="C428" s="59" t="s">
        <v>28</v>
      </c>
      <c r="D428" s="59" t="s">
        <v>368</v>
      </c>
      <c r="E428" s="59" t="s">
        <v>378</v>
      </c>
      <c r="F428" s="59" t="s">
        <v>449</v>
      </c>
      <c r="G428" s="59" t="s">
        <v>450</v>
      </c>
      <c r="H428" s="60">
        <v>211</v>
      </c>
      <c r="I428" s="60">
        <v>248</v>
      </c>
      <c r="J428" s="61">
        <v>0</v>
      </c>
      <c r="K428" s="61">
        <v>-2889.85</v>
      </c>
    </row>
    <row r="429" spans="1:11" ht="18.75" hidden="1" customHeight="1" thickBot="1">
      <c r="A429" s="59" t="s">
        <v>448</v>
      </c>
      <c r="B429" s="59" t="s">
        <v>28</v>
      </c>
      <c r="C429" s="59" t="s">
        <v>28</v>
      </c>
      <c r="D429" s="59" t="s">
        <v>368</v>
      </c>
      <c r="E429" s="59" t="s">
        <v>378</v>
      </c>
      <c r="F429" s="59" t="s">
        <v>449</v>
      </c>
      <c r="G429" s="59" t="s">
        <v>450</v>
      </c>
      <c r="H429" s="60">
        <v>211</v>
      </c>
      <c r="I429" s="60">
        <v>356</v>
      </c>
      <c r="J429" s="61">
        <v>0</v>
      </c>
      <c r="K429" s="61">
        <v>-2038.26</v>
      </c>
    </row>
    <row r="430" spans="1:11" ht="18.75" hidden="1" customHeight="1" thickBot="1">
      <c r="A430" s="59" t="s">
        <v>448</v>
      </c>
      <c r="B430" s="59" t="s">
        <v>28</v>
      </c>
      <c r="C430" s="59" t="s">
        <v>28</v>
      </c>
      <c r="D430" s="59" t="s">
        <v>368</v>
      </c>
      <c r="E430" s="59" t="s">
        <v>378</v>
      </c>
      <c r="F430" s="59" t="s">
        <v>449</v>
      </c>
      <c r="G430" s="59" t="s">
        <v>450</v>
      </c>
      <c r="H430" s="60">
        <v>211</v>
      </c>
      <c r="I430" s="60">
        <v>359</v>
      </c>
      <c r="J430" s="61">
        <v>0</v>
      </c>
      <c r="K430" s="61">
        <v>-3248.86</v>
      </c>
    </row>
    <row r="431" spans="1:11" ht="18.75" hidden="1" customHeight="1" thickBot="1">
      <c r="A431" s="59" t="s">
        <v>448</v>
      </c>
      <c r="B431" s="59" t="s">
        <v>28</v>
      </c>
      <c r="C431" s="59" t="s">
        <v>28</v>
      </c>
      <c r="D431" s="59" t="s">
        <v>368</v>
      </c>
      <c r="E431" s="59" t="s">
        <v>378</v>
      </c>
      <c r="F431" s="59" t="s">
        <v>449</v>
      </c>
      <c r="G431" s="59" t="s">
        <v>450</v>
      </c>
      <c r="H431" s="60">
        <v>212</v>
      </c>
      <c r="I431" s="60">
        <v>94</v>
      </c>
      <c r="J431" s="61">
        <v>0</v>
      </c>
      <c r="K431" s="61">
        <v>-1.92</v>
      </c>
    </row>
    <row r="432" spans="1:11" ht="18.75" hidden="1" customHeight="1" thickBot="1">
      <c r="A432" s="59" t="s">
        <v>448</v>
      </c>
      <c r="B432" s="59" t="s">
        <v>28</v>
      </c>
      <c r="C432" s="59" t="s">
        <v>28</v>
      </c>
      <c r="D432" s="59" t="s">
        <v>368</v>
      </c>
      <c r="E432" s="59" t="s">
        <v>378</v>
      </c>
      <c r="F432" s="59" t="s">
        <v>449</v>
      </c>
      <c r="G432" s="59" t="s">
        <v>450</v>
      </c>
      <c r="H432" s="60">
        <v>212</v>
      </c>
      <c r="I432" s="60">
        <v>97</v>
      </c>
      <c r="J432" s="61">
        <v>0</v>
      </c>
      <c r="K432" s="61">
        <v>-1.9</v>
      </c>
    </row>
    <row r="433" spans="1:11" ht="18.75" hidden="1" customHeight="1" thickBot="1">
      <c r="A433" s="59" t="s">
        <v>448</v>
      </c>
      <c r="B433" s="59" t="s">
        <v>28</v>
      </c>
      <c r="C433" s="59" t="s">
        <v>28</v>
      </c>
      <c r="D433" s="59" t="s">
        <v>368</v>
      </c>
      <c r="E433" s="59" t="s">
        <v>378</v>
      </c>
      <c r="F433" s="59" t="s">
        <v>449</v>
      </c>
      <c r="G433" s="59" t="s">
        <v>450</v>
      </c>
      <c r="H433" s="60">
        <v>212</v>
      </c>
      <c r="I433" s="60">
        <v>107</v>
      </c>
      <c r="J433" s="61">
        <v>0</v>
      </c>
      <c r="K433" s="61">
        <v>-2.02</v>
      </c>
    </row>
    <row r="434" spans="1:11" ht="18.75" hidden="1" customHeight="1" thickBot="1">
      <c r="A434" s="59" t="s">
        <v>448</v>
      </c>
      <c r="B434" s="59" t="s">
        <v>28</v>
      </c>
      <c r="C434" s="59" t="s">
        <v>28</v>
      </c>
      <c r="D434" s="59" t="s">
        <v>368</v>
      </c>
      <c r="E434" s="59" t="s">
        <v>378</v>
      </c>
      <c r="F434" s="59" t="s">
        <v>449</v>
      </c>
      <c r="G434" s="59" t="s">
        <v>450</v>
      </c>
      <c r="H434" s="60">
        <v>212</v>
      </c>
      <c r="I434" s="60">
        <v>109</v>
      </c>
      <c r="J434" s="61">
        <v>0</v>
      </c>
      <c r="K434" s="61">
        <v>-49.17</v>
      </c>
    </row>
    <row r="435" spans="1:11" ht="18.75" hidden="1" customHeight="1" thickBot="1">
      <c r="A435" s="59" t="s">
        <v>448</v>
      </c>
      <c r="B435" s="59" t="s">
        <v>28</v>
      </c>
      <c r="C435" s="59" t="s">
        <v>28</v>
      </c>
      <c r="D435" s="59" t="s">
        <v>368</v>
      </c>
      <c r="E435" s="59" t="s">
        <v>378</v>
      </c>
      <c r="F435" s="59" t="s">
        <v>449</v>
      </c>
      <c r="G435" s="59" t="s">
        <v>450</v>
      </c>
      <c r="H435" s="60">
        <v>212</v>
      </c>
      <c r="I435" s="60">
        <v>113</v>
      </c>
      <c r="J435" s="61">
        <v>0</v>
      </c>
      <c r="K435" s="61">
        <v>-7.21</v>
      </c>
    </row>
    <row r="436" spans="1:11" ht="18.75" hidden="1" customHeight="1" thickBot="1">
      <c r="A436" s="59" t="s">
        <v>448</v>
      </c>
      <c r="B436" s="59" t="s">
        <v>28</v>
      </c>
      <c r="C436" s="59" t="s">
        <v>28</v>
      </c>
      <c r="D436" s="59" t="s">
        <v>368</v>
      </c>
      <c r="E436" s="59" t="s">
        <v>378</v>
      </c>
      <c r="F436" s="59" t="s">
        <v>449</v>
      </c>
      <c r="G436" s="59" t="s">
        <v>450</v>
      </c>
      <c r="H436" s="60">
        <v>212</v>
      </c>
      <c r="I436" s="60">
        <v>116</v>
      </c>
      <c r="J436" s="61">
        <v>0</v>
      </c>
      <c r="K436" s="61">
        <v>-12.53</v>
      </c>
    </row>
    <row r="437" spans="1:11" ht="18.75" hidden="1" customHeight="1" thickBot="1">
      <c r="A437" s="59" t="s">
        <v>448</v>
      </c>
      <c r="B437" s="59" t="s">
        <v>28</v>
      </c>
      <c r="C437" s="59" t="s">
        <v>28</v>
      </c>
      <c r="D437" s="59" t="s">
        <v>368</v>
      </c>
      <c r="E437" s="59" t="s">
        <v>378</v>
      </c>
      <c r="F437" s="59" t="s">
        <v>449</v>
      </c>
      <c r="G437" s="59" t="s">
        <v>450</v>
      </c>
      <c r="H437" s="60">
        <v>212</v>
      </c>
      <c r="I437" s="60">
        <v>211</v>
      </c>
      <c r="J437" s="61">
        <v>0</v>
      </c>
      <c r="K437" s="61">
        <v>-500.56</v>
      </c>
    </row>
    <row r="438" spans="1:11" ht="18.75" hidden="1" customHeight="1" thickBot="1">
      <c r="A438" s="59" t="s">
        <v>448</v>
      </c>
      <c r="B438" s="59" t="s">
        <v>28</v>
      </c>
      <c r="C438" s="59" t="s">
        <v>28</v>
      </c>
      <c r="D438" s="59" t="s">
        <v>368</v>
      </c>
      <c r="E438" s="59" t="s">
        <v>378</v>
      </c>
      <c r="F438" s="59" t="s">
        <v>449</v>
      </c>
      <c r="G438" s="59" t="s">
        <v>450</v>
      </c>
      <c r="H438" s="60">
        <v>212</v>
      </c>
      <c r="I438" s="60">
        <v>215</v>
      </c>
      <c r="J438" s="61">
        <v>0</v>
      </c>
      <c r="K438" s="61">
        <v>-4521.7299999999996</v>
      </c>
    </row>
    <row r="439" spans="1:11" ht="18.75" hidden="1" customHeight="1" thickBot="1">
      <c r="A439" s="59" t="s">
        <v>448</v>
      </c>
      <c r="B439" s="59" t="s">
        <v>28</v>
      </c>
      <c r="C439" s="59" t="s">
        <v>28</v>
      </c>
      <c r="D439" s="59" t="s">
        <v>368</v>
      </c>
      <c r="E439" s="59" t="s">
        <v>378</v>
      </c>
      <c r="F439" s="59" t="s">
        <v>449</v>
      </c>
      <c r="G439" s="59" t="s">
        <v>450</v>
      </c>
      <c r="H439" s="60">
        <v>212</v>
      </c>
      <c r="I439" s="60">
        <v>223</v>
      </c>
      <c r="J439" s="61">
        <v>0</v>
      </c>
      <c r="K439" s="61">
        <v>-28.22</v>
      </c>
    </row>
    <row r="440" spans="1:11" ht="18.75" hidden="1" customHeight="1" thickBot="1">
      <c r="A440" s="59" t="s">
        <v>448</v>
      </c>
      <c r="B440" s="59" t="s">
        <v>28</v>
      </c>
      <c r="C440" s="59" t="s">
        <v>28</v>
      </c>
      <c r="D440" s="59" t="s">
        <v>368</v>
      </c>
      <c r="E440" s="59" t="s">
        <v>378</v>
      </c>
      <c r="F440" s="59" t="s">
        <v>449</v>
      </c>
      <c r="G440" s="59" t="s">
        <v>450</v>
      </c>
      <c r="H440" s="60">
        <v>212</v>
      </c>
      <c r="I440" s="60">
        <v>229</v>
      </c>
      <c r="J440" s="61">
        <v>0</v>
      </c>
      <c r="K440" s="61">
        <v>-12.34</v>
      </c>
    </row>
    <row r="441" spans="1:11" ht="18.75" hidden="1" customHeight="1" thickBot="1">
      <c r="A441" s="59" t="s">
        <v>448</v>
      </c>
      <c r="B441" s="59" t="s">
        <v>28</v>
      </c>
      <c r="C441" s="59" t="s">
        <v>28</v>
      </c>
      <c r="D441" s="59" t="s">
        <v>368</v>
      </c>
      <c r="E441" s="59" t="s">
        <v>378</v>
      </c>
      <c r="F441" s="59" t="s">
        <v>449</v>
      </c>
      <c r="G441" s="59" t="s">
        <v>450</v>
      </c>
      <c r="H441" s="60">
        <v>212</v>
      </c>
      <c r="I441" s="60">
        <v>240</v>
      </c>
      <c r="J441" s="61">
        <v>0</v>
      </c>
      <c r="K441" s="61">
        <v>-3397.77</v>
      </c>
    </row>
    <row r="442" spans="1:11" ht="18.75" hidden="1" customHeight="1" thickBot="1">
      <c r="A442" s="59" t="s">
        <v>448</v>
      </c>
      <c r="B442" s="59" t="s">
        <v>28</v>
      </c>
      <c r="C442" s="59" t="s">
        <v>28</v>
      </c>
      <c r="D442" s="59" t="s">
        <v>368</v>
      </c>
      <c r="E442" s="59" t="s">
        <v>378</v>
      </c>
      <c r="F442" s="59" t="s">
        <v>449</v>
      </c>
      <c r="G442" s="59" t="s">
        <v>450</v>
      </c>
      <c r="H442" s="60">
        <v>212</v>
      </c>
      <c r="I442" s="60">
        <v>244</v>
      </c>
      <c r="J442" s="61">
        <v>0</v>
      </c>
      <c r="K442" s="61">
        <v>-1255.47</v>
      </c>
    </row>
    <row r="443" spans="1:11" ht="18.75" hidden="1" customHeight="1" thickBot="1">
      <c r="A443" s="59" t="s">
        <v>448</v>
      </c>
      <c r="B443" s="59" t="s">
        <v>28</v>
      </c>
      <c r="C443" s="59" t="s">
        <v>28</v>
      </c>
      <c r="D443" s="59" t="s">
        <v>368</v>
      </c>
      <c r="E443" s="59" t="s">
        <v>378</v>
      </c>
      <c r="F443" s="59" t="s">
        <v>449</v>
      </c>
      <c r="G443" s="59" t="s">
        <v>450</v>
      </c>
      <c r="H443" s="60">
        <v>216</v>
      </c>
      <c r="I443" s="60">
        <v>211</v>
      </c>
      <c r="J443" s="61">
        <v>0</v>
      </c>
      <c r="K443" s="61">
        <v>-16.8</v>
      </c>
    </row>
    <row r="444" spans="1:11" ht="18.75" hidden="1" customHeight="1" thickBot="1">
      <c r="A444" s="59" t="s">
        <v>448</v>
      </c>
      <c r="B444" s="59" t="s">
        <v>28</v>
      </c>
      <c r="C444" s="59" t="s">
        <v>28</v>
      </c>
      <c r="D444" s="59" t="s">
        <v>368</v>
      </c>
      <c r="E444" s="59" t="s">
        <v>378</v>
      </c>
      <c r="F444" s="59" t="s">
        <v>449</v>
      </c>
      <c r="G444" s="59" t="s">
        <v>450</v>
      </c>
      <c r="H444" s="60">
        <v>216</v>
      </c>
      <c r="I444" s="60">
        <v>215</v>
      </c>
      <c r="J444" s="61">
        <v>0</v>
      </c>
      <c r="K444" s="61">
        <v>-141.66999999999999</v>
      </c>
    </row>
    <row r="445" spans="1:11" ht="18.75" hidden="1" customHeight="1" thickBot="1">
      <c r="A445" s="59" t="s">
        <v>448</v>
      </c>
      <c r="B445" s="59" t="s">
        <v>28</v>
      </c>
      <c r="C445" s="59" t="s">
        <v>28</v>
      </c>
      <c r="D445" s="59" t="s">
        <v>368</v>
      </c>
      <c r="E445" s="59" t="s">
        <v>378</v>
      </c>
      <c r="F445" s="59" t="s">
        <v>449</v>
      </c>
      <c r="G445" s="59" t="s">
        <v>450</v>
      </c>
      <c r="H445" s="60">
        <v>216</v>
      </c>
      <c r="I445" s="60">
        <v>358</v>
      </c>
      <c r="J445" s="61">
        <v>0</v>
      </c>
      <c r="K445" s="61">
        <v>-3891.72</v>
      </c>
    </row>
    <row r="446" spans="1:11" ht="18.75" hidden="1" customHeight="1" thickBot="1">
      <c r="A446" s="59" t="s">
        <v>448</v>
      </c>
      <c r="B446" s="59" t="s">
        <v>28</v>
      </c>
      <c r="C446" s="59" t="s">
        <v>28</v>
      </c>
      <c r="D446" s="59" t="s">
        <v>368</v>
      </c>
      <c r="E446" s="59" t="s">
        <v>378</v>
      </c>
      <c r="F446" s="59" t="s">
        <v>449</v>
      </c>
      <c r="G446" s="59" t="s">
        <v>450</v>
      </c>
      <c r="H446" s="60">
        <v>221</v>
      </c>
      <c r="I446" s="60">
        <v>94</v>
      </c>
      <c r="J446" s="61">
        <v>0</v>
      </c>
      <c r="K446" s="61">
        <v>-2.61</v>
      </c>
    </row>
    <row r="447" spans="1:11" ht="18.75" hidden="1" customHeight="1" thickBot="1">
      <c r="A447" s="59" t="s">
        <v>448</v>
      </c>
      <c r="B447" s="59" t="s">
        <v>28</v>
      </c>
      <c r="C447" s="59" t="s">
        <v>28</v>
      </c>
      <c r="D447" s="59" t="s">
        <v>368</v>
      </c>
      <c r="E447" s="59" t="s">
        <v>378</v>
      </c>
      <c r="F447" s="59" t="s">
        <v>449</v>
      </c>
      <c r="G447" s="59" t="s">
        <v>450</v>
      </c>
      <c r="H447" s="60">
        <v>221</v>
      </c>
      <c r="I447" s="60">
        <v>107</v>
      </c>
      <c r="J447" s="61">
        <v>0</v>
      </c>
      <c r="K447" s="61">
        <v>-3.33</v>
      </c>
    </row>
    <row r="448" spans="1:11" ht="18.75" hidden="1" customHeight="1" thickBot="1">
      <c r="A448" s="59" t="s">
        <v>448</v>
      </c>
      <c r="B448" s="59" t="s">
        <v>28</v>
      </c>
      <c r="C448" s="59" t="s">
        <v>28</v>
      </c>
      <c r="D448" s="59" t="s">
        <v>368</v>
      </c>
      <c r="E448" s="59" t="s">
        <v>378</v>
      </c>
      <c r="F448" s="59" t="s">
        <v>449</v>
      </c>
      <c r="G448" s="59" t="s">
        <v>450</v>
      </c>
      <c r="H448" s="60">
        <v>221</v>
      </c>
      <c r="I448" s="60">
        <v>109</v>
      </c>
      <c r="J448" s="61">
        <v>0</v>
      </c>
      <c r="K448" s="61">
        <v>-9.8800000000000008</v>
      </c>
    </row>
    <row r="449" spans="1:11" ht="18.75" hidden="1" customHeight="1" thickBot="1">
      <c r="A449" s="59" t="s">
        <v>448</v>
      </c>
      <c r="B449" s="59" t="s">
        <v>28</v>
      </c>
      <c r="C449" s="59" t="s">
        <v>28</v>
      </c>
      <c r="D449" s="59" t="s">
        <v>368</v>
      </c>
      <c r="E449" s="59" t="s">
        <v>378</v>
      </c>
      <c r="F449" s="59" t="s">
        <v>449</v>
      </c>
      <c r="G449" s="59" t="s">
        <v>450</v>
      </c>
      <c r="H449" s="60">
        <v>221</v>
      </c>
      <c r="I449" s="60">
        <v>211</v>
      </c>
      <c r="J449" s="61">
        <v>0</v>
      </c>
      <c r="K449" s="61">
        <v>-72.319999999999993</v>
      </c>
    </row>
    <row r="450" spans="1:11" ht="18.75" hidden="1" customHeight="1" thickBot="1">
      <c r="A450" s="59" t="s">
        <v>448</v>
      </c>
      <c r="B450" s="59" t="s">
        <v>28</v>
      </c>
      <c r="C450" s="59" t="s">
        <v>28</v>
      </c>
      <c r="D450" s="59" t="s">
        <v>368</v>
      </c>
      <c r="E450" s="59" t="s">
        <v>378</v>
      </c>
      <c r="F450" s="59" t="s">
        <v>449</v>
      </c>
      <c r="G450" s="59" t="s">
        <v>450</v>
      </c>
      <c r="H450" s="60">
        <v>221</v>
      </c>
      <c r="I450" s="60">
        <v>215</v>
      </c>
      <c r="J450" s="61">
        <v>0</v>
      </c>
      <c r="K450" s="61">
        <v>-604.58000000000004</v>
      </c>
    </row>
    <row r="451" spans="1:11" ht="18.75" hidden="1" customHeight="1" thickBot="1">
      <c r="A451" s="59" t="s">
        <v>448</v>
      </c>
      <c r="B451" s="59" t="s">
        <v>28</v>
      </c>
      <c r="C451" s="59" t="s">
        <v>28</v>
      </c>
      <c r="D451" s="59" t="s">
        <v>368</v>
      </c>
      <c r="E451" s="59" t="s">
        <v>378</v>
      </c>
      <c r="F451" s="59" t="s">
        <v>449</v>
      </c>
      <c r="G451" s="59" t="s">
        <v>450</v>
      </c>
      <c r="H451" s="60">
        <v>221</v>
      </c>
      <c r="I451" s="60">
        <v>240</v>
      </c>
      <c r="J451" s="61">
        <v>0</v>
      </c>
      <c r="K451" s="61">
        <v>-1118.9100000000001</v>
      </c>
    </row>
    <row r="452" spans="1:11" ht="18.75" hidden="1" customHeight="1" thickBot="1">
      <c r="A452" s="59" t="s">
        <v>448</v>
      </c>
      <c r="B452" s="59" t="s">
        <v>28</v>
      </c>
      <c r="C452" s="59" t="s">
        <v>28</v>
      </c>
      <c r="D452" s="59" t="s">
        <v>368</v>
      </c>
      <c r="E452" s="59" t="s">
        <v>378</v>
      </c>
      <c r="F452" s="59" t="s">
        <v>449</v>
      </c>
      <c r="G452" s="59" t="s">
        <v>450</v>
      </c>
      <c r="H452" s="60">
        <v>222</v>
      </c>
      <c r="I452" s="60">
        <v>211</v>
      </c>
      <c r="J452" s="61">
        <v>0</v>
      </c>
      <c r="K452" s="61">
        <v>-4.53</v>
      </c>
    </row>
    <row r="453" spans="1:11" ht="18.75" hidden="1" customHeight="1" thickBot="1">
      <c r="A453" s="59" t="s">
        <v>448</v>
      </c>
      <c r="B453" s="59" t="s">
        <v>28</v>
      </c>
      <c r="C453" s="59" t="s">
        <v>28</v>
      </c>
      <c r="D453" s="59" t="s">
        <v>368</v>
      </c>
      <c r="E453" s="59" t="s">
        <v>378</v>
      </c>
      <c r="F453" s="59" t="s">
        <v>449</v>
      </c>
      <c r="G453" s="59" t="s">
        <v>450</v>
      </c>
      <c r="H453" s="60">
        <v>222</v>
      </c>
      <c r="I453" s="60">
        <v>215</v>
      </c>
      <c r="J453" s="61">
        <v>0</v>
      </c>
      <c r="K453" s="61">
        <v>-80.83</v>
      </c>
    </row>
    <row r="454" spans="1:11" ht="18.75" hidden="1" customHeight="1" thickBot="1">
      <c r="A454" s="59" t="s">
        <v>448</v>
      </c>
      <c r="B454" s="59" t="s">
        <v>28</v>
      </c>
      <c r="C454" s="59" t="s">
        <v>28</v>
      </c>
      <c r="D454" s="59" t="s">
        <v>368</v>
      </c>
      <c r="E454" s="59" t="s">
        <v>378</v>
      </c>
      <c r="F454" s="59" t="s">
        <v>449</v>
      </c>
      <c r="G454" s="59" t="s">
        <v>450</v>
      </c>
      <c r="H454" s="60">
        <v>222</v>
      </c>
      <c r="I454" s="60">
        <v>240</v>
      </c>
      <c r="J454" s="61">
        <v>0</v>
      </c>
      <c r="K454" s="61">
        <v>-299.24</v>
      </c>
    </row>
    <row r="455" spans="1:11" ht="18.75" hidden="1" customHeight="1" thickBot="1">
      <c r="A455" s="59" t="s">
        <v>448</v>
      </c>
      <c r="B455" s="59" t="s">
        <v>28</v>
      </c>
      <c r="C455" s="59" t="s">
        <v>28</v>
      </c>
      <c r="D455" s="59" t="s">
        <v>368</v>
      </c>
      <c r="E455" s="59" t="s">
        <v>378</v>
      </c>
      <c r="F455" s="59" t="s">
        <v>449</v>
      </c>
      <c r="G455" s="59" t="s">
        <v>450</v>
      </c>
      <c r="H455" s="60">
        <v>230</v>
      </c>
      <c r="I455" s="60">
        <v>94</v>
      </c>
      <c r="J455" s="61">
        <v>0</v>
      </c>
      <c r="K455" s="61">
        <v>-0.65</v>
      </c>
    </row>
    <row r="456" spans="1:11" ht="18.75" hidden="1" customHeight="1" thickBot="1">
      <c r="A456" s="59" t="s">
        <v>448</v>
      </c>
      <c r="B456" s="59" t="s">
        <v>28</v>
      </c>
      <c r="C456" s="59" t="s">
        <v>28</v>
      </c>
      <c r="D456" s="59" t="s">
        <v>368</v>
      </c>
      <c r="E456" s="59" t="s">
        <v>378</v>
      </c>
      <c r="F456" s="59" t="s">
        <v>449</v>
      </c>
      <c r="G456" s="59" t="s">
        <v>450</v>
      </c>
      <c r="H456" s="60">
        <v>230</v>
      </c>
      <c r="I456" s="60">
        <v>97</v>
      </c>
      <c r="J456" s="61">
        <v>0</v>
      </c>
      <c r="K456" s="61">
        <v>-10.8</v>
      </c>
    </row>
    <row r="457" spans="1:11" ht="18.75" hidden="1" customHeight="1" thickBot="1">
      <c r="A457" s="59" t="s">
        <v>448</v>
      </c>
      <c r="B457" s="59" t="s">
        <v>28</v>
      </c>
      <c r="C457" s="59" t="s">
        <v>28</v>
      </c>
      <c r="D457" s="59" t="s">
        <v>368</v>
      </c>
      <c r="E457" s="59" t="s">
        <v>378</v>
      </c>
      <c r="F457" s="59" t="s">
        <v>449</v>
      </c>
      <c r="G457" s="59" t="s">
        <v>450</v>
      </c>
      <c r="H457" s="60">
        <v>230</v>
      </c>
      <c r="I457" s="60">
        <v>107</v>
      </c>
      <c r="J457" s="61">
        <v>0</v>
      </c>
      <c r="K457" s="61">
        <v>-1.07</v>
      </c>
    </row>
    <row r="458" spans="1:11" ht="18.75" hidden="1" customHeight="1" thickBot="1">
      <c r="A458" s="59" t="s">
        <v>448</v>
      </c>
      <c r="B458" s="59" t="s">
        <v>28</v>
      </c>
      <c r="C458" s="59" t="s">
        <v>28</v>
      </c>
      <c r="D458" s="59" t="s">
        <v>368</v>
      </c>
      <c r="E458" s="59" t="s">
        <v>378</v>
      </c>
      <c r="F458" s="59" t="s">
        <v>449</v>
      </c>
      <c r="G458" s="59" t="s">
        <v>450</v>
      </c>
      <c r="H458" s="60">
        <v>230</v>
      </c>
      <c r="I458" s="60">
        <v>211</v>
      </c>
      <c r="J458" s="61">
        <v>0</v>
      </c>
      <c r="K458" s="61">
        <v>-25.09</v>
      </c>
    </row>
    <row r="459" spans="1:11" ht="18.75" hidden="1" customHeight="1" thickBot="1">
      <c r="A459" s="59" t="s">
        <v>448</v>
      </c>
      <c r="B459" s="59" t="s">
        <v>28</v>
      </c>
      <c r="C459" s="59" t="s">
        <v>28</v>
      </c>
      <c r="D459" s="59" t="s">
        <v>368</v>
      </c>
      <c r="E459" s="59" t="s">
        <v>378</v>
      </c>
      <c r="F459" s="59" t="s">
        <v>449</v>
      </c>
      <c r="G459" s="59" t="s">
        <v>450</v>
      </c>
      <c r="H459" s="60">
        <v>230</v>
      </c>
      <c r="I459" s="60">
        <v>215</v>
      </c>
      <c r="J459" s="61">
        <v>0</v>
      </c>
      <c r="K459" s="61">
        <v>-68.489999999999995</v>
      </c>
    </row>
    <row r="460" spans="1:11" ht="18.75" hidden="1" customHeight="1" thickBot="1">
      <c r="A460" s="59" t="s">
        <v>448</v>
      </c>
      <c r="B460" s="59" t="s">
        <v>28</v>
      </c>
      <c r="C460" s="59" t="s">
        <v>28</v>
      </c>
      <c r="D460" s="59" t="s">
        <v>368</v>
      </c>
      <c r="E460" s="59" t="s">
        <v>378</v>
      </c>
      <c r="F460" s="59" t="s">
        <v>449</v>
      </c>
      <c r="G460" s="59" t="s">
        <v>450</v>
      </c>
      <c r="H460" s="60">
        <v>230</v>
      </c>
      <c r="I460" s="60">
        <v>236</v>
      </c>
      <c r="J460" s="61">
        <v>0</v>
      </c>
      <c r="K460" s="61">
        <v>-201.25</v>
      </c>
    </row>
    <row r="461" spans="1:11" ht="18.75" hidden="1" customHeight="1" thickBot="1">
      <c r="A461" s="59" t="s">
        <v>448</v>
      </c>
      <c r="B461" s="59" t="s">
        <v>28</v>
      </c>
      <c r="C461" s="59" t="s">
        <v>28</v>
      </c>
      <c r="D461" s="59" t="s">
        <v>368</v>
      </c>
      <c r="E461" s="59" t="s">
        <v>378</v>
      </c>
      <c r="F461" s="59" t="s">
        <v>449</v>
      </c>
      <c r="G461" s="59" t="s">
        <v>450</v>
      </c>
      <c r="H461" s="60">
        <v>230</v>
      </c>
      <c r="I461" s="60">
        <v>240</v>
      </c>
      <c r="J461" s="61">
        <v>0</v>
      </c>
      <c r="K461" s="61">
        <v>-99.05</v>
      </c>
    </row>
    <row r="462" spans="1:11" ht="18.75" hidden="1" customHeight="1" thickBot="1">
      <c r="A462" s="59" t="s">
        <v>448</v>
      </c>
      <c r="B462" s="59" t="s">
        <v>28</v>
      </c>
      <c r="C462" s="59" t="s">
        <v>28</v>
      </c>
      <c r="D462" s="59" t="s">
        <v>368</v>
      </c>
      <c r="E462" s="59" t="s">
        <v>378</v>
      </c>
      <c r="F462" s="59" t="s">
        <v>449</v>
      </c>
      <c r="G462" s="59" t="s">
        <v>450</v>
      </c>
      <c r="H462" s="60">
        <v>230</v>
      </c>
      <c r="I462" s="60">
        <v>244</v>
      </c>
      <c r="J462" s="61">
        <v>0</v>
      </c>
      <c r="K462" s="61">
        <v>-1062.79</v>
      </c>
    </row>
    <row r="463" spans="1:11" ht="18.75" customHeight="1" thickBot="1">
      <c r="A463" s="59" t="s">
        <v>448</v>
      </c>
      <c r="B463" s="59" t="s">
        <v>28</v>
      </c>
      <c r="C463" s="59" t="s">
        <v>28</v>
      </c>
      <c r="D463" s="59" t="s">
        <v>368</v>
      </c>
      <c r="E463" s="59" t="s">
        <v>380</v>
      </c>
      <c r="F463" s="59" t="s">
        <v>449</v>
      </c>
      <c r="G463" s="59" t="s">
        <v>450</v>
      </c>
      <c r="H463" s="60">
        <v>0</v>
      </c>
      <c r="I463" s="60">
        <v>0</v>
      </c>
      <c r="J463" s="61">
        <v>0</v>
      </c>
      <c r="K463" s="61">
        <v>2179.77</v>
      </c>
    </row>
    <row r="464" spans="1:11" ht="18.75" customHeight="1" thickBot="1">
      <c r="A464" s="59" t="s">
        <v>448</v>
      </c>
      <c r="B464" s="59" t="s">
        <v>28</v>
      </c>
      <c r="C464" s="59" t="s">
        <v>28</v>
      </c>
      <c r="D464" s="59" t="s">
        <v>368</v>
      </c>
      <c r="E464" s="59" t="s">
        <v>380</v>
      </c>
      <c r="F464" s="59" t="s">
        <v>449</v>
      </c>
      <c r="G464" s="59" t="s">
        <v>450</v>
      </c>
      <c r="H464" s="60">
        <v>10</v>
      </c>
      <c r="I464" s="60">
        <v>15</v>
      </c>
      <c r="J464" s="61">
        <v>0</v>
      </c>
      <c r="K464" s="61">
        <v>323.07</v>
      </c>
    </row>
    <row r="465" spans="1:11" ht="18.75" customHeight="1" thickBot="1">
      <c r="A465" s="59" t="s">
        <v>448</v>
      </c>
      <c r="B465" s="59" t="s">
        <v>28</v>
      </c>
      <c r="C465" s="59" t="s">
        <v>28</v>
      </c>
      <c r="D465" s="59" t="s">
        <v>368</v>
      </c>
      <c r="E465" s="59" t="s">
        <v>380</v>
      </c>
      <c r="F465" s="59" t="s">
        <v>449</v>
      </c>
      <c r="G465" s="59" t="s">
        <v>450</v>
      </c>
      <c r="H465" s="60">
        <v>10</v>
      </c>
      <c r="I465" s="60">
        <v>22</v>
      </c>
      <c r="J465" s="61">
        <v>0</v>
      </c>
      <c r="K465" s="61">
        <v>157.69999999999999</v>
      </c>
    </row>
    <row r="466" spans="1:11" ht="18.75" customHeight="1" thickBot="1">
      <c r="A466" s="59" t="s">
        <v>448</v>
      </c>
      <c r="B466" s="59" t="s">
        <v>28</v>
      </c>
      <c r="C466" s="59" t="s">
        <v>28</v>
      </c>
      <c r="D466" s="59" t="s">
        <v>368</v>
      </c>
      <c r="E466" s="59" t="s">
        <v>380</v>
      </c>
      <c r="F466" s="59" t="s">
        <v>449</v>
      </c>
      <c r="G466" s="59" t="s">
        <v>450</v>
      </c>
      <c r="H466" s="60">
        <v>10</v>
      </c>
      <c r="I466" s="60">
        <v>93</v>
      </c>
      <c r="J466" s="61">
        <v>0</v>
      </c>
      <c r="K466" s="61">
        <v>12.24</v>
      </c>
    </row>
    <row r="467" spans="1:11" ht="18.75" customHeight="1" thickBot="1">
      <c r="A467" s="59" t="s">
        <v>448</v>
      </c>
      <c r="B467" s="59" t="s">
        <v>28</v>
      </c>
      <c r="C467" s="59" t="s">
        <v>28</v>
      </c>
      <c r="D467" s="59" t="s">
        <v>368</v>
      </c>
      <c r="E467" s="59" t="s">
        <v>380</v>
      </c>
      <c r="F467" s="59" t="s">
        <v>449</v>
      </c>
      <c r="G467" s="59" t="s">
        <v>450</v>
      </c>
      <c r="H467" s="60">
        <v>10</v>
      </c>
      <c r="I467" s="60">
        <v>94</v>
      </c>
      <c r="J467" s="61">
        <v>0</v>
      </c>
      <c r="K467" s="61">
        <v>213.42</v>
      </c>
    </row>
    <row r="468" spans="1:11" ht="18.75" customHeight="1" thickBot="1">
      <c r="A468" s="59" t="s">
        <v>448</v>
      </c>
      <c r="B468" s="59" t="s">
        <v>28</v>
      </c>
      <c r="C468" s="59" t="s">
        <v>28</v>
      </c>
      <c r="D468" s="59" t="s">
        <v>368</v>
      </c>
      <c r="E468" s="59" t="s">
        <v>380</v>
      </c>
      <c r="F468" s="59" t="s">
        <v>449</v>
      </c>
      <c r="G468" s="59" t="s">
        <v>450</v>
      </c>
      <c r="H468" s="60">
        <v>10</v>
      </c>
      <c r="I468" s="60">
        <v>97</v>
      </c>
      <c r="J468" s="61">
        <v>0</v>
      </c>
      <c r="K468" s="61">
        <v>12.07</v>
      </c>
    </row>
    <row r="469" spans="1:11" ht="18.75" customHeight="1" thickBot="1">
      <c r="A469" s="59" t="s">
        <v>448</v>
      </c>
      <c r="B469" s="59" t="s">
        <v>28</v>
      </c>
      <c r="C469" s="59" t="s">
        <v>28</v>
      </c>
      <c r="D469" s="59" t="s">
        <v>368</v>
      </c>
      <c r="E469" s="59" t="s">
        <v>380</v>
      </c>
      <c r="F469" s="59" t="s">
        <v>449</v>
      </c>
      <c r="G469" s="59" t="s">
        <v>450</v>
      </c>
      <c r="H469" s="60">
        <v>10</v>
      </c>
      <c r="I469" s="60">
        <v>107</v>
      </c>
      <c r="J469" s="61">
        <v>0</v>
      </c>
      <c r="K469" s="61">
        <v>9.2899999999999991</v>
      </c>
    </row>
    <row r="470" spans="1:11" ht="18.75" customHeight="1" thickBot="1">
      <c r="A470" s="59" t="s">
        <v>448</v>
      </c>
      <c r="B470" s="59" t="s">
        <v>28</v>
      </c>
      <c r="C470" s="59" t="s">
        <v>28</v>
      </c>
      <c r="D470" s="59" t="s">
        <v>368</v>
      </c>
      <c r="E470" s="59" t="s">
        <v>380</v>
      </c>
      <c r="F470" s="59" t="s">
        <v>449</v>
      </c>
      <c r="G470" s="59" t="s">
        <v>450</v>
      </c>
      <c r="H470" s="60">
        <v>10</v>
      </c>
      <c r="I470" s="60">
        <v>109</v>
      </c>
      <c r="J470" s="61">
        <v>0</v>
      </c>
      <c r="K470" s="61">
        <v>17.63</v>
      </c>
    </row>
    <row r="471" spans="1:11" ht="18.75" customHeight="1" thickBot="1">
      <c r="A471" s="59" t="s">
        <v>448</v>
      </c>
      <c r="B471" s="59" t="s">
        <v>28</v>
      </c>
      <c r="C471" s="59" t="s">
        <v>28</v>
      </c>
      <c r="D471" s="59" t="s">
        <v>368</v>
      </c>
      <c r="E471" s="59" t="s">
        <v>380</v>
      </c>
      <c r="F471" s="59" t="s">
        <v>449</v>
      </c>
      <c r="G471" s="59" t="s">
        <v>450</v>
      </c>
      <c r="H471" s="60">
        <v>10</v>
      </c>
      <c r="I471" s="60">
        <v>111</v>
      </c>
      <c r="J471" s="61">
        <v>0</v>
      </c>
      <c r="K471" s="61">
        <v>3.43</v>
      </c>
    </row>
    <row r="472" spans="1:11" ht="18.75" customHeight="1" thickBot="1">
      <c r="A472" s="59" t="s">
        <v>448</v>
      </c>
      <c r="B472" s="59" t="s">
        <v>28</v>
      </c>
      <c r="C472" s="59" t="s">
        <v>28</v>
      </c>
      <c r="D472" s="59" t="s">
        <v>368</v>
      </c>
      <c r="E472" s="59" t="s">
        <v>380</v>
      </c>
      <c r="F472" s="59" t="s">
        <v>449</v>
      </c>
      <c r="G472" s="59" t="s">
        <v>450</v>
      </c>
      <c r="H472" s="60">
        <v>10</v>
      </c>
      <c r="I472" s="60">
        <v>113</v>
      </c>
      <c r="J472" s="61">
        <v>0</v>
      </c>
      <c r="K472" s="61">
        <v>114.57</v>
      </c>
    </row>
    <row r="473" spans="1:11" ht="18.75" customHeight="1" thickBot="1">
      <c r="A473" s="59" t="s">
        <v>448</v>
      </c>
      <c r="B473" s="59" t="s">
        <v>28</v>
      </c>
      <c r="C473" s="59" t="s">
        <v>28</v>
      </c>
      <c r="D473" s="59" t="s">
        <v>368</v>
      </c>
      <c r="E473" s="59" t="s">
        <v>380</v>
      </c>
      <c r="F473" s="59" t="s">
        <v>449</v>
      </c>
      <c r="G473" s="59" t="s">
        <v>450</v>
      </c>
      <c r="H473" s="60">
        <v>10</v>
      </c>
      <c r="I473" s="60">
        <v>116</v>
      </c>
      <c r="J473" s="61">
        <v>0</v>
      </c>
      <c r="K473" s="61">
        <v>1.56</v>
      </c>
    </row>
    <row r="474" spans="1:11" ht="18.75" customHeight="1" thickBot="1">
      <c r="A474" s="59" t="s">
        <v>448</v>
      </c>
      <c r="B474" s="59" t="s">
        <v>28</v>
      </c>
      <c r="C474" s="59" t="s">
        <v>28</v>
      </c>
      <c r="D474" s="59" t="s">
        <v>368</v>
      </c>
      <c r="E474" s="59" t="s">
        <v>380</v>
      </c>
      <c r="F474" s="59" t="s">
        <v>449</v>
      </c>
      <c r="G474" s="59" t="s">
        <v>450</v>
      </c>
      <c r="H474" s="60">
        <v>10</v>
      </c>
      <c r="I474" s="60">
        <v>131</v>
      </c>
      <c r="J474" s="61">
        <v>0</v>
      </c>
      <c r="K474" s="61">
        <v>7.46</v>
      </c>
    </row>
    <row r="475" spans="1:11" ht="18.75" customHeight="1" thickBot="1">
      <c r="A475" s="59" t="s">
        <v>448</v>
      </c>
      <c r="B475" s="59" t="s">
        <v>28</v>
      </c>
      <c r="C475" s="59" t="s">
        <v>28</v>
      </c>
      <c r="D475" s="59" t="s">
        <v>368</v>
      </c>
      <c r="E475" s="59" t="s">
        <v>380</v>
      </c>
      <c r="F475" s="59" t="s">
        <v>449</v>
      </c>
      <c r="G475" s="59" t="s">
        <v>450</v>
      </c>
      <c r="H475" s="60">
        <v>10</v>
      </c>
      <c r="I475" s="60">
        <v>150</v>
      </c>
      <c r="J475" s="61">
        <v>0</v>
      </c>
      <c r="K475" s="61">
        <v>29.42</v>
      </c>
    </row>
    <row r="476" spans="1:11" ht="18.75" customHeight="1" thickBot="1">
      <c r="A476" s="59" t="s">
        <v>448</v>
      </c>
      <c r="B476" s="59" t="s">
        <v>28</v>
      </c>
      <c r="C476" s="59" t="s">
        <v>28</v>
      </c>
      <c r="D476" s="59" t="s">
        <v>368</v>
      </c>
      <c r="E476" s="59" t="s">
        <v>380</v>
      </c>
      <c r="F476" s="59" t="s">
        <v>449</v>
      </c>
      <c r="G476" s="59" t="s">
        <v>450</v>
      </c>
      <c r="H476" s="60">
        <v>20</v>
      </c>
      <c r="I476" s="60">
        <v>11</v>
      </c>
      <c r="J476" s="61">
        <v>0</v>
      </c>
      <c r="K476" s="61">
        <v>1.32</v>
      </c>
    </row>
    <row r="477" spans="1:11" ht="18.75" customHeight="1" thickBot="1">
      <c r="A477" s="59" t="s">
        <v>448</v>
      </c>
      <c r="B477" s="59" t="s">
        <v>28</v>
      </c>
      <c r="C477" s="59" t="s">
        <v>28</v>
      </c>
      <c r="D477" s="59" t="s">
        <v>368</v>
      </c>
      <c r="E477" s="59" t="s">
        <v>380</v>
      </c>
      <c r="F477" s="59" t="s">
        <v>449</v>
      </c>
      <c r="G477" s="59" t="s">
        <v>450</v>
      </c>
      <c r="H477" s="60">
        <v>20</v>
      </c>
      <c r="I477" s="60">
        <v>15</v>
      </c>
      <c r="J477" s="61">
        <v>0</v>
      </c>
      <c r="K477" s="61">
        <v>349.7</v>
      </c>
    </row>
    <row r="478" spans="1:11" ht="18.75" customHeight="1" thickBot="1">
      <c r="A478" s="59" t="s">
        <v>448</v>
      </c>
      <c r="B478" s="59" t="s">
        <v>28</v>
      </c>
      <c r="C478" s="59" t="s">
        <v>28</v>
      </c>
      <c r="D478" s="59" t="s">
        <v>368</v>
      </c>
      <c r="E478" s="59" t="s">
        <v>380</v>
      </c>
      <c r="F478" s="59" t="s">
        <v>449</v>
      </c>
      <c r="G478" s="59" t="s">
        <v>450</v>
      </c>
      <c r="H478" s="60">
        <v>20</v>
      </c>
      <c r="I478" s="60">
        <v>17</v>
      </c>
      <c r="J478" s="61">
        <v>0</v>
      </c>
      <c r="K478" s="61">
        <v>2.4900000000000002</v>
      </c>
    </row>
    <row r="479" spans="1:11" ht="18.75" customHeight="1" thickBot="1">
      <c r="A479" s="59" t="s">
        <v>448</v>
      </c>
      <c r="B479" s="59" t="s">
        <v>28</v>
      </c>
      <c r="C479" s="59" t="s">
        <v>28</v>
      </c>
      <c r="D479" s="59" t="s">
        <v>368</v>
      </c>
      <c r="E479" s="59" t="s">
        <v>380</v>
      </c>
      <c r="F479" s="59" t="s">
        <v>449</v>
      </c>
      <c r="G479" s="59" t="s">
        <v>450</v>
      </c>
      <c r="H479" s="60">
        <v>20</v>
      </c>
      <c r="I479" s="60">
        <v>22</v>
      </c>
      <c r="J479" s="61">
        <v>0</v>
      </c>
      <c r="K479" s="61">
        <v>628.03</v>
      </c>
    </row>
    <row r="480" spans="1:11" ht="18.75" customHeight="1" thickBot="1">
      <c r="A480" s="59" t="s">
        <v>448</v>
      </c>
      <c r="B480" s="59" t="s">
        <v>28</v>
      </c>
      <c r="C480" s="59" t="s">
        <v>28</v>
      </c>
      <c r="D480" s="59" t="s">
        <v>368</v>
      </c>
      <c r="E480" s="59" t="s">
        <v>380</v>
      </c>
      <c r="F480" s="59" t="s">
        <v>449</v>
      </c>
      <c r="G480" s="59" t="s">
        <v>450</v>
      </c>
      <c r="H480" s="60">
        <v>20</v>
      </c>
      <c r="I480" s="60">
        <v>93</v>
      </c>
      <c r="J480" s="61">
        <v>0</v>
      </c>
      <c r="K480" s="61">
        <v>1.7</v>
      </c>
    </row>
    <row r="481" spans="1:11" ht="18.75" customHeight="1" thickBot="1">
      <c r="A481" s="59" t="s">
        <v>448</v>
      </c>
      <c r="B481" s="59" t="s">
        <v>28</v>
      </c>
      <c r="C481" s="59" t="s">
        <v>28</v>
      </c>
      <c r="D481" s="59" t="s">
        <v>368</v>
      </c>
      <c r="E481" s="59" t="s">
        <v>380</v>
      </c>
      <c r="F481" s="59" t="s">
        <v>449</v>
      </c>
      <c r="G481" s="59" t="s">
        <v>450</v>
      </c>
      <c r="H481" s="60">
        <v>20</v>
      </c>
      <c r="I481" s="60">
        <v>94</v>
      </c>
      <c r="J481" s="61">
        <v>0</v>
      </c>
      <c r="K481" s="61">
        <v>124.67</v>
      </c>
    </row>
    <row r="482" spans="1:11" ht="18.75" customHeight="1" thickBot="1">
      <c r="A482" s="59" t="s">
        <v>448</v>
      </c>
      <c r="B482" s="59" t="s">
        <v>28</v>
      </c>
      <c r="C482" s="59" t="s">
        <v>28</v>
      </c>
      <c r="D482" s="59" t="s">
        <v>368</v>
      </c>
      <c r="E482" s="59" t="s">
        <v>380</v>
      </c>
      <c r="F482" s="59" t="s">
        <v>449</v>
      </c>
      <c r="G482" s="59" t="s">
        <v>450</v>
      </c>
      <c r="H482" s="60">
        <v>20</v>
      </c>
      <c r="I482" s="60">
        <v>97</v>
      </c>
      <c r="J482" s="61">
        <v>0</v>
      </c>
      <c r="K482" s="61">
        <v>7.13</v>
      </c>
    </row>
    <row r="483" spans="1:11" ht="18.75" customHeight="1" thickBot="1">
      <c r="A483" s="59" t="s">
        <v>448</v>
      </c>
      <c r="B483" s="59" t="s">
        <v>28</v>
      </c>
      <c r="C483" s="59" t="s">
        <v>28</v>
      </c>
      <c r="D483" s="59" t="s">
        <v>368</v>
      </c>
      <c r="E483" s="59" t="s">
        <v>380</v>
      </c>
      <c r="F483" s="59" t="s">
        <v>449</v>
      </c>
      <c r="G483" s="59" t="s">
        <v>450</v>
      </c>
      <c r="H483" s="60">
        <v>20</v>
      </c>
      <c r="I483" s="60">
        <v>107</v>
      </c>
      <c r="J483" s="61">
        <v>0</v>
      </c>
      <c r="K483" s="61">
        <v>4.05</v>
      </c>
    </row>
    <row r="484" spans="1:11" ht="18.75" customHeight="1" thickBot="1">
      <c r="A484" s="59" t="s">
        <v>448</v>
      </c>
      <c r="B484" s="59" t="s">
        <v>28</v>
      </c>
      <c r="C484" s="59" t="s">
        <v>28</v>
      </c>
      <c r="D484" s="59" t="s">
        <v>368</v>
      </c>
      <c r="E484" s="59" t="s">
        <v>380</v>
      </c>
      <c r="F484" s="59" t="s">
        <v>449</v>
      </c>
      <c r="G484" s="59" t="s">
        <v>450</v>
      </c>
      <c r="H484" s="60">
        <v>20</v>
      </c>
      <c r="I484" s="60">
        <v>109</v>
      </c>
      <c r="J484" s="61">
        <v>0</v>
      </c>
      <c r="K484" s="61">
        <v>16.95</v>
      </c>
    </row>
    <row r="485" spans="1:11" ht="18.75" customHeight="1" thickBot="1">
      <c r="A485" s="59" t="s">
        <v>448</v>
      </c>
      <c r="B485" s="59" t="s">
        <v>28</v>
      </c>
      <c r="C485" s="59" t="s">
        <v>28</v>
      </c>
      <c r="D485" s="59" t="s">
        <v>368</v>
      </c>
      <c r="E485" s="59" t="s">
        <v>380</v>
      </c>
      <c r="F485" s="59" t="s">
        <v>449</v>
      </c>
      <c r="G485" s="59" t="s">
        <v>450</v>
      </c>
      <c r="H485" s="60">
        <v>20</v>
      </c>
      <c r="I485" s="60">
        <v>111</v>
      </c>
      <c r="J485" s="61">
        <v>0</v>
      </c>
      <c r="K485" s="61">
        <v>8.5500000000000007</v>
      </c>
    </row>
    <row r="486" spans="1:11" ht="18.75" customHeight="1" thickBot="1">
      <c r="A486" s="59" t="s">
        <v>448</v>
      </c>
      <c r="B486" s="59" t="s">
        <v>28</v>
      </c>
      <c r="C486" s="59" t="s">
        <v>28</v>
      </c>
      <c r="D486" s="59" t="s">
        <v>368</v>
      </c>
      <c r="E486" s="59" t="s">
        <v>380</v>
      </c>
      <c r="F486" s="59" t="s">
        <v>449</v>
      </c>
      <c r="G486" s="59" t="s">
        <v>450</v>
      </c>
      <c r="H486" s="60">
        <v>20</v>
      </c>
      <c r="I486" s="60">
        <v>113</v>
      </c>
      <c r="J486" s="61">
        <v>0</v>
      </c>
      <c r="K486" s="61">
        <v>114.14</v>
      </c>
    </row>
    <row r="487" spans="1:11" ht="18.75" customHeight="1" thickBot="1">
      <c r="A487" s="59" t="s">
        <v>448</v>
      </c>
      <c r="B487" s="59" t="s">
        <v>28</v>
      </c>
      <c r="C487" s="59" t="s">
        <v>28</v>
      </c>
      <c r="D487" s="59" t="s">
        <v>368</v>
      </c>
      <c r="E487" s="59" t="s">
        <v>380</v>
      </c>
      <c r="F487" s="59" t="s">
        <v>449</v>
      </c>
      <c r="G487" s="59" t="s">
        <v>450</v>
      </c>
      <c r="H487" s="60">
        <v>20</v>
      </c>
      <c r="I487" s="60">
        <v>150</v>
      </c>
      <c r="J487" s="61">
        <v>0</v>
      </c>
      <c r="K487" s="61">
        <v>22.04</v>
      </c>
    </row>
    <row r="488" spans="1:11" ht="18.75" customHeight="1" thickBot="1">
      <c r="A488" s="59" t="s">
        <v>448</v>
      </c>
      <c r="B488" s="59" t="s">
        <v>28</v>
      </c>
      <c r="C488" s="59" t="s">
        <v>28</v>
      </c>
      <c r="D488" s="59" t="s">
        <v>368</v>
      </c>
      <c r="E488" s="59" t="s">
        <v>380</v>
      </c>
      <c r="F488" s="59" t="s">
        <v>449</v>
      </c>
      <c r="G488" s="59" t="s">
        <v>450</v>
      </c>
      <c r="H488" s="60">
        <v>211</v>
      </c>
      <c r="I488" s="60">
        <v>93</v>
      </c>
      <c r="J488" s="61">
        <v>0</v>
      </c>
      <c r="K488" s="61">
        <v>14.61</v>
      </c>
    </row>
    <row r="489" spans="1:11" ht="18.75" customHeight="1" thickBot="1">
      <c r="A489" s="59" t="s">
        <v>448</v>
      </c>
      <c r="B489" s="59" t="s">
        <v>28</v>
      </c>
      <c r="C489" s="59" t="s">
        <v>28</v>
      </c>
      <c r="D489" s="59" t="s">
        <v>368</v>
      </c>
      <c r="E489" s="59" t="s">
        <v>380</v>
      </c>
      <c r="F489" s="59" t="s">
        <v>449</v>
      </c>
      <c r="G489" s="59" t="s">
        <v>450</v>
      </c>
      <c r="H489" s="60">
        <v>211</v>
      </c>
      <c r="I489" s="60">
        <v>94</v>
      </c>
      <c r="J489" s="61">
        <v>0</v>
      </c>
      <c r="K489" s="61">
        <v>87.55</v>
      </c>
    </row>
    <row r="490" spans="1:11" ht="18.75" customHeight="1" thickBot="1">
      <c r="A490" s="59" t="s">
        <v>448</v>
      </c>
      <c r="B490" s="59" t="s">
        <v>28</v>
      </c>
      <c r="C490" s="59" t="s">
        <v>28</v>
      </c>
      <c r="D490" s="59" t="s">
        <v>368</v>
      </c>
      <c r="E490" s="59" t="s">
        <v>380</v>
      </c>
      <c r="F490" s="59" t="s">
        <v>449</v>
      </c>
      <c r="G490" s="59" t="s">
        <v>450</v>
      </c>
      <c r="H490" s="60">
        <v>211</v>
      </c>
      <c r="I490" s="60">
        <v>95</v>
      </c>
      <c r="J490" s="61">
        <v>0</v>
      </c>
      <c r="K490" s="61">
        <v>5.5</v>
      </c>
    </row>
    <row r="491" spans="1:11" ht="18.75" customHeight="1" thickBot="1">
      <c r="A491" s="59" t="s">
        <v>448</v>
      </c>
      <c r="B491" s="59" t="s">
        <v>28</v>
      </c>
      <c r="C491" s="59" t="s">
        <v>28</v>
      </c>
      <c r="D491" s="59" t="s">
        <v>368</v>
      </c>
      <c r="E491" s="59" t="s">
        <v>380</v>
      </c>
      <c r="F491" s="59" t="s">
        <v>449</v>
      </c>
      <c r="G491" s="59" t="s">
        <v>450</v>
      </c>
      <c r="H491" s="60">
        <v>211</v>
      </c>
      <c r="I491" s="60">
        <v>97</v>
      </c>
      <c r="J491" s="61">
        <v>0</v>
      </c>
      <c r="K491" s="61">
        <v>54.78</v>
      </c>
    </row>
    <row r="492" spans="1:11" ht="18.75" customHeight="1" thickBot="1">
      <c r="A492" s="59" t="s">
        <v>448</v>
      </c>
      <c r="B492" s="59" t="s">
        <v>28</v>
      </c>
      <c r="C492" s="59" t="s">
        <v>28</v>
      </c>
      <c r="D492" s="59" t="s">
        <v>368</v>
      </c>
      <c r="E492" s="59" t="s">
        <v>380</v>
      </c>
      <c r="F492" s="59" t="s">
        <v>449</v>
      </c>
      <c r="G492" s="59" t="s">
        <v>450</v>
      </c>
      <c r="H492" s="60">
        <v>211</v>
      </c>
      <c r="I492" s="60">
        <v>98</v>
      </c>
      <c r="J492" s="61">
        <v>0</v>
      </c>
      <c r="K492" s="61">
        <v>8.0299999999999994</v>
      </c>
    </row>
    <row r="493" spans="1:11" ht="18.75" customHeight="1" thickBot="1">
      <c r="A493" s="59" t="s">
        <v>448</v>
      </c>
      <c r="B493" s="59" t="s">
        <v>28</v>
      </c>
      <c r="C493" s="59" t="s">
        <v>28</v>
      </c>
      <c r="D493" s="59" t="s">
        <v>368</v>
      </c>
      <c r="E493" s="59" t="s">
        <v>380</v>
      </c>
      <c r="F493" s="59" t="s">
        <v>449</v>
      </c>
      <c r="G493" s="59" t="s">
        <v>450</v>
      </c>
      <c r="H493" s="60">
        <v>211</v>
      </c>
      <c r="I493" s="60">
        <v>107</v>
      </c>
      <c r="J493" s="61">
        <v>0</v>
      </c>
      <c r="K493" s="61">
        <v>92.35</v>
      </c>
    </row>
    <row r="494" spans="1:11" ht="18.75" customHeight="1" thickBot="1">
      <c r="A494" s="59" t="s">
        <v>448</v>
      </c>
      <c r="B494" s="59" t="s">
        <v>28</v>
      </c>
      <c r="C494" s="59" t="s">
        <v>28</v>
      </c>
      <c r="D494" s="59" t="s">
        <v>368</v>
      </c>
      <c r="E494" s="59" t="s">
        <v>380</v>
      </c>
      <c r="F494" s="59" t="s">
        <v>449</v>
      </c>
      <c r="G494" s="59" t="s">
        <v>450</v>
      </c>
      <c r="H494" s="60">
        <v>211</v>
      </c>
      <c r="I494" s="60">
        <v>109</v>
      </c>
      <c r="J494" s="61">
        <v>0</v>
      </c>
      <c r="K494" s="61">
        <v>312.07</v>
      </c>
    </row>
    <row r="495" spans="1:11" ht="18.75" customHeight="1" thickBot="1">
      <c r="A495" s="59" t="s">
        <v>448</v>
      </c>
      <c r="B495" s="59" t="s">
        <v>28</v>
      </c>
      <c r="C495" s="59" t="s">
        <v>28</v>
      </c>
      <c r="D495" s="59" t="s">
        <v>368</v>
      </c>
      <c r="E495" s="59" t="s">
        <v>380</v>
      </c>
      <c r="F495" s="59" t="s">
        <v>449</v>
      </c>
      <c r="G495" s="59" t="s">
        <v>450</v>
      </c>
      <c r="H495" s="60">
        <v>211</v>
      </c>
      <c r="I495" s="60">
        <v>110</v>
      </c>
      <c r="J495" s="61">
        <v>0</v>
      </c>
      <c r="K495" s="61">
        <v>2.2599999999999998</v>
      </c>
    </row>
    <row r="496" spans="1:11" ht="18.75" customHeight="1" thickBot="1">
      <c r="A496" s="59" t="s">
        <v>448</v>
      </c>
      <c r="B496" s="59" t="s">
        <v>28</v>
      </c>
      <c r="C496" s="59" t="s">
        <v>28</v>
      </c>
      <c r="D496" s="59" t="s">
        <v>368</v>
      </c>
      <c r="E496" s="59" t="s">
        <v>380</v>
      </c>
      <c r="F496" s="59" t="s">
        <v>449</v>
      </c>
      <c r="G496" s="59" t="s">
        <v>450</v>
      </c>
      <c r="H496" s="60">
        <v>211</v>
      </c>
      <c r="I496" s="60">
        <v>111</v>
      </c>
      <c r="J496" s="61">
        <v>0</v>
      </c>
      <c r="K496" s="61">
        <v>59.12</v>
      </c>
    </row>
    <row r="497" spans="1:11" ht="18.75" customHeight="1" thickBot="1">
      <c r="A497" s="59" t="s">
        <v>448</v>
      </c>
      <c r="B497" s="59" t="s">
        <v>28</v>
      </c>
      <c r="C497" s="59" t="s">
        <v>28</v>
      </c>
      <c r="D497" s="59" t="s">
        <v>368</v>
      </c>
      <c r="E497" s="59" t="s">
        <v>380</v>
      </c>
      <c r="F497" s="59" t="s">
        <v>449</v>
      </c>
      <c r="G497" s="59" t="s">
        <v>450</v>
      </c>
      <c r="H497" s="60">
        <v>211</v>
      </c>
      <c r="I497" s="60">
        <v>113</v>
      </c>
      <c r="J497" s="61">
        <v>0</v>
      </c>
      <c r="K497" s="61">
        <v>125.42</v>
      </c>
    </row>
    <row r="498" spans="1:11" ht="18.75" customHeight="1" thickBot="1">
      <c r="A498" s="59" t="s">
        <v>448</v>
      </c>
      <c r="B498" s="59" t="s">
        <v>28</v>
      </c>
      <c r="C498" s="59" t="s">
        <v>28</v>
      </c>
      <c r="D498" s="59" t="s">
        <v>368</v>
      </c>
      <c r="E498" s="59" t="s">
        <v>380</v>
      </c>
      <c r="F498" s="59" t="s">
        <v>449</v>
      </c>
      <c r="G498" s="59" t="s">
        <v>450</v>
      </c>
      <c r="H498" s="60">
        <v>211</v>
      </c>
      <c r="I498" s="60">
        <v>116</v>
      </c>
      <c r="J498" s="61">
        <v>0</v>
      </c>
      <c r="K498" s="61">
        <v>98.35</v>
      </c>
    </row>
    <row r="499" spans="1:11" ht="18.75" customHeight="1" thickBot="1">
      <c r="A499" s="59" t="s">
        <v>448</v>
      </c>
      <c r="B499" s="59" t="s">
        <v>28</v>
      </c>
      <c r="C499" s="59" t="s">
        <v>28</v>
      </c>
      <c r="D499" s="59" t="s">
        <v>368</v>
      </c>
      <c r="E499" s="59" t="s">
        <v>380</v>
      </c>
      <c r="F499" s="59" t="s">
        <v>449</v>
      </c>
      <c r="G499" s="59" t="s">
        <v>450</v>
      </c>
      <c r="H499" s="60">
        <v>211</v>
      </c>
      <c r="I499" s="60">
        <v>150</v>
      </c>
      <c r="J499" s="61">
        <v>0</v>
      </c>
      <c r="K499" s="61">
        <v>16.59</v>
      </c>
    </row>
    <row r="500" spans="1:11" ht="18.75" customHeight="1" thickBot="1">
      <c r="A500" s="59" t="s">
        <v>448</v>
      </c>
      <c r="B500" s="59" t="s">
        <v>28</v>
      </c>
      <c r="C500" s="59" t="s">
        <v>28</v>
      </c>
      <c r="D500" s="59" t="s">
        <v>368</v>
      </c>
      <c r="E500" s="59" t="s">
        <v>380</v>
      </c>
      <c r="F500" s="59" t="s">
        <v>449</v>
      </c>
      <c r="G500" s="59" t="s">
        <v>450</v>
      </c>
      <c r="H500" s="60">
        <v>211</v>
      </c>
      <c r="I500" s="60">
        <v>211</v>
      </c>
      <c r="J500" s="61">
        <v>0</v>
      </c>
      <c r="K500" s="61">
        <v>22812.92</v>
      </c>
    </row>
    <row r="501" spans="1:11" ht="18.75" customHeight="1" thickBot="1">
      <c r="A501" s="59" t="s">
        <v>448</v>
      </c>
      <c r="B501" s="59" t="s">
        <v>28</v>
      </c>
      <c r="C501" s="59" t="s">
        <v>28</v>
      </c>
      <c r="D501" s="59" t="s">
        <v>368</v>
      </c>
      <c r="E501" s="59" t="s">
        <v>380</v>
      </c>
      <c r="F501" s="59" t="s">
        <v>449</v>
      </c>
      <c r="G501" s="59" t="s">
        <v>450</v>
      </c>
      <c r="H501" s="60">
        <v>211</v>
      </c>
      <c r="I501" s="60">
        <v>212</v>
      </c>
      <c r="J501" s="61">
        <v>0</v>
      </c>
      <c r="K501" s="61">
        <v>3.71</v>
      </c>
    </row>
    <row r="502" spans="1:11" ht="18.75" customHeight="1" thickBot="1">
      <c r="A502" s="59" t="s">
        <v>448</v>
      </c>
      <c r="B502" s="59" t="s">
        <v>28</v>
      </c>
      <c r="C502" s="59" t="s">
        <v>28</v>
      </c>
      <c r="D502" s="59" t="s">
        <v>368</v>
      </c>
      <c r="E502" s="59" t="s">
        <v>380</v>
      </c>
      <c r="F502" s="59" t="s">
        <v>449</v>
      </c>
      <c r="G502" s="59" t="s">
        <v>450</v>
      </c>
      <c r="H502" s="60">
        <v>211</v>
      </c>
      <c r="I502" s="60">
        <v>213</v>
      </c>
      <c r="J502" s="61">
        <v>0</v>
      </c>
      <c r="K502" s="61">
        <v>88.83</v>
      </c>
    </row>
    <row r="503" spans="1:11" ht="18.75" customHeight="1" thickBot="1">
      <c r="A503" s="59" t="s">
        <v>448</v>
      </c>
      <c r="B503" s="59" t="s">
        <v>28</v>
      </c>
      <c r="C503" s="59" t="s">
        <v>28</v>
      </c>
      <c r="D503" s="59" t="s">
        <v>368</v>
      </c>
      <c r="E503" s="59" t="s">
        <v>380</v>
      </c>
      <c r="F503" s="59" t="s">
        <v>449</v>
      </c>
      <c r="G503" s="59" t="s">
        <v>450</v>
      </c>
      <c r="H503" s="60">
        <v>211</v>
      </c>
      <c r="I503" s="60">
        <v>214</v>
      </c>
      <c r="J503" s="61">
        <v>0</v>
      </c>
      <c r="K503" s="61">
        <v>26.6</v>
      </c>
    </row>
    <row r="504" spans="1:11" ht="18.75" customHeight="1" thickBot="1">
      <c r="A504" s="59" t="s">
        <v>448</v>
      </c>
      <c r="B504" s="59" t="s">
        <v>28</v>
      </c>
      <c r="C504" s="59" t="s">
        <v>28</v>
      </c>
      <c r="D504" s="59" t="s">
        <v>368</v>
      </c>
      <c r="E504" s="59" t="s">
        <v>380</v>
      </c>
      <c r="F504" s="59" t="s">
        <v>449</v>
      </c>
      <c r="G504" s="59" t="s">
        <v>450</v>
      </c>
      <c r="H504" s="60">
        <v>211</v>
      </c>
      <c r="I504" s="60">
        <v>215</v>
      </c>
      <c r="J504" s="61">
        <v>0</v>
      </c>
      <c r="K504" s="61">
        <v>28192.560000000001</v>
      </c>
    </row>
    <row r="505" spans="1:11" ht="18.75" customHeight="1" thickBot="1">
      <c r="A505" s="59" t="s">
        <v>448</v>
      </c>
      <c r="B505" s="59" t="s">
        <v>28</v>
      </c>
      <c r="C505" s="59" t="s">
        <v>28</v>
      </c>
      <c r="D505" s="59" t="s">
        <v>368</v>
      </c>
      <c r="E505" s="59" t="s">
        <v>380</v>
      </c>
      <c r="F505" s="59" t="s">
        <v>449</v>
      </c>
      <c r="G505" s="59" t="s">
        <v>450</v>
      </c>
      <c r="H505" s="60">
        <v>211</v>
      </c>
      <c r="I505" s="60">
        <v>217</v>
      </c>
      <c r="J505" s="61">
        <v>0</v>
      </c>
      <c r="K505" s="61">
        <v>202.69</v>
      </c>
    </row>
    <row r="506" spans="1:11" ht="18.75" customHeight="1" thickBot="1">
      <c r="A506" s="59" t="s">
        <v>448</v>
      </c>
      <c r="B506" s="59" t="s">
        <v>28</v>
      </c>
      <c r="C506" s="59" t="s">
        <v>28</v>
      </c>
      <c r="D506" s="59" t="s">
        <v>368</v>
      </c>
      <c r="E506" s="59" t="s">
        <v>380</v>
      </c>
      <c r="F506" s="59" t="s">
        <v>449</v>
      </c>
      <c r="G506" s="59" t="s">
        <v>450</v>
      </c>
      <c r="H506" s="60">
        <v>211</v>
      </c>
      <c r="I506" s="60">
        <v>220</v>
      </c>
      <c r="J506" s="61">
        <v>0</v>
      </c>
      <c r="K506" s="61">
        <v>28.74</v>
      </c>
    </row>
    <row r="507" spans="1:11" ht="18.75" customHeight="1" thickBot="1">
      <c r="A507" s="59" t="s">
        <v>448</v>
      </c>
      <c r="B507" s="59" t="s">
        <v>28</v>
      </c>
      <c r="C507" s="59" t="s">
        <v>28</v>
      </c>
      <c r="D507" s="59" t="s">
        <v>368</v>
      </c>
      <c r="E507" s="59" t="s">
        <v>380</v>
      </c>
      <c r="F507" s="59" t="s">
        <v>449</v>
      </c>
      <c r="G507" s="59" t="s">
        <v>450</v>
      </c>
      <c r="H507" s="60">
        <v>211</v>
      </c>
      <c r="I507" s="60">
        <v>223</v>
      </c>
      <c r="J507" s="61">
        <v>0</v>
      </c>
      <c r="K507" s="61">
        <v>22.36</v>
      </c>
    </row>
    <row r="508" spans="1:11" ht="18.75" customHeight="1" thickBot="1">
      <c r="A508" s="59" t="s">
        <v>448</v>
      </c>
      <c r="B508" s="59" t="s">
        <v>28</v>
      </c>
      <c r="C508" s="59" t="s">
        <v>28</v>
      </c>
      <c r="D508" s="59" t="s">
        <v>368</v>
      </c>
      <c r="E508" s="59" t="s">
        <v>380</v>
      </c>
      <c r="F508" s="59" t="s">
        <v>449</v>
      </c>
      <c r="G508" s="59" t="s">
        <v>450</v>
      </c>
      <c r="H508" s="60">
        <v>211</v>
      </c>
      <c r="I508" s="60">
        <v>227</v>
      </c>
      <c r="J508" s="61">
        <v>0</v>
      </c>
      <c r="K508" s="61">
        <v>47.79</v>
      </c>
    </row>
    <row r="509" spans="1:11" ht="18.75" customHeight="1" thickBot="1">
      <c r="A509" s="59" t="s">
        <v>448</v>
      </c>
      <c r="B509" s="59" t="s">
        <v>28</v>
      </c>
      <c r="C509" s="59" t="s">
        <v>28</v>
      </c>
      <c r="D509" s="59" t="s">
        <v>368</v>
      </c>
      <c r="E509" s="59" t="s">
        <v>380</v>
      </c>
      <c r="F509" s="59" t="s">
        <v>449</v>
      </c>
      <c r="G509" s="59" t="s">
        <v>450</v>
      </c>
      <c r="H509" s="60">
        <v>211</v>
      </c>
      <c r="I509" s="60">
        <v>229</v>
      </c>
      <c r="J509" s="61">
        <v>0</v>
      </c>
      <c r="K509" s="61">
        <v>75.61</v>
      </c>
    </row>
    <row r="510" spans="1:11" ht="18.75" customHeight="1" thickBot="1">
      <c r="A510" s="59" t="s">
        <v>448</v>
      </c>
      <c r="B510" s="59" t="s">
        <v>28</v>
      </c>
      <c r="C510" s="59" t="s">
        <v>28</v>
      </c>
      <c r="D510" s="59" t="s">
        <v>368</v>
      </c>
      <c r="E510" s="59" t="s">
        <v>380</v>
      </c>
      <c r="F510" s="59" t="s">
        <v>449</v>
      </c>
      <c r="G510" s="59" t="s">
        <v>450</v>
      </c>
      <c r="H510" s="60">
        <v>211</v>
      </c>
      <c r="I510" s="60">
        <v>240</v>
      </c>
      <c r="J510" s="61">
        <v>0</v>
      </c>
      <c r="K510" s="61">
        <v>12934.03</v>
      </c>
    </row>
    <row r="511" spans="1:11" ht="18.75" customHeight="1" thickBot="1">
      <c r="A511" s="59" t="s">
        <v>448</v>
      </c>
      <c r="B511" s="59" t="s">
        <v>28</v>
      </c>
      <c r="C511" s="59" t="s">
        <v>28</v>
      </c>
      <c r="D511" s="59" t="s">
        <v>368</v>
      </c>
      <c r="E511" s="59" t="s">
        <v>380</v>
      </c>
      <c r="F511" s="59" t="s">
        <v>449</v>
      </c>
      <c r="G511" s="59" t="s">
        <v>450</v>
      </c>
      <c r="H511" s="60">
        <v>211</v>
      </c>
      <c r="I511" s="60">
        <v>244</v>
      </c>
      <c r="J511" s="61">
        <v>0</v>
      </c>
      <c r="K511" s="61">
        <v>488.16</v>
      </c>
    </row>
    <row r="512" spans="1:11" ht="18.75" customHeight="1" thickBot="1">
      <c r="A512" s="59" t="s">
        <v>448</v>
      </c>
      <c r="B512" s="59" t="s">
        <v>28</v>
      </c>
      <c r="C512" s="59" t="s">
        <v>28</v>
      </c>
      <c r="D512" s="59" t="s">
        <v>368</v>
      </c>
      <c r="E512" s="59" t="s">
        <v>380</v>
      </c>
      <c r="F512" s="59" t="s">
        <v>449</v>
      </c>
      <c r="G512" s="59" t="s">
        <v>450</v>
      </c>
      <c r="H512" s="60">
        <v>211</v>
      </c>
      <c r="I512" s="60">
        <v>248</v>
      </c>
      <c r="J512" s="61">
        <v>0</v>
      </c>
      <c r="K512" s="61">
        <v>2889.85</v>
      </c>
    </row>
    <row r="513" spans="1:11" ht="18.75" customHeight="1" thickBot="1">
      <c r="A513" s="59" t="s">
        <v>448</v>
      </c>
      <c r="B513" s="59" t="s">
        <v>28</v>
      </c>
      <c r="C513" s="59" t="s">
        <v>28</v>
      </c>
      <c r="D513" s="59" t="s">
        <v>368</v>
      </c>
      <c r="E513" s="59" t="s">
        <v>380</v>
      </c>
      <c r="F513" s="59" t="s">
        <v>449</v>
      </c>
      <c r="G513" s="59" t="s">
        <v>450</v>
      </c>
      <c r="H513" s="60">
        <v>211</v>
      </c>
      <c r="I513" s="60">
        <v>356</v>
      </c>
      <c r="J513" s="61">
        <v>0</v>
      </c>
      <c r="K513" s="61">
        <v>6713.67</v>
      </c>
    </row>
    <row r="514" spans="1:11" ht="18.75" customHeight="1" thickBot="1">
      <c r="A514" s="59" t="s">
        <v>448</v>
      </c>
      <c r="B514" s="59" t="s">
        <v>28</v>
      </c>
      <c r="C514" s="59" t="s">
        <v>28</v>
      </c>
      <c r="D514" s="59" t="s">
        <v>368</v>
      </c>
      <c r="E514" s="59" t="s">
        <v>380</v>
      </c>
      <c r="F514" s="59" t="s">
        <v>449</v>
      </c>
      <c r="G514" s="59" t="s">
        <v>450</v>
      </c>
      <c r="H514" s="60">
        <v>211</v>
      </c>
      <c r="I514" s="60">
        <v>359</v>
      </c>
      <c r="J514" s="61">
        <v>0</v>
      </c>
      <c r="K514" s="61">
        <v>5626.11</v>
      </c>
    </row>
    <row r="515" spans="1:11" ht="18.75" customHeight="1" thickBot="1">
      <c r="A515" s="59" t="s">
        <v>448</v>
      </c>
      <c r="B515" s="59" t="s">
        <v>28</v>
      </c>
      <c r="C515" s="59" t="s">
        <v>28</v>
      </c>
      <c r="D515" s="59" t="s">
        <v>368</v>
      </c>
      <c r="E515" s="59" t="s">
        <v>380</v>
      </c>
      <c r="F515" s="59" t="s">
        <v>449</v>
      </c>
      <c r="G515" s="59" t="s">
        <v>450</v>
      </c>
      <c r="H515" s="60">
        <v>212</v>
      </c>
      <c r="I515" s="60">
        <v>94</v>
      </c>
      <c r="J515" s="61">
        <v>0</v>
      </c>
      <c r="K515" s="61">
        <v>25.03</v>
      </c>
    </row>
    <row r="516" spans="1:11" ht="18.75" customHeight="1" thickBot="1">
      <c r="A516" s="59" t="s">
        <v>448</v>
      </c>
      <c r="B516" s="59" t="s">
        <v>28</v>
      </c>
      <c r="C516" s="59" t="s">
        <v>28</v>
      </c>
      <c r="D516" s="59" t="s">
        <v>368</v>
      </c>
      <c r="E516" s="59" t="s">
        <v>380</v>
      </c>
      <c r="F516" s="59" t="s">
        <v>449</v>
      </c>
      <c r="G516" s="59" t="s">
        <v>450</v>
      </c>
      <c r="H516" s="60">
        <v>212</v>
      </c>
      <c r="I516" s="60">
        <v>97</v>
      </c>
      <c r="J516" s="61">
        <v>0</v>
      </c>
      <c r="K516" s="61">
        <v>17.61</v>
      </c>
    </row>
    <row r="517" spans="1:11" ht="18.75" customHeight="1" thickBot="1">
      <c r="A517" s="59" t="s">
        <v>448</v>
      </c>
      <c r="B517" s="59" t="s">
        <v>28</v>
      </c>
      <c r="C517" s="59" t="s">
        <v>28</v>
      </c>
      <c r="D517" s="59" t="s">
        <v>368</v>
      </c>
      <c r="E517" s="59" t="s">
        <v>380</v>
      </c>
      <c r="F517" s="59" t="s">
        <v>449</v>
      </c>
      <c r="G517" s="59" t="s">
        <v>450</v>
      </c>
      <c r="H517" s="60">
        <v>212</v>
      </c>
      <c r="I517" s="60">
        <v>98</v>
      </c>
      <c r="J517" s="61">
        <v>0</v>
      </c>
      <c r="K517" s="61">
        <v>18.53</v>
      </c>
    </row>
    <row r="518" spans="1:11" ht="18.75" customHeight="1" thickBot="1">
      <c r="A518" s="59" t="s">
        <v>448</v>
      </c>
      <c r="B518" s="59" t="s">
        <v>28</v>
      </c>
      <c r="C518" s="59" t="s">
        <v>28</v>
      </c>
      <c r="D518" s="59" t="s">
        <v>368</v>
      </c>
      <c r="E518" s="59" t="s">
        <v>380</v>
      </c>
      <c r="F518" s="59" t="s">
        <v>449</v>
      </c>
      <c r="G518" s="59" t="s">
        <v>450</v>
      </c>
      <c r="H518" s="60">
        <v>212</v>
      </c>
      <c r="I518" s="60">
        <v>107</v>
      </c>
      <c r="J518" s="61">
        <v>0</v>
      </c>
      <c r="K518" s="61">
        <v>6.35</v>
      </c>
    </row>
    <row r="519" spans="1:11" ht="18.75" customHeight="1" thickBot="1">
      <c r="A519" s="59" t="s">
        <v>448</v>
      </c>
      <c r="B519" s="59" t="s">
        <v>28</v>
      </c>
      <c r="C519" s="59" t="s">
        <v>28</v>
      </c>
      <c r="D519" s="59" t="s">
        <v>368</v>
      </c>
      <c r="E519" s="59" t="s">
        <v>380</v>
      </c>
      <c r="F519" s="59" t="s">
        <v>449</v>
      </c>
      <c r="G519" s="59" t="s">
        <v>450</v>
      </c>
      <c r="H519" s="60">
        <v>212</v>
      </c>
      <c r="I519" s="60">
        <v>109</v>
      </c>
      <c r="J519" s="61">
        <v>0</v>
      </c>
      <c r="K519" s="61">
        <v>114.67</v>
      </c>
    </row>
    <row r="520" spans="1:11" ht="18.75" customHeight="1" thickBot="1">
      <c r="A520" s="59" t="s">
        <v>448</v>
      </c>
      <c r="B520" s="59" t="s">
        <v>28</v>
      </c>
      <c r="C520" s="59" t="s">
        <v>28</v>
      </c>
      <c r="D520" s="59" t="s">
        <v>368</v>
      </c>
      <c r="E520" s="59" t="s">
        <v>380</v>
      </c>
      <c r="F520" s="59" t="s">
        <v>449</v>
      </c>
      <c r="G520" s="59" t="s">
        <v>450</v>
      </c>
      <c r="H520" s="60">
        <v>212</v>
      </c>
      <c r="I520" s="60">
        <v>113</v>
      </c>
      <c r="J520" s="61">
        <v>0</v>
      </c>
      <c r="K520" s="61">
        <v>14.54</v>
      </c>
    </row>
    <row r="521" spans="1:11" ht="18.75" customHeight="1" thickBot="1">
      <c r="A521" s="59" t="s">
        <v>448</v>
      </c>
      <c r="B521" s="59" t="s">
        <v>28</v>
      </c>
      <c r="C521" s="59" t="s">
        <v>28</v>
      </c>
      <c r="D521" s="59" t="s">
        <v>368</v>
      </c>
      <c r="E521" s="59" t="s">
        <v>380</v>
      </c>
      <c r="F521" s="59" t="s">
        <v>449</v>
      </c>
      <c r="G521" s="59" t="s">
        <v>450</v>
      </c>
      <c r="H521" s="60">
        <v>212</v>
      </c>
      <c r="I521" s="60">
        <v>116</v>
      </c>
      <c r="J521" s="61">
        <v>0</v>
      </c>
      <c r="K521" s="61">
        <v>19.829999999999998</v>
      </c>
    </row>
    <row r="522" spans="1:11" ht="18.75" customHeight="1" thickBot="1">
      <c r="A522" s="59" t="s">
        <v>448</v>
      </c>
      <c r="B522" s="59" t="s">
        <v>28</v>
      </c>
      <c r="C522" s="59" t="s">
        <v>28</v>
      </c>
      <c r="D522" s="59" t="s">
        <v>368</v>
      </c>
      <c r="E522" s="59" t="s">
        <v>380</v>
      </c>
      <c r="F522" s="59" t="s">
        <v>449</v>
      </c>
      <c r="G522" s="59" t="s">
        <v>450</v>
      </c>
      <c r="H522" s="60">
        <v>212</v>
      </c>
      <c r="I522" s="60">
        <v>150</v>
      </c>
      <c r="J522" s="61">
        <v>0</v>
      </c>
      <c r="K522" s="61">
        <v>1.35</v>
      </c>
    </row>
    <row r="523" spans="1:11" ht="18.75" customHeight="1" thickBot="1">
      <c r="A523" s="59" t="s">
        <v>448</v>
      </c>
      <c r="B523" s="59" t="s">
        <v>28</v>
      </c>
      <c r="C523" s="59" t="s">
        <v>28</v>
      </c>
      <c r="D523" s="59" t="s">
        <v>368</v>
      </c>
      <c r="E523" s="59" t="s">
        <v>380</v>
      </c>
      <c r="F523" s="59" t="s">
        <v>449</v>
      </c>
      <c r="G523" s="59" t="s">
        <v>450</v>
      </c>
      <c r="H523" s="60">
        <v>212</v>
      </c>
      <c r="I523" s="60">
        <v>211</v>
      </c>
      <c r="J523" s="61">
        <v>0</v>
      </c>
      <c r="K523" s="61">
        <v>4277.6499999999996</v>
      </c>
    </row>
    <row r="524" spans="1:11" ht="18.75" customHeight="1" thickBot="1">
      <c r="A524" s="59" t="s">
        <v>448</v>
      </c>
      <c r="B524" s="59" t="s">
        <v>28</v>
      </c>
      <c r="C524" s="59" t="s">
        <v>28</v>
      </c>
      <c r="D524" s="59" t="s">
        <v>368</v>
      </c>
      <c r="E524" s="59" t="s">
        <v>380</v>
      </c>
      <c r="F524" s="59" t="s">
        <v>449</v>
      </c>
      <c r="G524" s="59" t="s">
        <v>450</v>
      </c>
      <c r="H524" s="60">
        <v>212</v>
      </c>
      <c r="I524" s="60">
        <v>215</v>
      </c>
      <c r="J524" s="61">
        <v>0</v>
      </c>
      <c r="K524" s="61">
        <v>16137.74</v>
      </c>
    </row>
    <row r="525" spans="1:11" ht="18.75" customHeight="1" thickBot="1">
      <c r="A525" s="59" t="s">
        <v>448</v>
      </c>
      <c r="B525" s="59" t="s">
        <v>28</v>
      </c>
      <c r="C525" s="59" t="s">
        <v>28</v>
      </c>
      <c r="D525" s="59" t="s">
        <v>368</v>
      </c>
      <c r="E525" s="59" t="s">
        <v>380</v>
      </c>
      <c r="F525" s="59" t="s">
        <v>449</v>
      </c>
      <c r="G525" s="59" t="s">
        <v>450</v>
      </c>
      <c r="H525" s="60">
        <v>212</v>
      </c>
      <c r="I525" s="60">
        <v>223</v>
      </c>
      <c r="J525" s="61">
        <v>0</v>
      </c>
      <c r="K525" s="61">
        <v>61.77</v>
      </c>
    </row>
    <row r="526" spans="1:11" ht="18.75" customHeight="1" thickBot="1">
      <c r="A526" s="59" t="s">
        <v>448</v>
      </c>
      <c r="B526" s="59" t="s">
        <v>28</v>
      </c>
      <c r="C526" s="59" t="s">
        <v>28</v>
      </c>
      <c r="D526" s="59" t="s">
        <v>368</v>
      </c>
      <c r="E526" s="59" t="s">
        <v>380</v>
      </c>
      <c r="F526" s="59" t="s">
        <v>449</v>
      </c>
      <c r="G526" s="59" t="s">
        <v>450</v>
      </c>
      <c r="H526" s="60">
        <v>212</v>
      </c>
      <c r="I526" s="60">
        <v>225</v>
      </c>
      <c r="J526" s="61">
        <v>0</v>
      </c>
      <c r="K526" s="61">
        <v>144.58000000000001</v>
      </c>
    </row>
    <row r="527" spans="1:11" ht="18.75" customHeight="1" thickBot="1">
      <c r="A527" s="59" t="s">
        <v>448</v>
      </c>
      <c r="B527" s="59" t="s">
        <v>28</v>
      </c>
      <c r="C527" s="59" t="s">
        <v>28</v>
      </c>
      <c r="D527" s="59" t="s">
        <v>368</v>
      </c>
      <c r="E527" s="59" t="s">
        <v>380</v>
      </c>
      <c r="F527" s="59" t="s">
        <v>449</v>
      </c>
      <c r="G527" s="59" t="s">
        <v>450</v>
      </c>
      <c r="H527" s="60">
        <v>212</v>
      </c>
      <c r="I527" s="60">
        <v>227</v>
      </c>
      <c r="J527" s="61">
        <v>0</v>
      </c>
      <c r="K527" s="61">
        <v>574.86</v>
      </c>
    </row>
    <row r="528" spans="1:11" ht="18.75" customHeight="1" thickBot="1">
      <c r="A528" s="59" t="s">
        <v>448</v>
      </c>
      <c r="B528" s="59" t="s">
        <v>28</v>
      </c>
      <c r="C528" s="59" t="s">
        <v>28</v>
      </c>
      <c r="D528" s="59" t="s">
        <v>368</v>
      </c>
      <c r="E528" s="59" t="s">
        <v>380</v>
      </c>
      <c r="F528" s="59" t="s">
        <v>449</v>
      </c>
      <c r="G528" s="59" t="s">
        <v>450</v>
      </c>
      <c r="H528" s="60">
        <v>212</v>
      </c>
      <c r="I528" s="60">
        <v>229</v>
      </c>
      <c r="J528" s="61">
        <v>0</v>
      </c>
      <c r="K528" s="61">
        <v>69.45</v>
      </c>
    </row>
    <row r="529" spans="1:11" ht="18.75" customHeight="1" thickBot="1">
      <c r="A529" s="59" t="s">
        <v>448</v>
      </c>
      <c r="B529" s="59" t="s">
        <v>28</v>
      </c>
      <c r="C529" s="59" t="s">
        <v>28</v>
      </c>
      <c r="D529" s="59" t="s">
        <v>368</v>
      </c>
      <c r="E529" s="59" t="s">
        <v>380</v>
      </c>
      <c r="F529" s="59" t="s">
        <v>449</v>
      </c>
      <c r="G529" s="59" t="s">
        <v>450</v>
      </c>
      <c r="H529" s="60">
        <v>212</v>
      </c>
      <c r="I529" s="60">
        <v>240</v>
      </c>
      <c r="J529" s="61">
        <v>0</v>
      </c>
      <c r="K529" s="61">
        <v>8197.57</v>
      </c>
    </row>
    <row r="530" spans="1:11" ht="18.75" customHeight="1" thickBot="1">
      <c r="A530" s="59" t="s">
        <v>448</v>
      </c>
      <c r="B530" s="59" t="s">
        <v>28</v>
      </c>
      <c r="C530" s="59" t="s">
        <v>28</v>
      </c>
      <c r="D530" s="59" t="s">
        <v>368</v>
      </c>
      <c r="E530" s="59" t="s">
        <v>380</v>
      </c>
      <c r="F530" s="59" t="s">
        <v>449</v>
      </c>
      <c r="G530" s="59" t="s">
        <v>450</v>
      </c>
      <c r="H530" s="60">
        <v>212</v>
      </c>
      <c r="I530" s="60">
        <v>244</v>
      </c>
      <c r="J530" s="61">
        <v>0</v>
      </c>
      <c r="K530" s="61">
        <v>2113.09</v>
      </c>
    </row>
    <row r="531" spans="1:11" ht="18.75" customHeight="1" thickBot="1">
      <c r="A531" s="59" t="s">
        <v>448</v>
      </c>
      <c r="B531" s="59" t="s">
        <v>28</v>
      </c>
      <c r="C531" s="59" t="s">
        <v>28</v>
      </c>
      <c r="D531" s="59" t="s">
        <v>368</v>
      </c>
      <c r="E531" s="59" t="s">
        <v>380</v>
      </c>
      <c r="F531" s="59" t="s">
        <v>449</v>
      </c>
      <c r="G531" s="59" t="s">
        <v>450</v>
      </c>
      <c r="H531" s="60">
        <v>212</v>
      </c>
      <c r="I531" s="60">
        <v>248</v>
      </c>
      <c r="J531" s="61">
        <v>0</v>
      </c>
      <c r="K531" s="61">
        <v>1172.26</v>
      </c>
    </row>
    <row r="532" spans="1:11" ht="18.75" customHeight="1" thickBot="1">
      <c r="A532" s="59" t="s">
        <v>448</v>
      </c>
      <c r="B532" s="59" t="s">
        <v>28</v>
      </c>
      <c r="C532" s="59" t="s">
        <v>28</v>
      </c>
      <c r="D532" s="59" t="s">
        <v>368</v>
      </c>
      <c r="E532" s="59" t="s">
        <v>380</v>
      </c>
      <c r="F532" s="59" t="s">
        <v>449</v>
      </c>
      <c r="G532" s="59" t="s">
        <v>450</v>
      </c>
      <c r="H532" s="60">
        <v>216</v>
      </c>
      <c r="I532" s="60">
        <v>94</v>
      </c>
      <c r="J532" s="61">
        <v>0</v>
      </c>
      <c r="K532" s="61">
        <v>1.8</v>
      </c>
    </row>
    <row r="533" spans="1:11" ht="18.75" customHeight="1" thickBot="1">
      <c r="A533" s="59" t="s">
        <v>448</v>
      </c>
      <c r="B533" s="59" t="s">
        <v>28</v>
      </c>
      <c r="C533" s="59" t="s">
        <v>28</v>
      </c>
      <c r="D533" s="59" t="s">
        <v>368</v>
      </c>
      <c r="E533" s="59" t="s">
        <v>380</v>
      </c>
      <c r="F533" s="59" t="s">
        <v>449</v>
      </c>
      <c r="G533" s="59" t="s">
        <v>450</v>
      </c>
      <c r="H533" s="60">
        <v>216</v>
      </c>
      <c r="I533" s="60">
        <v>97</v>
      </c>
      <c r="J533" s="61">
        <v>0</v>
      </c>
      <c r="K533" s="61">
        <v>27.02</v>
      </c>
    </row>
    <row r="534" spans="1:11" ht="18.75" customHeight="1" thickBot="1">
      <c r="A534" s="59" t="s">
        <v>448</v>
      </c>
      <c r="B534" s="59" t="s">
        <v>28</v>
      </c>
      <c r="C534" s="59" t="s">
        <v>28</v>
      </c>
      <c r="D534" s="59" t="s">
        <v>368</v>
      </c>
      <c r="E534" s="59" t="s">
        <v>380</v>
      </c>
      <c r="F534" s="59" t="s">
        <v>449</v>
      </c>
      <c r="G534" s="59" t="s">
        <v>450</v>
      </c>
      <c r="H534" s="60">
        <v>216</v>
      </c>
      <c r="I534" s="60">
        <v>109</v>
      </c>
      <c r="J534" s="61">
        <v>0</v>
      </c>
      <c r="K534" s="61">
        <v>10.82</v>
      </c>
    </row>
    <row r="535" spans="1:11" ht="18.75" customHeight="1" thickBot="1">
      <c r="A535" s="59" t="s">
        <v>448</v>
      </c>
      <c r="B535" s="59" t="s">
        <v>28</v>
      </c>
      <c r="C535" s="59" t="s">
        <v>28</v>
      </c>
      <c r="D535" s="59" t="s">
        <v>368</v>
      </c>
      <c r="E535" s="59" t="s">
        <v>380</v>
      </c>
      <c r="F535" s="59" t="s">
        <v>449</v>
      </c>
      <c r="G535" s="59" t="s">
        <v>450</v>
      </c>
      <c r="H535" s="60">
        <v>216</v>
      </c>
      <c r="I535" s="60">
        <v>211</v>
      </c>
      <c r="J535" s="61">
        <v>0</v>
      </c>
      <c r="K535" s="61">
        <v>142.07</v>
      </c>
    </row>
    <row r="536" spans="1:11" ht="18.75" customHeight="1" thickBot="1">
      <c r="A536" s="59" t="s">
        <v>448</v>
      </c>
      <c r="B536" s="59" t="s">
        <v>28</v>
      </c>
      <c r="C536" s="59" t="s">
        <v>28</v>
      </c>
      <c r="D536" s="59" t="s">
        <v>368</v>
      </c>
      <c r="E536" s="59" t="s">
        <v>380</v>
      </c>
      <c r="F536" s="59" t="s">
        <v>449</v>
      </c>
      <c r="G536" s="59" t="s">
        <v>450</v>
      </c>
      <c r="H536" s="60">
        <v>216</v>
      </c>
      <c r="I536" s="60">
        <v>215</v>
      </c>
      <c r="J536" s="61">
        <v>0</v>
      </c>
      <c r="K536" s="61">
        <v>1132.1600000000001</v>
      </c>
    </row>
    <row r="537" spans="1:11" ht="18.75" customHeight="1" thickBot="1">
      <c r="A537" s="59" t="s">
        <v>448</v>
      </c>
      <c r="B537" s="59" t="s">
        <v>28</v>
      </c>
      <c r="C537" s="59" t="s">
        <v>28</v>
      </c>
      <c r="D537" s="59" t="s">
        <v>368</v>
      </c>
      <c r="E537" s="59" t="s">
        <v>380</v>
      </c>
      <c r="F537" s="59" t="s">
        <v>449</v>
      </c>
      <c r="G537" s="59" t="s">
        <v>450</v>
      </c>
      <c r="H537" s="60">
        <v>216</v>
      </c>
      <c r="I537" s="60">
        <v>240</v>
      </c>
      <c r="J537" s="61">
        <v>0</v>
      </c>
      <c r="K537" s="61">
        <v>367.57</v>
      </c>
    </row>
    <row r="538" spans="1:11" ht="18.75" customHeight="1" thickBot="1">
      <c r="A538" s="59" t="s">
        <v>448</v>
      </c>
      <c r="B538" s="59" t="s">
        <v>28</v>
      </c>
      <c r="C538" s="59" t="s">
        <v>28</v>
      </c>
      <c r="D538" s="59" t="s">
        <v>368</v>
      </c>
      <c r="E538" s="59" t="s">
        <v>380</v>
      </c>
      <c r="F538" s="59" t="s">
        <v>449</v>
      </c>
      <c r="G538" s="59" t="s">
        <v>450</v>
      </c>
      <c r="H538" s="60">
        <v>216</v>
      </c>
      <c r="I538" s="60">
        <v>256</v>
      </c>
      <c r="J538" s="61">
        <v>0</v>
      </c>
      <c r="K538" s="61">
        <v>1143.75</v>
      </c>
    </row>
    <row r="539" spans="1:11" ht="18.75" customHeight="1" thickBot="1">
      <c r="A539" s="59" t="s">
        <v>448</v>
      </c>
      <c r="B539" s="59" t="s">
        <v>28</v>
      </c>
      <c r="C539" s="59" t="s">
        <v>28</v>
      </c>
      <c r="D539" s="59" t="s">
        <v>368</v>
      </c>
      <c r="E539" s="59" t="s">
        <v>380</v>
      </c>
      <c r="F539" s="59" t="s">
        <v>449</v>
      </c>
      <c r="G539" s="59" t="s">
        <v>450</v>
      </c>
      <c r="H539" s="60">
        <v>221</v>
      </c>
      <c r="I539" s="60">
        <v>94</v>
      </c>
      <c r="J539" s="61">
        <v>0</v>
      </c>
      <c r="K539" s="61">
        <v>12.91</v>
      </c>
    </row>
    <row r="540" spans="1:11" ht="18.75" customHeight="1" thickBot="1">
      <c r="A540" s="59" t="s">
        <v>448</v>
      </c>
      <c r="B540" s="59" t="s">
        <v>28</v>
      </c>
      <c r="C540" s="59" t="s">
        <v>28</v>
      </c>
      <c r="D540" s="59" t="s">
        <v>368</v>
      </c>
      <c r="E540" s="59" t="s">
        <v>380</v>
      </c>
      <c r="F540" s="59" t="s">
        <v>449</v>
      </c>
      <c r="G540" s="59" t="s">
        <v>450</v>
      </c>
      <c r="H540" s="60">
        <v>221</v>
      </c>
      <c r="I540" s="60">
        <v>95</v>
      </c>
      <c r="J540" s="61">
        <v>0</v>
      </c>
      <c r="K540" s="61">
        <v>4.5599999999999996</v>
      </c>
    </row>
    <row r="541" spans="1:11" ht="18.75" customHeight="1" thickBot="1">
      <c r="A541" s="59" t="s">
        <v>448</v>
      </c>
      <c r="B541" s="59" t="s">
        <v>28</v>
      </c>
      <c r="C541" s="59" t="s">
        <v>28</v>
      </c>
      <c r="D541" s="59" t="s">
        <v>368</v>
      </c>
      <c r="E541" s="59" t="s">
        <v>380</v>
      </c>
      <c r="F541" s="59" t="s">
        <v>449</v>
      </c>
      <c r="G541" s="59" t="s">
        <v>450</v>
      </c>
      <c r="H541" s="60">
        <v>221</v>
      </c>
      <c r="I541" s="60">
        <v>97</v>
      </c>
      <c r="J541" s="61">
        <v>0</v>
      </c>
      <c r="K541" s="61">
        <v>2.85</v>
      </c>
    </row>
    <row r="542" spans="1:11" ht="18.75" customHeight="1" thickBot="1">
      <c r="A542" s="59" t="s">
        <v>448</v>
      </c>
      <c r="B542" s="59" t="s">
        <v>28</v>
      </c>
      <c r="C542" s="59" t="s">
        <v>28</v>
      </c>
      <c r="D542" s="59" t="s">
        <v>368</v>
      </c>
      <c r="E542" s="59" t="s">
        <v>380</v>
      </c>
      <c r="F542" s="59" t="s">
        <v>449</v>
      </c>
      <c r="G542" s="59" t="s">
        <v>450</v>
      </c>
      <c r="H542" s="60">
        <v>221</v>
      </c>
      <c r="I542" s="60">
        <v>107</v>
      </c>
      <c r="J542" s="61">
        <v>0</v>
      </c>
      <c r="K542" s="61">
        <v>6.04</v>
      </c>
    </row>
    <row r="543" spans="1:11" ht="18.75" customHeight="1" thickBot="1">
      <c r="A543" s="59" t="s">
        <v>448</v>
      </c>
      <c r="B543" s="59" t="s">
        <v>28</v>
      </c>
      <c r="C543" s="59" t="s">
        <v>28</v>
      </c>
      <c r="D543" s="59" t="s">
        <v>368</v>
      </c>
      <c r="E543" s="59" t="s">
        <v>380</v>
      </c>
      <c r="F543" s="59" t="s">
        <v>449</v>
      </c>
      <c r="G543" s="59" t="s">
        <v>450</v>
      </c>
      <c r="H543" s="60">
        <v>221</v>
      </c>
      <c r="I543" s="60">
        <v>109</v>
      </c>
      <c r="J543" s="61">
        <v>0</v>
      </c>
      <c r="K543" s="61">
        <v>38.46</v>
      </c>
    </row>
    <row r="544" spans="1:11" ht="18.75" customHeight="1" thickBot="1">
      <c r="A544" s="59" t="s">
        <v>448</v>
      </c>
      <c r="B544" s="59" t="s">
        <v>28</v>
      </c>
      <c r="C544" s="59" t="s">
        <v>28</v>
      </c>
      <c r="D544" s="59" t="s">
        <v>368</v>
      </c>
      <c r="E544" s="59" t="s">
        <v>380</v>
      </c>
      <c r="F544" s="59" t="s">
        <v>449</v>
      </c>
      <c r="G544" s="59" t="s">
        <v>450</v>
      </c>
      <c r="H544" s="60">
        <v>221</v>
      </c>
      <c r="I544" s="60">
        <v>150</v>
      </c>
      <c r="J544" s="61">
        <v>0</v>
      </c>
      <c r="K544" s="61">
        <v>0.48</v>
      </c>
    </row>
    <row r="545" spans="1:11" ht="18.75" customHeight="1" thickBot="1">
      <c r="A545" s="59" t="s">
        <v>448</v>
      </c>
      <c r="B545" s="59" t="s">
        <v>28</v>
      </c>
      <c r="C545" s="59" t="s">
        <v>28</v>
      </c>
      <c r="D545" s="59" t="s">
        <v>368</v>
      </c>
      <c r="E545" s="59" t="s">
        <v>380</v>
      </c>
      <c r="F545" s="59" t="s">
        <v>449</v>
      </c>
      <c r="G545" s="59" t="s">
        <v>450</v>
      </c>
      <c r="H545" s="60">
        <v>221</v>
      </c>
      <c r="I545" s="60">
        <v>204</v>
      </c>
      <c r="J545" s="61">
        <v>0</v>
      </c>
      <c r="K545" s="61">
        <v>8.51</v>
      </c>
    </row>
    <row r="546" spans="1:11" ht="18.75" customHeight="1" thickBot="1">
      <c r="A546" s="59" t="s">
        <v>448</v>
      </c>
      <c r="B546" s="59" t="s">
        <v>28</v>
      </c>
      <c r="C546" s="59" t="s">
        <v>28</v>
      </c>
      <c r="D546" s="59" t="s">
        <v>368</v>
      </c>
      <c r="E546" s="59" t="s">
        <v>380</v>
      </c>
      <c r="F546" s="59" t="s">
        <v>449</v>
      </c>
      <c r="G546" s="59" t="s">
        <v>450</v>
      </c>
      <c r="H546" s="60">
        <v>221</v>
      </c>
      <c r="I546" s="60">
        <v>211</v>
      </c>
      <c r="J546" s="61">
        <v>0</v>
      </c>
      <c r="K546" s="61">
        <v>766.44</v>
      </c>
    </row>
    <row r="547" spans="1:11" ht="18.75" customHeight="1" thickBot="1">
      <c r="A547" s="59" t="s">
        <v>448</v>
      </c>
      <c r="B547" s="59" t="s">
        <v>28</v>
      </c>
      <c r="C547" s="59" t="s">
        <v>28</v>
      </c>
      <c r="D547" s="59" t="s">
        <v>368</v>
      </c>
      <c r="E547" s="59" t="s">
        <v>380</v>
      </c>
      <c r="F547" s="59" t="s">
        <v>449</v>
      </c>
      <c r="G547" s="59" t="s">
        <v>450</v>
      </c>
      <c r="H547" s="60">
        <v>221</v>
      </c>
      <c r="I547" s="60">
        <v>215</v>
      </c>
      <c r="J547" s="61">
        <v>0</v>
      </c>
      <c r="K547" s="61">
        <v>3921.23</v>
      </c>
    </row>
    <row r="548" spans="1:11" ht="18.75" customHeight="1" thickBot="1">
      <c r="A548" s="59" t="s">
        <v>448</v>
      </c>
      <c r="B548" s="59" t="s">
        <v>28</v>
      </c>
      <c r="C548" s="59" t="s">
        <v>28</v>
      </c>
      <c r="D548" s="59" t="s">
        <v>368</v>
      </c>
      <c r="E548" s="59" t="s">
        <v>380</v>
      </c>
      <c r="F548" s="59" t="s">
        <v>449</v>
      </c>
      <c r="G548" s="59" t="s">
        <v>450</v>
      </c>
      <c r="H548" s="60">
        <v>221</v>
      </c>
      <c r="I548" s="60">
        <v>217</v>
      </c>
      <c r="J548" s="61">
        <v>0</v>
      </c>
      <c r="K548" s="61">
        <v>67.040000000000006</v>
      </c>
    </row>
    <row r="549" spans="1:11" ht="18.75" customHeight="1" thickBot="1">
      <c r="A549" s="59" t="s">
        <v>448</v>
      </c>
      <c r="B549" s="59" t="s">
        <v>28</v>
      </c>
      <c r="C549" s="59" t="s">
        <v>28</v>
      </c>
      <c r="D549" s="59" t="s">
        <v>368</v>
      </c>
      <c r="E549" s="59" t="s">
        <v>380</v>
      </c>
      <c r="F549" s="59" t="s">
        <v>449</v>
      </c>
      <c r="G549" s="59" t="s">
        <v>450</v>
      </c>
      <c r="H549" s="60">
        <v>221</v>
      </c>
      <c r="I549" s="60">
        <v>220</v>
      </c>
      <c r="J549" s="61">
        <v>0</v>
      </c>
      <c r="K549" s="61">
        <v>359.31</v>
      </c>
    </row>
    <row r="550" spans="1:11" ht="18.75" customHeight="1" thickBot="1">
      <c r="A550" s="59" t="s">
        <v>448</v>
      </c>
      <c r="B550" s="59" t="s">
        <v>28</v>
      </c>
      <c r="C550" s="59" t="s">
        <v>28</v>
      </c>
      <c r="D550" s="59" t="s">
        <v>368</v>
      </c>
      <c r="E550" s="59" t="s">
        <v>380</v>
      </c>
      <c r="F550" s="59" t="s">
        <v>449</v>
      </c>
      <c r="G550" s="59" t="s">
        <v>450</v>
      </c>
      <c r="H550" s="60">
        <v>221</v>
      </c>
      <c r="I550" s="60">
        <v>240</v>
      </c>
      <c r="J550" s="61">
        <v>0</v>
      </c>
      <c r="K550" s="61">
        <v>3820.05</v>
      </c>
    </row>
    <row r="551" spans="1:11" ht="18.75" customHeight="1" thickBot="1">
      <c r="A551" s="59" t="s">
        <v>448</v>
      </c>
      <c r="B551" s="59" t="s">
        <v>28</v>
      </c>
      <c r="C551" s="59" t="s">
        <v>28</v>
      </c>
      <c r="D551" s="59" t="s">
        <v>368</v>
      </c>
      <c r="E551" s="59" t="s">
        <v>380</v>
      </c>
      <c r="F551" s="59" t="s">
        <v>449</v>
      </c>
      <c r="G551" s="59" t="s">
        <v>450</v>
      </c>
      <c r="H551" s="60">
        <v>221</v>
      </c>
      <c r="I551" s="60">
        <v>244</v>
      </c>
      <c r="J551" s="61">
        <v>0</v>
      </c>
      <c r="K551" s="61">
        <v>3570.39</v>
      </c>
    </row>
    <row r="552" spans="1:11" ht="18.75" customHeight="1" thickBot="1">
      <c r="A552" s="59" t="s">
        <v>448</v>
      </c>
      <c r="B552" s="59" t="s">
        <v>28</v>
      </c>
      <c r="C552" s="59" t="s">
        <v>28</v>
      </c>
      <c r="D552" s="59" t="s">
        <v>368</v>
      </c>
      <c r="E552" s="59" t="s">
        <v>380</v>
      </c>
      <c r="F552" s="59" t="s">
        <v>449</v>
      </c>
      <c r="G552" s="59" t="s">
        <v>450</v>
      </c>
      <c r="H552" s="60">
        <v>221</v>
      </c>
      <c r="I552" s="60">
        <v>358</v>
      </c>
      <c r="J552" s="61">
        <v>0</v>
      </c>
      <c r="K552" s="61">
        <v>14629.69</v>
      </c>
    </row>
    <row r="553" spans="1:11" ht="18.75" customHeight="1" thickBot="1">
      <c r="A553" s="59" t="s">
        <v>448</v>
      </c>
      <c r="B553" s="59" t="s">
        <v>28</v>
      </c>
      <c r="C553" s="59" t="s">
        <v>28</v>
      </c>
      <c r="D553" s="59" t="s">
        <v>368</v>
      </c>
      <c r="E553" s="59" t="s">
        <v>380</v>
      </c>
      <c r="F553" s="59" t="s">
        <v>449</v>
      </c>
      <c r="G553" s="59" t="s">
        <v>450</v>
      </c>
      <c r="H553" s="60">
        <v>221</v>
      </c>
      <c r="I553" s="60">
        <v>359</v>
      </c>
      <c r="J553" s="61">
        <v>0</v>
      </c>
      <c r="K553" s="61">
        <v>8176.38</v>
      </c>
    </row>
    <row r="554" spans="1:11" ht="18.75" customHeight="1" thickBot="1">
      <c r="A554" s="59" t="s">
        <v>448</v>
      </c>
      <c r="B554" s="59" t="s">
        <v>28</v>
      </c>
      <c r="C554" s="59" t="s">
        <v>28</v>
      </c>
      <c r="D554" s="59" t="s">
        <v>368</v>
      </c>
      <c r="E554" s="59" t="s">
        <v>380</v>
      </c>
      <c r="F554" s="59" t="s">
        <v>449</v>
      </c>
      <c r="G554" s="59" t="s">
        <v>450</v>
      </c>
      <c r="H554" s="60">
        <v>221</v>
      </c>
      <c r="I554" s="60">
        <v>360</v>
      </c>
      <c r="J554" s="61">
        <v>0</v>
      </c>
      <c r="K554" s="61">
        <v>4943.6400000000003</v>
      </c>
    </row>
    <row r="555" spans="1:11" ht="18.75" customHeight="1" thickBot="1">
      <c r="A555" s="59" t="s">
        <v>448</v>
      </c>
      <c r="B555" s="59" t="s">
        <v>28</v>
      </c>
      <c r="C555" s="59" t="s">
        <v>28</v>
      </c>
      <c r="D555" s="59" t="s">
        <v>368</v>
      </c>
      <c r="E555" s="59" t="s">
        <v>380</v>
      </c>
      <c r="F555" s="59" t="s">
        <v>449</v>
      </c>
      <c r="G555" s="59" t="s">
        <v>450</v>
      </c>
      <c r="H555" s="60">
        <v>222</v>
      </c>
      <c r="I555" s="60">
        <v>113</v>
      </c>
      <c r="J555" s="61">
        <v>0</v>
      </c>
      <c r="K555" s="61">
        <v>5.12</v>
      </c>
    </row>
    <row r="556" spans="1:11" ht="18.75" customHeight="1" thickBot="1">
      <c r="A556" s="59" t="s">
        <v>448</v>
      </c>
      <c r="B556" s="59" t="s">
        <v>28</v>
      </c>
      <c r="C556" s="59" t="s">
        <v>28</v>
      </c>
      <c r="D556" s="59" t="s">
        <v>368</v>
      </c>
      <c r="E556" s="59" t="s">
        <v>380</v>
      </c>
      <c r="F556" s="59" t="s">
        <v>449</v>
      </c>
      <c r="G556" s="59" t="s">
        <v>450</v>
      </c>
      <c r="H556" s="60">
        <v>222</v>
      </c>
      <c r="I556" s="60">
        <v>211</v>
      </c>
      <c r="J556" s="61">
        <v>0</v>
      </c>
      <c r="K556" s="61">
        <v>45.8</v>
      </c>
    </row>
    <row r="557" spans="1:11" ht="18.75" customHeight="1" thickBot="1">
      <c r="A557" s="59" t="s">
        <v>448</v>
      </c>
      <c r="B557" s="59" t="s">
        <v>28</v>
      </c>
      <c r="C557" s="59" t="s">
        <v>28</v>
      </c>
      <c r="D557" s="59" t="s">
        <v>368</v>
      </c>
      <c r="E557" s="59" t="s">
        <v>380</v>
      </c>
      <c r="F557" s="59" t="s">
        <v>449</v>
      </c>
      <c r="G557" s="59" t="s">
        <v>450</v>
      </c>
      <c r="H557" s="60">
        <v>222</v>
      </c>
      <c r="I557" s="60">
        <v>215</v>
      </c>
      <c r="J557" s="61">
        <v>0</v>
      </c>
      <c r="K557" s="61">
        <v>296.48</v>
      </c>
    </row>
    <row r="558" spans="1:11" ht="18.75" customHeight="1" thickBot="1">
      <c r="A558" s="59" t="s">
        <v>448</v>
      </c>
      <c r="B558" s="59" t="s">
        <v>28</v>
      </c>
      <c r="C558" s="59" t="s">
        <v>28</v>
      </c>
      <c r="D558" s="59" t="s">
        <v>368</v>
      </c>
      <c r="E558" s="59" t="s">
        <v>380</v>
      </c>
      <c r="F558" s="59" t="s">
        <v>449</v>
      </c>
      <c r="G558" s="59" t="s">
        <v>450</v>
      </c>
      <c r="H558" s="60">
        <v>222</v>
      </c>
      <c r="I558" s="60">
        <v>240</v>
      </c>
      <c r="J558" s="61">
        <v>0</v>
      </c>
      <c r="K558" s="61">
        <v>945.46</v>
      </c>
    </row>
    <row r="559" spans="1:11" ht="18.75" customHeight="1" thickBot="1">
      <c r="A559" s="59" t="s">
        <v>448</v>
      </c>
      <c r="B559" s="59" t="s">
        <v>28</v>
      </c>
      <c r="C559" s="59" t="s">
        <v>28</v>
      </c>
      <c r="D559" s="59" t="s">
        <v>368</v>
      </c>
      <c r="E559" s="59" t="s">
        <v>380</v>
      </c>
      <c r="F559" s="59" t="s">
        <v>449</v>
      </c>
      <c r="G559" s="59" t="s">
        <v>450</v>
      </c>
      <c r="H559" s="60">
        <v>230</v>
      </c>
      <c r="I559" s="60">
        <v>94</v>
      </c>
      <c r="J559" s="61">
        <v>0</v>
      </c>
      <c r="K559" s="61">
        <v>0.65</v>
      </c>
    </row>
    <row r="560" spans="1:11" ht="18.75" customHeight="1" thickBot="1">
      <c r="A560" s="59" t="s">
        <v>448</v>
      </c>
      <c r="B560" s="59" t="s">
        <v>28</v>
      </c>
      <c r="C560" s="59" t="s">
        <v>28</v>
      </c>
      <c r="D560" s="59" t="s">
        <v>368</v>
      </c>
      <c r="E560" s="59" t="s">
        <v>380</v>
      </c>
      <c r="F560" s="59" t="s">
        <v>449</v>
      </c>
      <c r="G560" s="59" t="s">
        <v>450</v>
      </c>
      <c r="H560" s="60">
        <v>230</v>
      </c>
      <c r="I560" s="60">
        <v>97</v>
      </c>
      <c r="J560" s="61">
        <v>0</v>
      </c>
      <c r="K560" s="61">
        <v>21.27</v>
      </c>
    </row>
    <row r="561" spans="1:11" ht="18.75" customHeight="1" thickBot="1">
      <c r="A561" s="59" t="s">
        <v>448</v>
      </c>
      <c r="B561" s="59" t="s">
        <v>28</v>
      </c>
      <c r="C561" s="59" t="s">
        <v>28</v>
      </c>
      <c r="D561" s="59" t="s">
        <v>368</v>
      </c>
      <c r="E561" s="59" t="s">
        <v>380</v>
      </c>
      <c r="F561" s="59" t="s">
        <v>449</v>
      </c>
      <c r="G561" s="59" t="s">
        <v>450</v>
      </c>
      <c r="H561" s="60">
        <v>230</v>
      </c>
      <c r="I561" s="60">
        <v>107</v>
      </c>
      <c r="J561" s="61">
        <v>0</v>
      </c>
      <c r="K561" s="61">
        <v>3.68</v>
      </c>
    </row>
    <row r="562" spans="1:11" ht="18.75" customHeight="1" thickBot="1">
      <c r="A562" s="59" t="s">
        <v>448</v>
      </c>
      <c r="B562" s="59" t="s">
        <v>28</v>
      </c>
      <c r="C562" s="59" t="s">
        <v>28</v>
      </c>
      <c r="D562" s="59" t="s">
        <v>368</v>
      </c>
      <c r="E562" s="59" t="s">
        <v>380</v>
      </c>
      <c r="F562" s="59" t="s">
        <v>449</v>
      </c>
      <c r="G562" s="59" t="s">
        <v>450</v>
      </c>
      <c r="H562" s="60">
        <v>230</v>
      </c>
      <c r="I562" s="60">
        <v>109</v>
      </c>
      <c r="J562" s="61">
        <v>0</v>
      </c>
      <c r="K562" s="61">
        <v>4.91</v>
      </c>
    </row>
    <row r="563" spans="1:11" ht="18.75" customHeight="1" thickBot="1">
      <c r="A563" s="59" t="s">
        <v>448</v>
      </c>
      <c r="B563" s="59" t="s">
        <v>28</v>
      </c>
      <c r="C563" s="59" t="s">
        <v>28</v>
      </c>
      <c r="D563" s="59" t="s">
        <v>368</v>
      </c>
      <c r="E563" s="59" t="s">
        <v>380</v>
      </c>
      <c r="F563" s="59" t="s">
        <v>449</v>
      </c>
      <c r="G563" s="59" t="s">
        <v>450</v>
      </c>
      <c r="H563" s="60">
        <v>230</v>
      </c>
      <c r="I563" s="60">
        <v>113</v>
      </c>
      <c r="J563" s="61">
        <v>0</v>
      </c>
      <c r="K563" s="61">
        <v>2.2999999999999998</v>
      </c>
    </row>
    <row r="564" spans="1:11" ht="18.75" customHeight="1" thickBot="1">
      <c r="A564" s="59" t="s">
        <v>448</v>
      </c>
      <c r="B564" s="59" t="s">
        <v>28</v>
      </c>
      <c r="C564" s="59" t="s">
        <v>28</v>
      </c>
      <c r="D564" s="59" t="s">
        <v>368</v>
      </c>
      <c r="E564" s="59" t="s">
        <v>380</v>
      </c>
      <c r="F564" s="59" t="s">
        <v>449</v>
      </c>
      <c r="G564" s="59" t="s">
        <v>450</v>
      </c>
      <c r="H564" s="60">
        <v>230</v>
      </c>
      <c r="I564" s="60">
        <v>211</v>
      </c>
      <c r="J564" s="61">
        <v>0</v>
      </c>
      <c r="K564" s="61">
        <v>62.13</v>
      </c>
    </row>
    <row r="565" spans="1:11" ht="18.75" customHeight="1" thickBot="1">
      <c r="A565" s="59" t="s">
        <v>448</v>
      </c>
      <c r="B565" s="59" t="s">
        <v>28</v>
      </c>
      <c r="C565" s="59" t="s">
        <v>28</v>
      </c>
      <c r="D565" s="59" t="s">
        <v>368</v>
      </c>
      <c r="E565" s="59" t="s">
        <v>380</v>
      </c>
      <c r="F565" s="59" t="s">
        <v>449</v>
      </c>
      <c r="G565" s="59" t="s">
        <v>450</v>
      </c>
      <c r="H565" s="60">
        <v>230</v>
      </c>
      <c r="I565" s="60">
        <v>215</v>
      </c>
      <c r="J565" s="61">
        <v>0</v>
      </c>
      <c r="K565" s="61">
        <v>151.53</v>
      </c>
    </row>
    <row r="566" spans="1:11" ht="18.75" customHeight="1" thickBot="1">
      <c r="A566" s="59" t="s">
        <v>448</v>
      </c>
      <c r="B566" s="59" t="s">
        <v>28</v>
      </c>
      <c r="C566" s="59" t="s">
        <v>28</v>
      </c>
      <c r="D566" s="59" t="s">
        <v>368</v>
      </c>
      <c r="E566" s="59" t="s">
        <v>380</v>
      </c>
      <c r="F566" s="59" t="s">
        <v>449</v>
      </c>
      <c r="G566" s="59" t="s">
        <v>450</v>
      </c>
      <c r="H566" s="60">
        <v>230</v>
      </c>
      <c r="I566" s="60">
        <v>217</v>
      </c>
      <c r="J566" s="61">
        <v>0</v>
      </c>
      <c r="K566" s="61">
        <v>6.99</v>
      </c>
    </row>
    <row r="567" spans="1:11" ht="18.75" customHeight="1" thickBot="1">
      <c r="A567" s="59" t="s">
        <v>448</v>
      </c>
      <c r="B567" s="59" t="s">
        <v>28</v>
      </c>
      <c r="C567" s="59" t="s">
        <v>28</v>
      </c>
      <c r="D567" s="59" t="s">
        <v>368</v>
      </c>
      <c r="E567" s="59" t="s">
        <v>380</v>
      </c>
      <c r="F567" s="59" t="s">
        <v>449</v>
      </c>
      <c r="G567" s="59" t="s">
        <v>450</v>
      </c>
      <c r="H567" s="60">
        <v>230</v>
      </c>
      <c r="I567" s="60">
        <v>220</v>
      </c>
      <c r="J567" s="61">
        <v>0</v>
      </c>
      <c r="K567" s="61">
        <v>496.42</v>
      </c>
    </row>
    <row r="568" spans="1:11" ht="18.75" customHeight="1" thickBot="1">
      <c r="A568" s="59" t="s">
        <v>448</v>
      </c>
      <c r="B568" s="59" t="s">
        <v>28</v>
      </c>
      <c r="C568" s="59" t="s">
        <v>28</v>
      </c>
      <c r="D568" s="59" t="s">
        <v>368</v>
      </c>
      <c r="E568" s="59" t="s">
        <v>380</v>
      </c>
      <c r="F568" s="59" t="s">
        <v>449</v>
      </c>
      <c r="G568" s="59" t="s">
        <v>450</v>
      </c>
      <c r="H568" s="60">
        <v>230</v>
      </c>
      <c r="I568" s="60">
        <v>236</v>
      </c>
      <c r="J568" s="61">
        <v>0</v>
      </c>
      <c r="K568" s="61">
        <v>305.89</v>
      </c>
    </row>
    <row r="569" spans="1:11" ht="18.75" customHeight="1" thickBot="1">
      <c r="A569" s="59" t="s">
        <v>448</v>
      </c>
      <c r="B569" s="59" t="s">
        <v>28</v>
      </c>
      <c r="C569" s="59" t="s">
        <v>28</v>
      </c>
      <c r="D569" s="59" t="s">
        <v>368</v>
      </c>
      <c r="E569" s="59" t="s">
        <v>380</v>
      </c>
      <c r="F569" s="59" t="s">
        <v>449</v>
      </c>
      <c r="G569" s="59" t="s">
        <v>450</v>
      </c>
      <c r="H569" s="60">
        <v>230</v>
      </c>
      <c r="I569" s="60">
        <v>240</v>
      </c>
      <c r="J569" s="61">
        <v>0</v>
      </c>
      <c r="K569" s="61">
        <v>99.05</v>
      </c>
    </row>
    <row r="570" spans="1:11" ht="18.75" customHeight="1" thickBot="1">
      <c r="A570" s="59" t="s">
        <v>448</v>
      </c>
      <c r="B570" s="59" t="s">
        <v>28</v>
      </c>
      <c r="C570" s="59" t="s">
        <v>28</v>
      </c>
      <c r="D570" s="59" t="s">
        <v>368</v>
      </c>
      <c r="E570" s="59" t="s">
        <v>380</v>
      </c>
      <c r="F570" s="59" t="s">
        <v>449</v>
      </c>
      <c r="G570" s="59" t="s">
        <v>450</v>
      </c>
      <c r="H570" s="60">
        <v>230</v>
      </c>
      <c r="I570" s="60">
        <v>244</v>
      </c>
      <c r="J570" s="61">
        <v>0</v>
      </c>
      <c r="K570" s="61">
        <v>6102.69</v>
      </c>
    </row>
    <row r="571" spans="1:11" ht="18.75" customHeight="1" thickBot="1">
      <c r="A571" s="59" t="s">
        <v>448</v>
      </c>
      <c r="B571" s="59" t="s">
        <v>28</v>
      </c>
      <c r="C571" s="59" t="s">
        <v>28</v>
      </c>
      <c r="D571" s="59" t="s">
        <v>368</v>
      </c>
      <c r="E571" s="59" t="s">
        <v>380</v>
      </c>
      <c r="F571" s="59" t="s">
        <v>449</v>
      </c>
      <c r="G571" s="59" t="s">
        <v>450</v>
      </c>
      <c r="H571" s="60">
        <v>230</v>
      </c>
      <c r="I571" s="60">
        <v>248</v>
      </c>
      <c r="J571" s="61">
        <v>0</v>
      </c>
      <c r="K571" s="61">
        <v>969.33</v>
      </c>
    </row>
    <row r="572" spans="1:11" ht="18.75" customHeight="1" thickBot="1">
      <c r="A572" s="59" t="s">
        <v>448</v>
      </c>
      <c r="B572" s="59" t="s">
        <v>28</v>
      </c>
      <c r="C572" s="59" t="s">
        <v>28</v>
      </c>
      <c r="D572" s="59" t="s">
        <v>368</v>
      </c>
      <c r="E572" s="59" t="s">
        <v>380</v>
      </c>
      <c r="F572" s="59" t="s">
        <v>449</v>
      </c>
      <c r="G572" s="59" t="s">
        <v>450</v>
      </c>
      <c r="H572" s="60">
        <v>230</v>
      </c>
      <c r="I572" s="60">
        <v>257</v>
      </c>
      <c r="J572" s="61">
        <v>0</v>
      </c>
      <c r="K572" s="61">
        <v>382.28</v>
      </c>
    </row>
    <row r="573" spans="1:11" ht="18.75" customHeight="1" thickBot="1">
      <c r="A573" s="59" t="s">
        <v>448</v>
      </c>
      <c r="B573" s="59" t="s">
        <v>28</v>
      </c>
      <c r="C573" s="59" t="s">
        <v>28</v>
      </c>
      <c r="D573" s="59" t="s">
        <v>368</v>
      </c>
      <c r="E573" s="59" t="s">
        <v>380</v>
      </c>
      <c r="F573" s="59" t="s">
        <v>449</v>
      </c>
      <c r="G573" s="59" t="s">
        <v>450</v>
      </c>
      <c r="H573" s="60">
        <v>230</v>
      </c>
      <c r="I573" s="60">
        <v>330</v>
      </c>
      <c r="J573" s="61">
        <v>0</v>
      </c>
      <c r="K573" s="61">
        <v>10151.49</v>
      </c>
    </row>
    <row r="574" spans="1:11" ht="18.75" customHeight="1" thickBot="1">
      <c r="A574" s="59" t="s">
        <v>448</v>
      </c>
      <c r="B574" s="59" t="s">
        <v>28</v>
      </c>
      <c r="C574" s="59" t="s">
        <v>28</v>
      </c>
      <c r="D574" s="59" t="s">
        <v>368</v>
      </c>
      <c r="E574" s="59" t="s">
        <v>380</v>
      </c>
      <c r="F574" s="59" t="s">
        <v>449</v>
      </c>
      <c r="G574" s="59" t="s">
        <v>450</v>
      </c>
      <c r="H574" s="60">
        <v>230</v>
      </c>
      <c r="I574" s="60">
        <v>358</v>
      </c>
      <c r="J574" s="61">
        <v>0</v>
      </c>
      <c r="K574" s="61">
        <v>40714.29</v>
      </c>
    </row>
    <row r="575" spans="1:11" ht="18.75" customHeight="1" thickBot="1">
      <c r="A575" s="59" t="s">
        <v>448</v>
      </c>
      <c r="B575" s="59" t="s">
        <v>28</v>
      </c>
      <c r="C575" s="59" t="s">
        <v>28</v>
      </c>
      <c r="D575" s="59" t="s">
        <v>368</v>
      </c>
      <c r="E575" s="59" t="s">
        <v>380</v>
      </c>
      <c r="F575" s="59" t="s">
        <v>449</v>
      </c>
      <c r="G575" s="59" t="s">
        <v>450</v>
      </c>
      <c r="H575" s="60">
        <v>230</v>
      </c>
      <c r="I575" s="60">
        <v>359</v>
      </c>
      <c r="J575" s="61">
        <v>0</v>
      </c>
      <c r="K575" s="61">
        <v>14987.2</v>
      </c>
    </row>
    <row r="576" spans="1:11" ht="18.75" hidden="1" customHeight="1" thickBot="1">
      <c r="A576" s="59" t="s">
        <v>448</v>
      </c>
      <c r="B576" s="59" t="s">
        <v>28</v>
      </c>
      <c r="C576" s="59" t="s">
        <v>28</v>
      </c>
      <c r="D576" s="59" t="s">
        <v>368</v>
      </c>
      <c r="E576" s="59" t="s">
        <v>382</v>
      </c>
      <c r="F576" s="59" t="s">
        <v>449</v>
      </c>
      <c r="G576" s="59" t="s">
        <v>450</v>
      </c>
      <c r="H576" s="60">
        <v>10</v>
      </c>
      <c r="I576" s="60">
        <v>22</v>
      </c>
      <c r="J576" s="61">
        <v>0</v>
      </c>
      <c r="K576" s="61">
        <v>-0.59</v>
      </c>
    </row>
    <row r="577" spans="1:11" ht="18.75" hidden="1" customHeight="1" thickBot="1">
      <c r="A577" s="59" t="s">
        <v>448</v>
      </c>
      <c r="B577" s="59" t="s">
        <v>28</v>
      </c>
      <c r="C577" s="59" t="s">
        <v>28</v>
      </c>
      <c r="D577" s="59" t="s">
        <v>368</v>
      </c>
      <c r="E577" s="59" t="s">
        <v>382</v>
      </c>
      <c r="F577" s="59" t="s">
        <v>449</v>
      </c>
      <c r="G577" s="59" t="s">
        <v>450</v>
      </c>
      <c r="H577" s="60">
        <v>20</v>
      </c>
      <c r="I577" s="60">
        <v>22</v>
      </c>
      <c r="J577" s="61">
        <v>0</v>
      </c>
      <c r="K577" s="61">
        <v>-2.17</v>
      </c>
    </row>
    <row r="578" spans="1:11" ht="18.75" hidden="1" customHeight="1" thickBot="1">
      <c r="A578" s="59" t="s">
        <v>448</v>
      </c>
      <c r="B578" s="59" t="s">
        <v>28</v>
      </c>
      <c r="C578" s="59" t="s">
        <v>28</v>
      </c>
      <c r="D578" s="59" t="s">
        <v>368</v>
      </c>
      <c r="E578" s="59" t="s">
        <v>382</v>
      </c>
      <c r="F578" s="59" t="s">
        <v>449</v>
      </c>
      <c r="G578" s="59" t="s">
        <v>450</v>
      </c>
      <c r="H578" s="60">
        <v>20</v>
      </c>
      <c r="I578" s="60">
        <v>150</v>
      </c>
      <c r="J578" s="61">
        <v>0</v>
      </c>
      <c r="K578" s="61">
        <v>-0.43</v>
      </c>
    </row>
    <row r="579" spans="1:11" ht="18.75" hidden="1" customHeight="1" thickBot="1">
      <c r="A579" s="59" t="s">
        <v>448</v>
      </c>
      <c r="B579" s="59" t="s">
        <v>28</v>
      </c>
      <c r="C579" s="59" t="s">
        <v>28</v>
      </c>
      <c r="D579" s="59" t="s">
        <v>368</v>
      </c>
      <c r="E579" s="59" t="s">
        <v>382</v>
      </c>
      <c r="F579" s="59" t="s">
        <v>449</v>
      </c>
      <c r="G579" s="59" t="s">
        <v>450</v>
      </c>
      <c r="H579" s="60">
        <v>211</v>
      </c>
      <c r="I579" s="60">
        <v>211</v>
      </c>
      <c r="J579" s="61">
        <v>0</v>
      </c>
      <c r="K579" s="61">
        <v>-105.44</v>
      </c>
    </row>
    <row r="580" spans="1:11" ht="18.75" hidden="1" customHeight="1" thickBot="1">
      <c r="A580" s="59" t="s">
        <v>448</v>
      </c>
      <c r="B580" s="59" t="s">
        <v>28</v>
      </c>
      <c r="C580" s="59" t="s">
        <v>28</v>
      </c>
      <c r="D580" s="59" t="s">
        <v>368</v>
      </c>
      <c r="E580" s="59" t="s">
        <v>382</v>
      </c>
      <c r="F580" s="59" t="s">
        <v>449</v>
      </c>
      <c r="G580" s="59" t="s">
        <v>450</v>
      </c>
      <c r="H580" s="60">
        <v>211</v>
      </c>
      <c r="I580" s="60">
        <v>215</v>
      </c>
      <c r="J580" s="61">
        <v>0</v>
      </c>
      <c r="K580" s="61">
        <v>-253.8</v>
      </c>
    </row>
    <row r="581" spans="1:11" ht="18.75" hidden="1" customHeight="1" thickBot="1">
      <c r="A581" s="59" t="s">
        <v>448</v>
      </c>
      <c r="B581" s="59" t="s">
        <v>28</v>
      </c>
      <c r="C581" s="59" t="s">
        <v>28</v>
      </c>
      <c r="D581" s="59" t="s">
        <v>368</v>
      </c>
      <c r="E581" s="59" t="s">
        <v>382</v>
      </c>
      <c r="F581" s="59" t="s">
        <v>449</v>
      </c>
      <c r="G581" s="59" t="s">
        <v>450</v>
      </c>
      <c r="H581" s="60">
        <v>212</v>
      </c>
      <c r="I581" s="60">
        <v>215</v>
      </c>
      <c r="J581" s="61">
        <v>0</v>
      </c>
      <c r="K581" s="61">
        <v>-9.23</v>
      </c>
    </row>
    <row r="582" spans="1:11" ht="18.75" hidden="1" customHeight="1" thickBot="1">
      <c r="A582" s="59" t="s">
        <v>448</v>
      </c>
      <c r="B582" s="59" t="s">
        <v>28</v>
      </c>
      <c r="C582" s="59" t="s">
        <v>28</v>
      </c>
      <c r="D582" s="59" t="s">
        <v>369</v>
      </c>
      <c r="E582" s="59" t="s">
        <v>378</v>
      </c>
      <c r="F582" s="59" t="s">
        <v>449</v>
      </c>
      <c r="G582" s="59" t="s">
        <v>450</v>
      </c>
      <c r="H582" s="60">
        <v>10</v>
      </c>
      <c r="I582" s="60">
        <v>14</v>
      </c>
      <c r="J582" s="61">
        <v>0</v>
      </c>
      <c r="K582" s="61">
        <v>-0.73</v>
      </c>
    </row>
    <row r="583" spans="1:11" ht="18.75" hidden="1" customHeight="1" thickBot="1">
      <c r="A583" s="59" t="s">
        <v>448</v>
      </c>
      <c r="B583" s="59" t="s">
        <v>28</v>
      </c>
      <c r="C583" s="59" t="s">
        <v>28</v>
      </c>
      <c r="D583" s="59" t="s">
        <v>369</v>
      </c>
      <c r="E583" s="59" t="s">
        <v>378</v>
      </c>
      <c r="F583" s="59" t="s">
        <v>449</v>
      </c>
      <c r="G583" s="59" t="s">
        <v>450</v>
      </c>
      <c r="H583" s="60">
        <v>10</v>
      </c>
      <c r="I583" s="60">
        <v>15</v>
      </c>
      <c r="J583" s="61">
        <v>0</v>
      </c>
      <c r="K583" s="61">
        <v>-31.22</v>
      </c>
    </row>
    <row r="584" spans="1:11" ht="18.75" hidden="1" customHeight="1" thickBot="1">
      <c r="A584" s="59" t="s">
        <v>448</v>
      </c>
      <c r="B584" s="59" t="s">
        <v>28</v>
      </c>
      <c r="C584" s="59" t="s">
        <v>28</v>
      </c>
      <c r="D584" s="59" t="s">
        <v>369</v>
      </c>
      <c r="E584" s="59" t="s">
        <v>378</v>
      </c>
      <c r="F584" s="59" t="s">
        <v>449</v>
      </c>
      <c r="G584" s="59" t="s">
        <v>450</v>
      </c>
      <c r="H584" s="60">
        <v>10</v>
      </c>
      <c r="I584" s="60">
        <v>22</v>
      </c>
      <c r="J584" s="61">
        <v>0</v>
      </c>
      <c r="K584" s="61">
        <v>-16.93</v>
      </c>
    </row>
    <row r="585" spans="1:11" ht="18.75" hidden="1" customHeight="1" thickBot="1">
      <c r="A585" s="59" t="s">
        <v>448</v>
      </c>
      <c r="B585" s="59" t="s">
        <v>28</v>
      </c>
      <c r="C585" s="59" t="s">
        <v>28</v>
      </c>
      <c r="D585" s="59" t="s">
        <v>369</v>
      </c>
      <c r="E585" s="59" t="s">
        <v>378</v>
      </c>
      <c r="F585" s="59" t="s">
        <v>449</v>
      </c>
      <c r="G585" s="59" t="s">
        <v>450</v>
      </c>
      <c r="H585" s="60">
        <v>10</v>
      </c>
      <c r="I585" s="60">
        <v>93</v>
      </c>
      <c r="J585" s="61">
        <v>0</v>
      </c>
      <c r="K585" s="61">
        <v>-2.4700000000000002</v>
      </c>
    </row>
    <row r="586" spans="1:11" ht="18.75" hidden="1" customHeight="1" thickBot="1">
      <c r="A586" s="59" t="s">
        <v>448</v>
      </c>
      <c r="B586" s="59" t="s">
        <v>28</v>
      </c>
      <c r="C586" s="59" t="s">
        <v>28</v>
      </c>
      <c r="D586" s="59" t="s">
        <v>369</v>
      </c>
      <c r="E586" s="59" t="s">
        <v>378</v>
      </c>
      <c r="F586" s="59" t="s">
        <v>449</v>
      </c>
      <c r="G586" s="59" t="s">
        <v>450</v>
      </c>
      <c r="H586" s="60">
        <v>10</v>
      </c>
      <c r="I586" s="60">
        <v>94</v>
      </c>
      <c r="J586" s="61">
        <v>0</v>
      </c>
      <c r="K586" s="61">
        <v>-32.89</v>
      </c>
    </row>
    <row r="587" spans="1:11" ht="18.75" hidden="1" customHeight="1" thickBot="1">
      <c r="A587" s="59" t="s">
        <v>448</v>
      </c>
      <c r="B587" s="59" t="s">
        <v>28</v>
      </c>
      <c r="C587" s="59" t="s">
        <v>28</v>
      </c>
      <c r="D587" s="59" t="s">
        <v>369</v>
      </c>
      <c r="E587" s="59" t="s">
        <v>378</v>
      </c>
      <c r="F587" s="59" t="s">
        <v>449</v>
      </c>
      <c r="G587" s="59" t="s">
        <v>450</v>
      </c>
      <c r="H587" s="60">
        <v>10</v>
      </c>
      <c r="I587" s="60">
        <v>97</v>
      </c>
      <c r="J587" s="61">
        <v>0</v>
      </c>
      <c r="K587" s="61">
        <v>-11.81</v>
      </c>
    </row>
    <row r="588" spans="1:11" ht="18.75" hidden="1" customHeight="1" thickBot="1">
      <c r="A588" s="59" t="s">
        <v>448</v>
      </c>
      <c r="B588" s="59" t="s">
        <v>28</v>
      </c>
      <c r="C588" s="59" t="s">
        <v>28</v>
      </c>
      <c r="D588" s="59" t="s">
        <v>369</v>
      </c>
      <c r="E588" s="59" t="s">
        <v>378</v>
      </c>
      <c r="F588" s="59" t="s">
        <v>449</v>
      </c>
      <c r="G588" s="59" t="s">
        <v>450</v>
      </c>
      <c r="H588" s="60">
        <v>10</v>
      </c>
      <c r="I588" s="60">
        <v>107</v>
      </c>
      <c r="J588" s="61">
        <v>0</v>
      </c>
      <c r="K588" s="61">
        <v>-2.0699999999999998</v>
      </c>
    </row>
    <row r="589" spans="1:11" ht="18.75" hidden="1" customHeight="1" thickBot="1">
      <c r="A589" s="59" t="s">
        <v>448</v>
      </c>
      <c r="B589" s="59" t="s">
        <v>28</v>
      </c>
      <c r="C589" s="59" t="s">
        <v>28</v>
      </c>
      <c r="D589" s="59" t="s">
        <v>369</v>
      </c>
      <c r="E589" s="59" t="s">
        <v>378</v>
      </c>
      <c r="F589" s="59" t="s">
        <v>449</v>
      </c>
      <c r="G589" s="59" t="s">
        <v>450</v>
      </c>
      <c r="H589" s="60">
        <v>10</v>
      </c>
      <c r="I589" s="60">
        <v>109</v>
      </c>
      <c r="J589" s="61">
        <v>0</v>
      </c>
      <c r="K589" s="61">
        <v>-3.18</v>
      </c>
    </row>
    <row r="590" spans="1:11" ht="18.75" hidden="1" customHeight="1" thickBot="1">
      <c r="A590" s="59" t="s">
        <v>448</v>
      </c>
      <c r="B590" s="59" t="s">
        <v>28</v>
      </c>
      <c r="C590" s="59" t="s">
        <v>28</v>
      </c>
      <c r="D590" s="59" t="s">
        <v>369</v>
      </c>
      <c r="E590" s="59" t="s">
        <v>378</v>
      </c>
      <c r="F590" s="59" t="s">
        <v>449</v>
      </c>
      <c r="G590" s="59" t="s">
        <v>450</v>
      </c>
      <c r="H590" s="60">
        <v>10</v>
      </c>
      <c r="I590" s="60">
        <v>113</v>
      </c>
      <c r="J590" s="61">
        <v>0</v>
      </c>
      <c r="K590" s="61">
        <v>-22.46</v>
      </c>
    </row>
    <row r="591" spans="1:11" ht="18.75" hidden="1" customHeight="1" thickBot="1">
      <c r="A591" s="59" t="s">
        <v>448</v>
      </c>
      <c r="B591" s="59" t="s">
        <v>28</v>
      </c>
      <c r="C591" s="59" t="s">
        <v>28</v>
      </c>
      <c r="D591" s="59" t="s">
        <v>369</v>
      </c>
      <c r="E591" s="59" t="s">
        <v>378</v>
      </c>
      <c r="F591" s="59" t="s">
        <v>449</v>
      </c>
      <c r="G591" s="59" t="s">
        <v>450</v>
      </c>
      <c r="H591" s="60">
        <v>10</v>
      </c>
      <c r="I591" s="60">
        <v>150</v>
      </c>
      <c r="J591" s="61">
        <v>0</v>
      </c>
      <c r="K591" s="61">
        <v>-7.56</v>
      </c>
    </row>
    <row r="592" spans="1:11" ht="18.75" hidden="1" customHeight="1" thickBot="1">
      <c r="A592" s="59" t="s">
        <v>448</v>
      </c>
      <c r="B592" s="59" t="s">
        <v>28</v>
      </c>
      <c r="C592" s="59" t="s">
        <v>28</v>
      </c>
      <c r="D592" s="59" t="s">
        <v>369</v>
      </c>
      <c r="E592" s="59" t="s">
        <v>378</v>
      </c>
      <c r="F592" s="59" t="s">
        <v>449</v>
      </c>
      <c r="G592" s="59" t="s">
        <v>450</v>
      </c>
      <c r="H592" s="60">
        <v>20</v>
      </c>
      <c r="I592" s="60">
        <v>15</v>
      </c>
      <c r="J592" s="61">
        <v>0</v>
      </c>
      <c r="K592" s="61">
        <v>-25.16</v>
      </c>
    </row>
    <row r="593" spans="1:11" ht="18.75" hidden="1" customHeight="1" thickBot="1">
      <c r="A593" s="59" t="s">
        <v>448</v>
      </c>
      <c r="B593" s="59" t="s">
        <v>28</v>
      </c>
      <c r="C593" s="59" t="s">
        <v>28</v>
      </c>
      <c r="D593" s="59" t="s">
        <v>369</v>
      </c>
      <c r="E593" s="59" t="s">
        <v>378</v>
      </c>
      <c r="F593" s="59" t="s">
        <v>449</v>
      </c>
      <c r="G593" s="59" t="s">
        <v>450</v>
      </c>
      <c r="H593" s="60">
        <v>20</v>
      </c>
      <c r="I593" s="60">
        <v>22</v>
      </c>
      <c r="J593" s="61">
        <v>0</v>
      </c>
      <c r="K593" s="61">
        <v>-36.72</v>
      </c>
    </row>
    <row r="594" spans="1:11" ht="18.75" hidden="1" customHeight="1" thickBot="1">
      <c r="A594" s="59" t="s">
        <v>448</v>
      </c>
      <c r="B594" s="59" t="s">
        <v>28</v>
      </c>
      <c r="C594" s="59" t="s">
        <v>28</v>
      </c>
      <c r="D594" s="59" t="s">
        <v>369</v>
      </c>
      <c r="E594" s="59" t="s">
        <v>378</v>
      </c>
      <c r="F594" s="59" t="s">
        <v>449</v>
      </c>
      <c r="G594" s="59" t="s">
        <v>450</v>
      </c>
      <c r="H594" s="60">
        <v>20</v>
      </c>
      <c r="I594" s="60">
        <v>93</v>
      </c>
      <c r="J594" s="61">
        <v>0</v>
      </c>
      <c r="K594" s="61">
        <v>-1.66</v>
      </c>
    </row>
    <row r="595" spans="1:11" ht="18.75" hidden="1" customHeight="1" thickBot="1">
      <c r="A595" s="59" t="s">
        <v>448</v>
      </c>
      <c r="B595" s="59" t="s">
        <v>28</v>
      </c>
      <c r="C595" s="59" t="s">
        <v>28</v>
      </c>
      <c r="D595" s="59" t="s">
        <v>369</v>
      </c>
      <c r="E595" s="59" t="s">
        <v>378</v>
      </c>
      <c r="F595" s="59" t="s">
        <v>449</v>
      </c>
      <c r="G595" s="59" t="s">
        <v>450</v>
      </c>
      <c r="H595" s="60">
        <v>20</v>
      </c>
      <c r="I595" s="60">
        <v>94</v>
      </c>
      <c r="J595" s="61">
        <v>0</v>
      </c>
      <c r="K595" s="61">
        <v>-17.09</v>
      </c>
    </row>
    <row r="596" spans="1:11" ht="18.75" hidden="1" customHeight="1" thickBot="1">
      <c r="A596" s="59" t="s">
        <v>448</v>
      </c>
      <c r="B596" s="59" t="s">
        <v>28</v>
      </c>
      <c r="C596" s="59" t="s">
        <v>28</v>
      </c>
      <c r="D596" s="59" t="s">
        <v>369</v>
      </c>
      <c r="E596" s="59" t="s">
        <v>378</v>
      </c>
      <c r="F596" s="59" t="s">
        <v>449</v>
      </c>
      <c r="G596" s="59" t="s">
        <v>450</v>
      </c>
      <c r="H596" s="60">
        <v>20</v>
      </c>
      <c r="I596" s="60">
        <v>97</v>
      </c>
      <c r="J596" s="61">
        <v>0</v>
      </c>
      <c r="K596" s="61">
        <v>-0.92</v>
      </c>
    </row>
    <row r="597" spans="1:11" ht="18.75" hidden="1" customHeight="1" thickBot="1">
      <c r="A597" s="59" t="s">
        <v>448</v>
      </c>
      <c r="B597" s="59" t="s">
        <v>28</v>
      </c>
      <c r="C597" s="59" t="s">
        <v>28</v>
      </c>
      <c r="D597" s="59" t="s">
        <v>369</v>
      </c>
      <c r="E597" s="59" t="s">
        <v>378</v>
      </c>
      <c r="F597" s="59" t="s">
        <v>449</v>
      </c>
      <c r="G597" s="59" t="s">
        <v>450</v>
      </c>
      <c r="H597" s="60">
        <v>20</v>
      </c>
      <c r="I597" s="60">
        <v>107</v>
      </c>
      <c r="J597" s="61">
        <v>0</v>
      </c>
      <c r="K597" s="61">
        <v>-1.02</v>
      </c>
    </row>
    <row r="598" spans="1:11" ht="18.75" hidden="1" customHeight="1" thickBot="1">
      <c r="A598" s="59" t="s">
        <v>448</v>
      </c>
      <c r="B598" s="59" t="s">
        <v>28</v>
      </c>
      <c r="C598" s="59" t="s">
        <v>28</v>
      </c>
      <c r="D598" s="59" t="s">
        <v>369</v>
      </c>
      <c r="E598" s="59" t="s">
        <v>378</v>
      </c>
      <c r="F598" s="59" t="s">
        <v>449</v>
      </c>
      <c r="G598" s="59" t="s">
        <v>450</v>
      </c>
      <c r="H598" s="60">
        <v>20</v>
      </c>
      <c r="I598" s="60">
        <v>109</v>
      </c>
      <c r="J598" s="61">
        <v>0</v>
      </c>
      <c r="K598" s="61">
        <v>-1.96</v>
      </c>
    </row>
    <row r="599" spans="1:11" ht="18.75" hidden="1" customHeight="1" thickBot="1">
      <c r="A599" s="59" t="s">
        <v>448</v>
      </c>
      <c r="B599" s="59" t="s">
        <v>28</v>
      </c>
      <c r="C599" s="59" t="s">
        <v>28</v>
      </c>
      <c r="D599" s="59" t="s">
        <v>369</v>
      </c>
      <c r="E599" s="59" t="s">
        <v>378</v>
      </c>
      <c r="F599" s="59" t="s">
        <v>449</v>
      </c>
      <c r="G599" s="59" t="s">
        <v>450</v>
      </c>
      <c r="H599" s="60">
        <v>20</v>
      </c>
      <c r="I599" s="60">
        <v>111</v>
      </c>
      <c r="J599" s="61">
        <v>0</v>
      </c>
      <c r="K599" s="61">
        <v>-3.9</v>
      </c>
    </row>
    <row r="600" spans="1:11" ht="18.75" hidden="1" customHeight="1" thickBot="1">
      <c r="A600" s="59" t="s">
        <v>448</v>
      </c>
      <c r="B600" s="59" t="s">
        <v>28</v>
      </c>
      <c r="C600" s="59" t="s">
        <v>28</v>
      </c>
      <c r="D600" s="59" t="s">
        <v>369</v>
      </c>
      <c r="E600" s="59" t="s">
        <v>378</v>
      </c>
      <c r="F600" s="59" t="s">
        <v>449</v>
      </c>
      <c r="G600" s="59" t="s">
        <v>450</v>
      </c>
      <c r="H600" s="60">
        <v>20</v>
      </c>
      <c r="I600" s="60">
        <v>113</v>
      </c>
      <c r="J600" s="61">
        <v>0</v>
      </c>
      <c r="K600" s="61">
        <v>-20.13</v>
      </c>
    </row>
    <row r="601" spans="1:11" ht="18.75" hidden="1" customHeight="1" thickBot="1">
      <c r="A601" s="59" t="s">
        <v>448</v>
      </c>
      <c r="B601" s="59" t="s">
        <v>28</v>
      </c>
      <c r="C601" s="59" t="s">
        <v>28</v>
      </c>
      <c r="D601" s="59" t="s">
        <v>369</v>
      </c>
      <c r="E601" s="59" t="s">
        <v>378</v>
      </c>
      <c r="F601" s="59" t="s">
        <v>449</v>
      </c>
      <c r="G601" s="59" t="s">
        <v>450</v>
      </c>
      <c r="H601" s="60">
        <v>20</v>
      </c>
      <c r="I601" s="60">
        <v>116</v>
      </c>
      <c r="J601" s="61">
        <v>0</v>
      </c>
      <c r="K601" s="61">
        <v>-1.63</v>
      </c>
    </row>
    <row r="602" spans="1:11" ht="18.75" hidden="1" customHeight="1" thickBot="1">
      <c r="A602" s="59" t="s">
        <v>448</v>
      </c>
      <c r="B602" s="59" t="s">
        <v>28</v>
      </c>
      <c r="C602" s="59" t="s">
        <v>28</v>
      </c>
      <c r="D602" s="59" t="s">
        <v>369</v>
      </c>
      <c r="E602" s="59" t="s">
        <v>378</v>
      </c>
      <c r="F602" s="59" t="s">
        <v>449</v>
      </c>
      <c r="G602" s="59" t="s">
        <v>450</v>
      </c>
      <c r="H602" s="60">
        <v>20</v>
      </c>
      <c r="I602" s="60">
        <v>150</v>
      </c>
      <c r="J602" s="61">
        <v>0</v>
      </c>
      <c r="K602" s="61">
        <v>-3.91</v>
      </c>
    </row>
    <row r="603" spans="1:11" ht="18.75" hidden="1" customHeight="1" thickBot="1">
      <c r="A603" s="59" t="s">
        <v>448</v>
      </c>
      <c r="B603" s="59" t="s">
        <v>28</v>
      </c>
      <c r="C603" s="59" t="s">
        <v>28</v>
      </c>
      <c r="D603" s="59" t="s">
        <v>369</v>
      </c>
      <c r="E603" s="59" t="s">
        <v>378</v>
      </c>
      <c r="F603" s="59" t="s">
        <v>449</v>
      </c>
      <c r="G603" s="59" t="s">
        <v>450</v>
      </c>
      <c r="H603" s="60">
        <v>211</v>
      </c>
      <c r="I603" s="60">
        <v>93</v>
      </c>
      <c r="J603" s="61">
        <v>0</v>
      </c>
      <c r="K603" s="61">
        <v>-7.76</v>
      </c>
    </row>
    <row r="604" spans="1:11" ht="18.75" hidden="1" customHeight="1" thickBot="1">
      <c r="A604" s="59" t="s">
        <v>448</v>
      </c>
      <c r="B604" s="59" t="s">
        <v>28</v>
      </c>
      <c r="C604" s="59" t="s">
        <v>28</v>
      </c>
      <c r="D604" s="59" t="s">
        <v>369</v>
      </c>
      <c r="E604" s="59" t="s">
        <v>378</v>
      </c>
      <c r="F604" s="59" t="s">
        <v>449</v>
      </c>
      <c r="G604" s="59" t="s">
        <v>450</v>
      </c>
      <c r="H604" s="60">
        <v>211</v>
      </c>
      <c r="I604" s="60">
        <v>94</v>
      </c>
      <c r="J604" s="61">
        <v>0</v>
      </c>
      <c r="K604" s="61">
        <v>-46.15</v>
      </c>
    </row>
    <row r="605" spans="1:11" ht="18.75" hidden="1" customHeight="1" thickBot="1">
      <c r="A605" s="59" t="s">
        <v>448</v>
      </c>
      <c r="B605" s="59" t="s">
        <v>28</v>
      </c>
      <c r="C605" s="59" t="s">
        <v>28</v>
      </c>
      <c r="D605" s="59" t="s">
        <v>369</v>
      </c>
      <c r="E605" s="59" t="s">
        <v>378</v>
      </c>
      <c r="F605" s="59" t="s">
        <v>449</v>
      </c>
      <c r="G605" s="59" t="s">
        <v>450</v>
      </c>
      <c r="H605" s="60">
        <v>211</v>
      </c>
      <c r="I605" s="60">
        <v>95</v>
      </c>
      <c r="J605" s="61">
        <v>0</v>
      </c>
      <c r="K605" s="61">
        <v>-4.88</v>
      </c>
    </row>
    <row r="606" spans="1:11" ht="18.75" hidden="1" customHeight="1" thickBot="1">
      <c r="A606" s="59" t="s">
        <v>448</v>
      </c>
      <c r="B606" s="59" t="s">
        <v>28</v>
      </c>
      <c r="C606" s="59" t="s">
        <v>28</v>
      </c>
      <c r="D606" s="59" t="s">
        <v>369</v>
      </c>
      <c r="E606" s="59" t="s">
        <v>378</v>
      </c>
      <c r="F606" s="59" t="s">
        <v>449</v>
      </c>
      <c r="G606" s="59" t="s">
        <v>450</v>
      </c>
      <c r="H606" s="60">
        <v>211</v>
      </c>
      <c r="I606" s="60">
        <v>97</v>
      </c>
      <c r="J606" s="61">
        <v>0</v>
      </c>
      <c r="K606" s="61">
        <v>-75.06</v>
      </c>
    </row>
    <row r="607" spans="1:11" ht="18.75" hidden="1" customHeight="1" thickBot="1">
      <c r="A607" s="59" t="s">
        <v>448</v>
      </c>
      <c r="B607" s="59" t="s">
        <v>28</v>
      </c>
      <c r="C607" s="59" t="s">
        <v>28</v>
      </c>
      <c r="D607" s="59" t="s">
        <v>369</v>
      </c>
      <c r="E607" s="59" t="s">
        <v>378</v>
      </c>
      <c r="F607" s="59" t="s">
        <v>449</v>
      </c>
      <c r="G607" s="59" t="s">
        <v>450</v>
      </c>
      <c r="H607" s="60">
        <v>211</v>
      </c>
      <c r="I607" s="60">
        <v>107</v>
      </c>
      <c r="J607" s="61">
        <v>0</v>
      </c>
      <c r="K607" s="61">
        <v>-36.659999999999997</v>
      </c>
    </row>
    <row r="608" spans="1:11" ht="18.75" hidden="1" customHeight="1" thickBot="1">
      <c r="A608" s="59" t="s">
        <v>448</v>
      </c>
      <c r="B608" s="59" t="s">
        <v>28</v>
      </c>
      <c r="C608" s="59" t="s">
        <v>28</v>
      </c>
      <c r="D608" s="59" t="s">
        <v>369</v>
      </c>
      <c r="E608" s="59" t="s">
        <v>378</v>
      </c>
      <c r="F608" s="59" t="s">
        <v>449</v>
      </c>
      <c r="G608" s="59" t="s">
        <v>450</v>
      </c>
      <c r="H608" s="60">
        <v>211</v>
      </c>
      <c r="I608" s="60">
        <v>109</v>
      </c>
      <c r="J608" s="61">
        <v>0</v>
      </c>
      <c r="K608" s="61">
        <v>-150.30000000000001</v>
      </c>
    </row>
    <row r="609" spans="1:11" ht="18.75" hidden="1" customHeight="1" thickBot="1">
      <c r="A609" s="59" t="s">
        <v>448</v>
      </c>
      <c r="B609" s="59" t="s">
        <v>28</v>
      </c>
      <c r="C609" s="59" t="s">
        <v>28</v>
      </c>
      <c r="D609" s="59" t="s">
        <v>369</v>
      </c>
      <c r="E609" s="59" t="s">
        <v>378</v>
      </c>
      <c r="F609" s="59" t="s">
        <v>449</v>
      </c>
      <c r="G609" s="59" t="s">
        <v>450</v>
      </c>
      <c r="H609" s="60">
        <v>211</v>
      </c>
      <c r="I609" s="60">
        <v>111</v>
      </c>
      <c r="J609" s="61">
        <v>0</v>
      </c>
      <c r="K609" s="61">
        <v>-23.7</v>
      </c>
    </row>
    <row r="610" spans="1:11" ht="18.75" hidden="1" customHeight="1" thickBot="1">
      <c r="A610" s="59" t="s">
        <v>448</v>
      </c>
      <c r="B610" s="59" t="s">
        <v>28</v>
      </c>
      <c r="C610" s="59" t="s">
        <v>28</v>
      </c>
      <c r="D610" s="59" t="s">
        <v>369</v>
      </c>
      <c r="E610" s="59" t="s">
        <v>378</v>
      </c>
      <c r="F610" s="59" t="s">
        <v>449</v>
      </c>
      <c r="G610" s="59" t="s">
        <v>450</v>
      </c>
      <c r="H610" s="60">
        <v>211</v>
      </c>
      <c r="I610" s="60">
        <v>113</v>
      </c>
      <c r="J610" s="61">
        <v>0</v>
      </c>
      <c r="K610" s="61">
        <v>-52.21</v>
      </c>
    </row>
    <row r="611" spans="1:11" ht="18.75" hidden="1" customHeight="1" thickBot="1">
      <c r="A611" s="59" t="s">
        <v>448</v>
      </c>
      <c r="B611" s="59" t="s">
        <v>28</v>
      </c>
      <c r="C611" s="59" t="s">
        <v>28</v>
      </c>
      <c r="D611" s="59" t="s">
        <v>369</v>
      </c>
      <c r="E611" s="59" t="s">
        <v>378</v>
      </c>
      <c r="F611" s="59" t="s">
        <v>449</v>
      </c>
      <c r="G611" s="59" t="s">
        <v>450</v>
      </c>
      <c r="H611" s="60">
        <v>211</v>
      </c>
      <c r="I611" s="60">
        <v>116</v>
      </c>
      <c r="J611" s="61">
        <v>0</v>
      </c>
      <c r="K611" s="61">
        <v>-39.869999999999997</v>
      </c>
    </row>
    <row r="612" spans="1:11" ht="18.75" hidden="1" customHeight="1" thickBot="1">
      <c r="A612" s="59" t="s">
        <v>448</v>
      </c>
      <c r="B612" s="59" t="s">
        <v>28</v>
      </c>
      <c r="C612" s="59" t="s">
        <v>28</v>
      </c>
      <c r="D612" s="59" t="s">
        <v>369</v>
      </c>
      <c r="E612" s="59" t="s">
        <v>378</v>
      </c>
      <c r="F612" s="59" t="s">
        <v>449</v>
      </c>
      <c r="G612" s="59" t="s">
        <v>450</v>
      </c>
      <c r="H612" s="60">
        <v>211</v>
      </c>
      <c r="I612" s="60">
        <v>122</v>
      </c>
      <c r="J612" s="61">
        <v>0</v>
      </c>
      <c r="K612" s="61">
        <v>-17.010000000000002</v>
      </c>
    </row>
    <row r="613" spans="1:11" ht="18.75" hidden="1" customHeight="1" thickBot="1">
      <c r="A613" s="59" t="s">
        <v>448</v>
      </c>
      <c r="B613" s="59" t="s">
        <v>28</v>
      </c>
      <c r="C613" s="59" t="s">
        <v>28</v>
      </c>
      <c r="D613" s="59" t="s">
        <v>369</v>
      </c>
      <c r="E613" s="59" t="s">
        <v>378</v>
      </c>
      <c r="F613" s="59" t="s">
        <v>449</v>
      </c>
      <c r="G613" s="59" t="s">
        <v>450</v>
      </c>
      <c r="H613" s="60">
        <v>211</v>
      </c>
      <c r="I613" s="60">
        <v>131</v>
      </c>
      <c r="J613" s="61">
        <v>0</v>
      </c>
      <c r="K613" s="61">
        <v>-19.37</v>
      </c>
    </row>
    <row r="614" spans="1:11" ht="18.75" hidden="1" customHeight="1" thickBot="1">
      <c r="A614" s="59" t="s">
        <v>448</v>
      </c>
      <c r="B614" s="59" t="s">
        <v>28</v>
      </c>
      <c r="C614" s="59" t="s">
        <v>28</v>
      </c>
      <c r="D614" s="59" t="s">
        <v>369</v>
      </c>
      <c r="E614" s="59" t="s">
        <v>378</v>
      </c>
      <c r="F614" s="59" t="s">
        <v>449</v>
      </c>
      <c r="G614" s="59" t="s">
        <v>450</v>
      </c>
      <c r="H614" s="60">
        <v>211</v>
      </c>
      <c r="I614" s="60">
        <v>150</v>
      </c>
      <c r="J614" s="61">
        <v>0</v>
      </c>
      <c r="K614" s="61">
        <v>-6.64</v>
      </c>
    </row>
    <row r="615" spans="1:11" ht="18.75" hidden="1" customHeight="1" thickBot="1">
      <c r="A615" s="59" t="s">
        <v>448</v>
      </c>
      <c r="B615" s="59" t="s">
        <v>28</v>
      </c>
      <c r="C615" s="59" t="s">
        <v>28</v>
      </c>
      <c r="D615" s="59" t="s">
        <v>369</v>
      </c>
      <c r="E615" s="59" t="s">
        <v>378</v>
      </c>
      <c r="F615" s="59" t="s">
        <v>449</v>
      </c>
      <c r="G615" s="59" t="s">
        <v>450</v>
      </c>
      <c r="H615" s="60">
        <v>211</v>
      </c>
      <c r="I615" s="60">
        <v>166</v>
      </c>
      <c r="J615" s="61">
        <v>0</v>
      </c>
      <c r="K615" s="61">
        <v>-0.66</v>
      </c>
    </row>
    <row r="616" spans="1:11" ht="18.75" hidden="1" customHeight="1" thickBot="1">
      <c r="A616" s="59" t="s">
        <v>448</v>
      </c>
      <c r="B616" s="59" t="s">
        <v>28</v>
      </c>
      <c r="C616" s="59" t="s">
        <v>28</v>
      </c>
      <c r="D616" s="59" t="s">
        <v>369</v>
      </c>
      <c r="E616" s="59" t="s">
        <v>378</v>
      </c>
      <c r="F616" s="59" t="s">
        <v>449</v>
      </c>
      <c r="G616" s="59" t="s">
        <v>450</v>
      </c>
      <c r="H616" s="60">
        <v>211</v>
      </c>
      <c r="I616" s="60">
        <v>204</v>
      </c>
      <c r="J616" s="61">
        <v>0</v>
      </c>
      <c r="K616" s="61">
        <v>-29.19</v>
      </c>
    </row>
    <row r="617" spans="1:11" ht="18.75" hidden="1" customHeight="1" thickBot="1">
      <c r="A617" s="59" t="s">
        <v>448</v>
      </c>
      <c r="B617" s="59" t="s">
        <v>28</v>
      </c>
      <c r="C617" s="59" t="s">
        <v>28</v>
      </c>
      <c r="D617" s="59" t="s">
        <v>369</v>
      </c>
      <c r="E617" s="59" t="s">
        <v>378</v>
      </c>
      <c r="F617" s="59" t="s">
        <v>449</v>
      </c>
      <c r="G617" s="59" t="s">
        <v>450</v>
      </c>
      <c r="H617" s="60">
        <v>211</v>
      </c>
      <c r="I617" s="60">
        <v>211</v>
      </c>
      <c r="J617" s="61">
        <v>0</v>
      </c>
      <c r="K617" s="61">
        <v>-7624.43</v>
      </c>
    </row>
    <row r="618" spans="1:11" ht="18.75" hidden="1" customHeight="1" thickBot="1">
      <c r="A618" s="59" t="s">
        <v>448</v>
      </c>
      <c r="B618" s="59" t="s">
        <v>28</v>
      </c>
      <c r="C618" s="59" t="s">
        <v>28</v>
      </c>
      <c r="D618" s="59" t="s">
        <v>369</v>
      </c>
      <c r="E618" s="59" t="s">
        <v>378</v>
      </c>
      <c r="F618" s="59" t="s">
        <v>449</v>
      </c>
      <c r="G618" s="59" t="s">
        <v>450</v>
      </c>
      <c r="H618" s="60">
        <v>211</v>
      </c>
      <c r="I618" s="60">
        <v>213</v>
      </c>
      <c r="J618" s="61">
        <v>0</v>
      </c>
      <c r="K618" s="61">
        <v>-217.92</v>
      </c>
    </row>
    <row r="619" spans="1:11" ht="18.75" hidden="1" customHeight="1" thickBot="1">
      <c r="A619" s="59" t="s">
        <v>448</v>
      </c>
      <c r="B619" s="59" t="s">
        <v>28</v>
      </c>
      <c r="C619" s="59" t="s">
        <v>28</v>
      </c>
      <c r="D619" s="59" t="s">
        <v>369</v>
      </c>
      <c r="E619" s="59" t="s">
        <v>378</v>
      </c>
      <c r="F619" s="59" t="s">
        <v>449</v>
      </c>
      <c r="G619" s="59" t="s">
        <v>450</v>
      </c>
      <c r="H619" s="60">
        <v>211</v>
      </c>
      <c r="I619" s="60">
        <v>215</v>
      </c>
      <c r="J619" s="61">
        <v>0</v>
      </c>
      <c r="K619" s="61">
        <v>-15243.9</v>
      </c>
    </row>
    <row r="620" spans="1:11" ht="18.75" hidden="1" customHeight="1" thickBot="1">
      <c r="A620" s="59" t="s">
        <v>448</v>
      </c>
      <c r="B620" s="59" t="s">
        <v>28</v>
      </c>
      <c r="C620" s="59" t="s">
        <v>28</v>
      </c>
      <c r="D620" s="59" t="s">
        <v>369</v>
      </c>
      <c r="E620" s="59" t="s">
        <v>378</v>
      </c>
      <c r="F620" s="59" t="s">
        <v>449</v>
      </c>
      <c r="G620" s="59" t="s">
        <v>450</v>
      </c>
      <c r="H620" s="60">
        <v>211</v>
      </c>
      <c r="I620" s="60">
        <v>223</v>
      </c>
      <c r="J620" s="61">
        <v>0</v>
      </c>
      <c r="K620" s="61">
        <v>-31.72</v>
      </c>
    </row>
    <row r="621" spans="1:11" ht="18.75" hidden="1" customHeight="1" thickBot="1">
      <c r="A621" s="59" t="s">
        <v>448</v>
      </c>
      <c r="B621" s="59" t="s">
        <v>28</v>
      </c>
      <c r="C621" s="59" t="s">
        <v>28</v>
      </c>
      <c r="D621" s="59" t="s">
        <v>369</v>
      </c>
      <c r="E621" s="59" t="s">
        <v>378</v>
      </c>
      <c r="F621" s="59" t="s">
        <v>449</v>
      </c>
      <c r="G621" s="59" t="s">
        <v>450</v>
      </c>
      <c r="H621" s="60">
        <v>211</v>
      </c>
      <c r="I621" s="60">
        <v>229</v>
      </c>
      <c r="J621" s="61">
        <v>0</v>
      </c>
      <c r="K621" s="61">
        <v>-146.87</v>
      </c>
    </row>
    <row r="622" spans="1:11" ht="18.75" hidden="1" customHeight="1" thickBot="1">
      <c r="A622" s="59" t="s">
        <v>448</v>
      </c>
      <c r="B622" s="59" t="s">
        <v>28</v>
      </c>
      <c r="C622" s="59" t="s">
        <v>28</v>
      </c>
      <c r="D622" s="59" t="s">
        <v>369</v>
      </c>
      <c r="E622" s="59" t="s">
        <v>378</v>
      </c>
      <c r="F622" s="59" t="s">
        <v>449</v>
      </c>
      <c r="G622" s="59" t="s">
        <v>450</v>
      </c>
      <c r="H622" s="60">
        <v>211</v>
      </c>
      <c r="I622" s="60">
        <v>240</v>
      </c>
      <c r="J622" s="61">
        <v>0</v>
      </c>
      <c r="K622" s="61">
        <v>-10063.01</v>
      </c>
    </row>
    <row r="623" spans="1:11" ht="18.75" hidden="1" customHeight="1" thickBot="1">
      <c r="A623" s="59" t="s">
        <v>448</v>
      </c>
      <c r="B623" s="59" t="s">
        <v>28</v>
      </c>
      <c r="C623" s="59" t="s">
        <v>28</v>
      </c>
      <c r="D623" s="59" t="s">
        <v>369</v>
      </c>
      <c r="E623" s="59" t="s">
        <v>378</v>
      </c>
      <c r="F623" s="59" t="s">
        <v>449</v>
      </c>
      <c r="G623" s="59" t="s">
        <v>450</v>
      </c>
      <c r="H623" s="60">
        <v>211</v>
      </c>
      <c r="I623" s="60">
        <v>358</v>
      </c>
      <c r="J623" s="61">
        <v>0</v>
      </c>
      <c r="K623" s="61">
        <v>-1860.67</v>
      </c>
    </row>
    <row r="624" spans="1:11" ht="18.75" hidden="1" customHeight="1" thickBot="1">
      <c r="A624" s="59" t="s">
        <v>448</v>
      </c>
      <c r="B624" s="59" t="s">
        <v>28</v>
      </c>
      <c r="C624" s="59" t="s">
        <v>28</v>
      </c>
      <c r="D624" s="59" t="s">
        <v>369</v>
      </c>
      <c r="E624" s="59" t="s">
        <v>378</v>
      </c>
      <c r="F624" s="59" t="s">
        <v>449</v>
      </c>
      <c r="G624" s="59" t="s">
        <v>450</v>
      </c>
      <c r="H624" s="60">
        <v>211</v>
      </c>
      <c r="I624" s="60">
        <v>359</v>
      </c>
      <c r="J624" s="61">
        <v>0</v>
      </c>
      <c r="K624" s="61">
        <v>-4544.46</v>
      </c>
    </row>
    <row r="625" spans="1:11" ht="18.75" hidden="1" customHeight="1" thickBot="1">
      <c r="A625" s="59" t="s">
        <v>448</v>
      </c>
      <c r="B625" s="59" t="s">
        <v>28</v>
      </c>
      <c r="C625" s="59" t="s">
        <v>28</v>
      </c>
      <c r="D625" s="59" t="s">
        <v>369</v>
      </c>
      <c r="E625" s="59" t="s">
        <v>378</v>
      </c>
      <c r="F625" s="59" t="s">
        <v>449</v>
      </c>
      <c r="G625" s="59" t="s">
        <v>450</v>
      </c>
      <c r="H625" s="60">
        <v>212</v>
      </c>
      <c r="I625" s="60">
        <v>94</v>
      </c>
      <c r="J625" s="61">
        <v>0</v>
      </c>
      <c r="K625" s="61">
        <v>-20.13</v>
      </c>
    </row>
    <row r="626" spans="1:11" ht="18.75" hidden="1" customHeight="1" thickBot="1">
      <c r="A626" s="59" t="s">
        <v>448</v>
      </c>
      <c r="B626" s="59" t="s">
        <v>28</v>
      </c>
      <c r="C626" s="59" t="s">
        <v>28</v>
      </c>
      <c r="D626" s="59" t="s">
        <v>369</v>
      </c>
      <c r="E626" s="59" t="s">
        <v>378</v>
      </c>
      <c r="F626" s="59" t="s">
        <v>449</v>
      </c>
      <c r="G626" s="59" t="s">
        <v>450</v>
      </c>
      <c r="H626" s="60">
        <v>212</v>
      </c>
      <c r="I626" s="60">
        <v>95</v>
      </c>
      <c r="J626" s="61">
        <v>0</v>
      </c>
      <c r="K626" s="61">
        <v>-1.58</v>
      </c>
    </row>
    <row r="627" spans="1:11" ht="18.75" hidden="1" customHeight="1" thickBot="1">
      <c r="A627" s="59" t="s">
        <v>448</v>
      </c>
      <c r="B627" s="59" t="s">
        <v>28</v>
      </c>
      <c r="C627" s="59" t="s">
        <v>28</v>
      </c>
      <c r="D627" s="59" t="s">
        <v>369</v>
      </c>
      <c r="E627" s="59" t="s">
        <v>378</v>
      </c>
      <c r="F627" s="59" t="s">
        <v>449</v>
      </c>
      <c r="G627" s="59" t="s">
        <v>450</v>
      </c>
      <c r="H627" s="60">
        <v>212</v>
      </c>
      <c r="I627" s="60">
        <v>97</v>
      </c>
      <c r="J627" s="61">
        <v>0</v>
      </c>
      <c r="K627" s="61">
        <v>-0.97</v>
      </c>
    </row>
    <row r="628" spans="1:11" ht="18.75" hidden="1" customHeight="1" thickBot="1">
      <c r="A628" s="59" t="s">
        <v>448</v>
      </c>
      <c r="B628" s="59" t="s">
        <v>28</v>
      </c>
      <c r="C628" s="59" t="s">
        <v>28</v>
      </c>
      <c r="D628" s="59" t="s">
        <v>369</v>
      </c>
      <c r="E628" s="59" t="s">
        <v>378</v>
      </c>
      <c r="F628" s="59" t="s">
        <v>449</v>
      </c>
      <c r="G628" s="59" t="s">
        <v>450</v>
      </c>
      <c r="H628" s="60">
        <v>212</v>
      </c>
      <c r="I628" s="60">
        <v>98</v>
      </c>
      <c r="J628" s="61">
        <v>0</v>
      </c>
      <c r="K628" s="61">
        <v>-19.23</v>
      </c>
    </row>
    <row r="629" spans="1:11" ht="18.75" hidden="1" customHeight="1" thickBot="1">
      <c r="A629" s="59" t="s">
        <v>448</v>
      </c>
      <c r="B629" s="59" t="s">
        <v>28</v>
      </c>
      <c r="C629" s="59" t="s">
        <v>28</v>
      </c>
      <c r="D629" s="59" t="s">
        <v>369</v>
      </c>
      <c r="E629" s="59" t="s">
        <v>378</v>
      </c>
      <c r="F629" s="59" t="s">
        <v>449</v>
      </c>
      <c r="G629" s="59" t="s">
        <v>450</v>
      </c>
      <c r="H629" s="60">
        <v>212</v>
      </c>
      <c r="I629" s="60">
        <v>107</v>
      </c>
      <c r="J629" s="61">
        <v>0</v>
      </c>
      <c r="K629" s="61">
        <v>-7.02</v>
      </c>
    </row>
    <row r="630" spans="1:11" ht="18.75" hidden="1" customHeight="1" thickBot="1">
      <c r="A630" s="59" t="s">
        <v>448</v>
      </c>
      <c r="B630" s="59" t="s">
        <v>28</v>
      </c>
      <c r="C630" s="59" t="s">
        <v>28</v>
      </c>
      <c r="D630" s="59" t="s">
        <v>369</v>
      </c>
      <c r="E630" s="59" t="s">
        <v>378</v>
      </c>
      <c r="F630" s="59" t="s">
        <v>449</v>
      </c>
      <c r="G630" s="59" t="s">
        <v>450</v>
      </c>
      <c r="H630" s="60">
        <v>212</v>
      </c>
      <c r="I630" s="60">
        <v>109</v>
      </c>
      <c r="J630" s="61">
        <v>0</v>
      </c>
      <c r="K630" s="61">
        <v>-52.66</v>
      </c>
    </row>
    <row r="631" spans="1:11" ht="18.75" hidden="1" customHeight="1" thickBot="1">
      <c r="A631" s="59" t="s">
        <v>448</v>
      </c>
      <c r="B631" s="59" t="s">
        <v>28</v>
      </c>
      <c r="C631" s="59" t="s">
        <v>28</v>
      </c>
      <c r="D631" s="59" t="s">
        <v>369</v>
      </c>
      <c r="E631" s="59" t="s">
        <v>378</v>
      </c>
      <c r="F631" s="59" t="s">
        <v>449</v>
      </c>
      <c r="G631" s="59" t="s">
        <v>450</v>
      </c>
      <c r="H631" s="60">
        <v>212</v>
      </c>
      <c r="I631" s="60">
        <v>113</v>
      </c>
      <c r="J631" s="61">
        <v>0</v>
      </c>
      <c r="K631" s="61">
        <v>-1.95</v>
      </c>
    </row>
    <row r="632" spans="1:11" ht="18.75" hidden="1" customHeight="1" thickBot="1">
      <c r="A632" s="59" t="s">
        <v>448</v>
      </c>
      <c r="B632" s="59" t="s">
        <v>28</v>
      </c>
      <c r="C632" s="59" t="s">
        <v>28</v>
      </c>
      <c r="D632" s="59" t="s">
        <v>369</v>
      </c>
      <c r="E632" s="59" t="s">
        <v>378</v>
      </c>
      <c r="F632" s="59" t="s">
        <v>449</v>
      </c>
      <c r="G632" s="59" t="s">
        <v>450</v>
      </c>
      <c r="H632" s="60">
        <v>212</v>
      </c>
      <c r="I632" s="60">
        <v>116</v>
      </c>
      <c r="J632" s="61">
        <v>0</v>
      </c>
      <c r="K632" s="61">
        <v>-8.5500000000000007</v>
      </c>
    </row>
    <row r="633" spans="1:11" ht="18.75" hidden="1" customHeight="1" thickBot="1">
      <c r="A633" s="59" t="s">
        <v>448</v>
      </c>
      <c r="B633" s="59" t="s">
        <v>28</v>
      </c>
      <c r="C633" s="59" t="s">
        <v>28</v>
      </c>
      <c r="D633" s="59" t="s">
        <v>369</v>
      </c>
      <c r="E633" s="59" t="s">
        <v>378</v>
      </c>
      <c r="F633" s="59" t="s">
        <v>449</v>
      </c>
      <c r="G633" s="59" t="s">
        <v>450</v>
      </c>
      <c r="H633" s="60">
        <v>212</v>
      </c>
      <c r="I633" s="60">
        <v>150</v>
      </c>
      <c r="J633" s="61">
        <v>0</v>
      </c>
      <c r="K633" s="61">
        <v>-2.31</v>
      </c>
    </row>
    <row r="634" spans="1:11" ht="18.75" hidden="1" customHeight="1" thickBot="1">
      <c r="A634" s="59" t="s">
        <v>448</v>
      </c>
      <c r="B634" s="59" t="s">
        <v>28</v>
      </c>
      <c r="C634" s="59" t="s">
        <v>28</v>
      </c>
      <c r="D634" s="59" t="s">
        <v>369</v>
      </c>
      <c r="E634" s="59" t="s">
        <v>378</v>
      </c>
      <c r="F634" s="59" t="s">
        <v>449</v>
      </c>
      <c r="G634" s="59" t="s">
        <v>450</v>
      </c>
      <c r="H634" s="60">
        <v>212</v>
      </c>
      <c r="I634" s="60">
        <v>211</v>
      </c>
      <c r="J634" s="61">
        <v>0</v>
      </c>
      <c r="K634" s="61">
        <v>-1619.81</v>
      </c>
    </row>
    <row r="635" spans="1:11" ht="18.75" hidden="1" customHeight="1" thickBot="1">
      <c r="A635" s="59" t="s">
        <v>448</v>
      </c>
      <c r="B635" s="59" t="s">
        <v>28</v>
      </c>
      <c r="C635" s="59" t="s">
        <v>28</v>
      </c>
      <c r="D635" s="59" t="s">
        <v>369</v>
      </c>
      <c r="E635" s="59" t="s">
        <v>378</v>
      </c>
      <c r="F635" s="59" t="s">
        <v>449</v>
      </c>
      <c r="G635" s="59" t="s">
        <v>450</v>
      </c>
      <c r="H635" s="60">
        <v>212</v>
      </c>
      <c r="I635" s="60">
        <v>215</v>
      </c>
      <c r="J635" s="61">
        <v>0</v>
      </c>
      <c r="K635" s="61">
        <v>-7772.69</v>
      </c>
    </row>
    <row r="636" spans="1:11" ht="18.75" hidden="1" customHeight="1" thickBot="1">
      <c r="A636" s="59" t="s">
        <v>448</v>
      </c>
      <c r="B636" s="59" t="s">
        <v>28</v>
      </c>
      <c r="C636" s="59" t="s">
        <v>28</v>
      </c>
      <c r="D636" s="59" t="s">
        <v>369</v>
      </c>
      <c r="E636" s="59" t="s">
        <v>378</v>
      </c>
      <c r="F636" s="59" t="s">
        <v>449</v>
      </c>
      <c r="G636" s="59" t="s">
        <v>450</v>
      </c>
      <c r="H636" s="60">
        <v>212</v>
      </c>
      <c r="I636" s="60">
        <v>223</v>
      </c>
      <c r="J636" s="61">
        <v>0</v>
      </c>
      <c r="K636" s="61">
        <v>-21.37</v>
      </c>
    </row>
    <row r="637" spans="1:11" ht="18.75" hidden="1" customHeight="1" thickBot="1">
      <c r="A637" s="59" t="s">
        <v>448</v>
      </c>
      <c r="B637" s="59" t="s">
        <v>28</v>
      </c>
      <c r="C637" s="59" t="s">
        <v>28</v>
      </c>
      <c r="D637" s="59" t="s">
        <v>369</v>
      </c>
      <c r="E637" s="59" t="s">
        <v>378</v>
      </c>
      <c r="F637" s="59" t="s">
        <v>449</v>
      </c>
      <c r="G637" s="59" t="s">
        <v>450</v>
      </c>
      <c r="H637" s="60">
        <v>212</v>
      </c>
      <c r="I637" s="60">
        <v>225</v>
      </c>
      <c r="J637" s="61">
        <v>0</v>
      </c>
      <c r="K637" s="61">
        <v>-114.27</v>
      </c>
    </row>
    <row r="638" spans="1:11" ht="18.75" hidden="1" customHeight="1" thickBot="1">
      <c r="A638" s="59" t="s">
        <v>448</v>
      </c>
      <c r="B638" s="59" t="s">
        <v>28</v>
      </c>
      <c r="C638" s="59" t="s">
        <v>28</v>
      </c>
      <c r="D638" s="59" t="s">
        <v>369</v>
      </c>
      <c r="E638" s="59" t="s">
        <v>378</v>
      </c>
      <c r="F638" s="59" t="s">
        <v>449</v>
      </c>
      <c r="G638" s="59" t="s">
        <v>450</v>
      </c>
      <c r="H638" s="60">
        <v>212</v>
      </c>
      <c r="I638" s="60">
        <v>227</v>
      </c>
      <c r="J638" s="61">
        <v>0</v>
      </c>
      <c r="K638" s="61">
        <v>-2.77</v>
      </c>
    </row>
    <row r="639" spans="1:11" ht="18.75" hidden="1" customHeight="1" thickBot="1">
      <c r="A639" s="59" t="s">
        <v>448</v>
      </c>
      <c r="B639" s="59" t="s">
        <v>28</v>
      </c>
      <c r="C639" s="59" t="s">
        <v>28</v>
      </c>
      <c r="D639" s="59" t="s">
        <v>369</v>
      </c>
      <c r="E639" s="59" t="s">
        <v>378</v>
      </c>
      <c r="F639" s="59" t="s">
        <v>449</v>
      </c>
      <c r="G639" s="59" t="s">
        <v>450</v>
      </c>
      <c r="H639" s="60">
        <v>212</v>
      </c>
      <c r="I639" s="60">
        <v>229</v>
      </c>
      <c r="J639" s="61">
        <v>0</v>
      </c>
      <c r="K639" s="61">
        <v>-124.08</v>
      </c>
    </row>
    <row r="640" spans="1:11" ht="18.75" hidden="1" customHeight="1" thickBot="1">
      <c r="A640" s="59" t="s">
        <v>448</v>
      </c>
      <c r="B640" s="59" t="s">
        <v>28</v>
      </c>
      <c r="C640" s="59" t="s">
        <v>28</v>
      </c>
      <c r="D640" s="59" t="s">
        <v>369</v>
      </c>
      <c r="E640" s="59" t="s">
        <v>378</v>
      </c>
      <c r="F640" s="59" t="s">
        <v>449</v>
      </c>
      <c r="G640" s="59" t="s">
        <v>450</v>
      </c>
      <c r="H640" s="60">
        <v>212</v>
      </c>
      <c r="I640" s="60">
        <v>240</v>
      </c>
      <c r="J640" s="61">
        <v>0</v>
      </c>
      <c r="K640" s="61">
        <v>-4181.37</v>
      </c>
    </row>
    <row r="641" spans="1:11" ht="18.75" hidden="1" customHeight="1" thickBot="1">
      <c r="A641" s="59" t="s">
        <v>448</v>
      </c>
      <c r="B641" s="59" t="s">
        <v>28</v>
      </c>
      <c r="C641" s="59" t="s">
        <v>28</v>
      </c>
      <c r="D641" s="59" t="s">
        <v>369</v>
      </c>
      <c r="E641" s="59" t="s">
        <v>378</v>
      </c>
      <c r="F641" s="59" t="s">
        <v>449</v>
      </c>
      <c r="G641" s="59" t="s">
        <v>450</v>
      </c>
      <c r="H641" s="60">
        <v>212</v>
      </c>
      <c r="I641" s="60">
        <v>244</v>
      </c>
      <c r="J641" s="61">
        <v>0</v>
      </c>
      <c r="K641" s="61">
        <v>-1099.1099999999999</v>
      </c>
    </row>
    <row r="642" spans="1:11" ht="18.75" hidden="1" customHeight="1" thickBot="1">
      <c r="A642" s="59" t="s">
        <v>448</v>
      </c>
      <c r="B642" s="59" t="s">
        <v>28</v>
      </c>
      <c r="C642" s="59" t="s">
        <v>28</v>
      </c>
      <c r="D642" s="59" t="s">
        <v>369</v>
      </c>
      <c r="E642" s="59" t="s">
        <v>378</v>
      </c>
      <c r="F642" s="59" t="s">
        <v>449</v>
      </c>
      <c r="G642" s="59" t="s">
        <v>450</v>
      </c>
      <c r="H642" s="60">
        <v>212</v>
      </c>
      <c r="I642" s="60">
        <v>248</v>
      </c>
      <c r="J642" s="61">
        <v>0</v>
      </c>
      <c r="K642" s="61">
        <v>-1172.26</v>
      </c>
    </row>
    <row r="643" spans="1:11" ht="18.75" hidden="1" customHeight="1" thickBot="1">
      <c r="A643" s="59" t="s">
        <v>448</v>
      </c>
      <c r="B643" s="59" t="s">
        <v>28</v>
      </c>
      <c r="C643" s="59" t="s">
        <v>28</v>
      </c>
      <c r="D643" s="59" t="s">
        <v>369</v>
      </c>
      <c r="E643" s="59" t="s">
        <v>378</v>
      </c>
      <c r="F643" s="59" t="s">
        <v>449</v>
      </c>
      <c r="G643" s="59" t="s">
        <v>450</v>
      </c>
      <c r="H643" s="60">
        <v>216</v>
      </c>
      <c r="I643" s="60">
        <v>211</v>
      </c>
      <c r="J643" s="61">
        <v>0</v>
      </c>
      <c r="K643" s="61">
        <v>-144.43</v>
      </c>
    </row>
    <row r="644" spans="1:11" ht="18.75" hidden="1" customHeight="1" thickBot="1">
      <c r="A644" s="59" t="s">
        <v>448</v>
      </c>
      <c r="B644" s="59" t="s">
        <v>28</v>
      </c>
      <c r="C644" s="59" t="s">
        <v>28</v>
      </c>
      <c r="D644" s="59" t="s">
        <v>369</v>
      </c>
      <c r="E644" s="59" t="s">
        <v>378</v>
      </c>
      <c r="F644" s="59" t="s">
        <v>449</v>
      </c>
      <c r="G644" s="59" t="s">
        <v>450</v>
      </c>
      <c r="H644" s="60">
        <v>216</v>
      </c>
      <c r="I644" s="60">
        <v>215</v>
      </c>
      <c r="J644" s="61">
        <v>0</v>
      </c>
      <c r="K644" s="61">
        <v>-97.13</v>
      </c>
    </row>
    <row r="645" spans="1:11" ht="18.75" hidden="1" customHeight="1" thickBot="1">
      <c r="A645" s="59" t="s">
        <v>448</v>
      </c>
      <c r="B645" s="59" t="s">
        <v>28</v>
      </c>
      <c r="C645" s="59" t="s">
        <v>28</v>
      </c>
      <c r="D645" s="59" t="s">
        <v>369</v>
      </c>
      <c r="E645" s="59" t="s">
        <v>378</v>
      </c>
      <c r="F645" s="59" t="s">
        <v>449</v>
      </c>
      <c r="G645" s="59" t="s">
        <v>450</v>
      </c>
      <c r="H645" s="60">
        <v>216</v>
      </c>
      <c r="I645" s="60">
        <v>256</v>
      </c>
      <c r="J645" s="61">
        <v>0</v>
      </c>
      <c r="K645" s="61">
        <v>-87.72</v>
      </c>
    </row>
    <row r="646" spans="1:11" ht="18.75" hidden="1" customHeight="1" thickBot="1">
      <c r="A646" s="59" t="s">
        <v>448</v>
      </c>
      <c r="B646" s="59" t="s">
        <v>28</v>
      </c>
      <c r="C646" s="59" t="s">
        <v>28</v>
      </c>
      <c r="D646" s="59" t="s">
        <v>369</v>
      </c>
      <c r="E646" s="59" t="s">
        <v>378</v>
      </c>
      <c r="F646" s="59" t="s">
        <v>449</v>
      </c>
      <c r="G646" s="59" t="s">
        <v>450</v>
      </c>
      <c r="H646" s="60">
        <v>221</v>
      </c>
      <c r="I646" s="60">
        <v>97</v>
      </c>
      <c r="J646" s="61">
        <v>0</v>
      </c>
      <c r="K646" s="61">
        <v>-3.14</v>
      </c>
    </row>
    <row r="647" spans="1:11" ht="18.75" hidden="1" customHeight="1" thickBot="1">
      <c r="A647" s="59" t="s">
        <v>448</v>
      </c>
      <c r="B647" s="59" t="s">
        <v>28</v>
      </c>
      <c r="C647" s="59" t="s">
        <v>28</v>
      </c>
      <c r="D647" s="59" t="s">
        <v>369</v>
      </c>
      <c r="E647" s="59" t="s">
        <v>378</v>
      </c>
      <c r="F647" s="59" t="s">
        <v>449</v>
      </c>
      <c r="G647" s="59" t="s">
        <v>450</v>
      </c>
      <c r="H647" s="60">
        <v>221</v>
      </c>
      <c r="I647" s="60">
        <v>211</v>
      </c>
      <c r="J647" s="61">
        <v>0</v>
      </c>
      <c r="K647" s="61">
        <v>-350.52</v>
      </c>
    </row>
    <row r="648" spans="1:11" ht="18.75" hidden="1" customHeight="1" thickBot="1">
      <c r="A648" s="59" t="s">
        <v>448</v>
      </c>
      <c r="B648" s="59" t="s">
        <v>28</v>
      </c>
      <c r="C648" s="59" t="s">
        <v>28</v>
      </c>
      <c r="D648" s="59" t="s">
        <v>369</v>
      </c>
      <c r="E648" s="59" t="s">
        <v>378</v>
      </c>
      <c r="F648" s="59" t="s">
        <v>449</v>
      </c>
      <c r="G648" s="59" t="s">
        <v>450</v>
      </c>
      <c r="H648" s="60">
        <v>221</v>
      </c>
      <c r="I648" s="60">
        <v>215</v>
      </c>
      <c r="J648" s="61">
        <v>0</v>
      </c>
      <c r="K648" s="61">
        <v>-967.42</v>
      </c>
    </row>
    <row r="649" spans="1:11" ht="18.75" hidden="1" customHeight="1" thickBot="1">
      <c r="A649" s="59" t="s">
        <v>448</v>
      </c>
      <c r="B649" s="59" t="s">
        <v>28</v>
      </c>
      <c r="C649" s="59" t="s">
        <v>28</v>
      </c>
      <c r="D649" s="59" t="s">
        <v>369</v>
      </c>
      <c r="E649" s="59" t="s">
        <v>378</v>
      </c>
      <c r="F649" s="59" t="s">
        <v>449</v>
      </c>
      <c r="G649" s="59" t="s">
        <v>450</v>
      </c>
      <c r="H649" s="60">
        <v>221</v>
      </c>
      <c r="I649" s="60">
        <v>220</v>
      </c>
      <c r="J649" s="61">
        <v>0</v>
      </c>
      <c r="K649" s="61">
        <v>-144.99</v>
      </c>
    </row>
    <row r="650" spans="1:11" ht="18.75" hidden="1" customHeight="1" thickBot="1">
      <c r="A650" s="59" t="s">
        <v>448</v>
      </c>
      <c r="B650" s="59" t="s">
        <v>28</v>
      </c>
      <c r="C650" s="59" t="s">
        <v>28</v>
      </c>
      <c r="D650" s="59" t="s">
        <v>369</v>
      </c>
      <c r="E650" s="59" t="s">
        <v>378</v>
      </c>
      <c r="F650" s="59" t="s">
        <v>449</v>
      </c>
      <c r="G650" s="59" t="s">
        <v>450</v>
      </c>
      <c r="H650" s="60">
        <v>221</v>
      </c>
      <c r="I650" s="60">
        <v>240</v>
      </c>
      <c r="J650" s="61">
        <v>0</v>
      </c>
      <c r="K650" s="61">
        <v>-544.38</v>
      </c>
    </row>
    <row r="651" spans="1:11" ht="18.75" hidden="1" customHeight="1" thickBot="1">
      <c r="A651" s="59" t="s">
        <v>448</v>
      </c>
      <c r="B651" s="59" t="s">
        <v>28</v>
      </c>
      <c r="C651" s="59" t="s">
        <v>28</v>
      </c>
      <c r="D651" s="59" t="s">
        <v>369</v>
      </c>
      <c r="E651" s="59" t="s">
        <v>378</v>
      </c>
      <c r="F651" s="59" t="s">
        <v>449</v>
      </c>
      <c r="G651" s="59" t="s">
        <v>450</v>
      </c>
      <c r="H651" s="60">
        <v>221</v>
      </c>
      <c r="I651" s="60">
        <v>244</v>
      </c>
      <c r="J651" s="61">
        <v>0</v>
      </c>
      <c r="K651" s="61">
        <v>-1940.94</v>
      </c>
    </row>
    <row r="652" spans="1:11" ht="18.75" hidden="1" customHeight="1" thickBot="1">
      <c r="A652" s="59" t="s">
        <v>448</v>
      </c>
      <c r="B652" s="59" t="s">
        <v>28</v>
      </c>
      <c r="C652" s="59" t="s">
        <v>28</v>
      </c>
      <c r="D652" s="59" t="s">
        <v>369</v>
      </c>
      <c r="E652" s="59" t="s">
        <v>378</v>
      </c>
      <c r="F652" s="59" t="s">
        <v>449</v>
      </c>
      <c r="G652" s="59" t="s">
        <v>450</v>
      </c>
      <c r="H652" s="60">
        <v>221</v>
      </c>
      <c r="I652" s="60">
        <v>332</v>
      </c>
      <c r="J652" s="61">
        <v>0</v>
      </c>
      <c r="K652" s="61">
        <v>-7627.81</v>
      </c>
    </row>
    <row r="653" spans="1:11" ht="18.75" hidden="1" customHeight="1" thickBot="1">
      <c r="A653" s="59" t="s">
        <v>448</v>
      </c>
      <c r="B653" s="59" t="s">
        <v>28</v>
      </c>
      <c r="C653" s="59" t="s">
        <v>28</v>
      </c>
      <c r="D653" s="59" t="s">
        <v>369</v>
      </c>
      <c r="E653" s="59" t="s">
        <v>378</v>
      </c>
      <c r="F653" s="59" t="s">
        <v>449</v>
      </c>
      <c r="G653" s="59" t="s">
        <v>450</v>
      </c>
      <c r="H653" s="60">
        <v>221</v>
      </c>
      <c r="I653" s="60">
        <v>358</v>
      </c>
      <c r="J653" s="61">
        <v>0</v>
      </c>
      <c r="K653" s="61">
        <v>-24004.19</v>
      </c>
    </row>
    <row r="654" spans="1:11" ht="18.75" hidden="1" customHeight="1" thickBot="1">
      <c r="A654" s="59" t="s">
        <v>448</v>
      </c>
      <c r="B654" s="59" t="s">
        <v>28</v>
      </c>
      <c r="C654" s="59" t="s">
        <v>28</v>
      </c>
      <c r="D654" s="59" t="s">
        <v>369</v>
      </c>
      <c r="E654" s="59" t="s">
        <v>378</v>
      </c>
      <c r="F654" s="59" t="s">
        <v>449</v>
      </c>
      <c r="G654" s="59" t="s">
        <v>450</v>
      </c>
      <c r="H654" s="60">
        <v>221</v>
      </c>
      <c r="I654" s="60">
        <v>360</v>
      </c>
      <c r="J654" s="61">
        <v>0</v>
      </c>
      <c r="K654" s="61">
        <v>-4943.6400000000003</v>
      </c>
    </row>
    <row r="655" spans="1:11" ht="18.75" hidden="1" customHeight="1" thickBot="1">
      <c r="A655" s="59" t="s">
        <v>448</v>
      </c>
      <c r="B655" s="59" t="s">
        <v>28</v>
      </c>
      <c r="C655" s="59" t="s">
        <v>28</v>
      </c>
      <c r="D655" s="59" t="s">
        <v>369</v>
      </c>
      <c r="E655" s="59" t="s">
        <v>378</v>
      </c>
      <c r="F655" s="59" t="s">
        <v>449</v>
      </c>
      <c r="G655" s="59" t="s">
        <v>450</v>
      </c>
      <c r="H655" s="60">
        <v>222</v>
      </c>
      <c r="I655" s="60">
        <v>211</v>
      </c>
      <c r="J655" s="61">
        <v>0</v>
      </c>
      <c r="K655" s="61">
        <v>-6.73</v>
      </c>
    </row>
    <row r="656" spans="1:11" ht="18.75" hidden="1" customHeight="1" thickBot="1">
      <c r="A656" s="59" t="s">
        <v>448</v>
      </c>
      <c r="B656" s="59" t="s">
        <v>28</v>
      </c>
      <c r="C656" s="59" t="s">
        <v>28</v>
      </c>
      <c r="D656" s="59" t="s">
        <v>369</v>
      </c>
      <c r="E656" s="59" t="s">
        <v>378</v>
      </c>
      <c r="F656" s="59" t="s">
        <v>449</v>
      </c>
      <c r="G656" s="59" t="s">
        <v>450</v>
      </c>
      <c r="H656" s="60">
        <v>222</v>
      </c>
      <c r="I656" s="60">
        <v>215</v>
      </c>
      <c r="J656" s="61">
        <v>0</v>
      </c>
      <c r="K656" s="61">
        <v>-305.64</v>
      </c>
    </row>
    <row r="657" spans="1:11" ht="18.75" hidden="1" customHeight="1" thickBot="1">
      <c r="A657" s="59" t="s">
        <v>448</v>
      </c>
      <c r="B657" s="59" t="s">
        <v>28</v>
      </c>
      <c r="C657" s="59" t="s">
        <v>28</v>
      </c>
      <c r="D657" s="59" t="s">
        <v>369</v>
      </c>
      <c r="E657" s="59" t="s">
        <v>378</v>
      </c>
      <c r="F657" s="59" t="s">
        <v>449</v>
      </c>
      <c r="G657" s="59" t="s">
        <v>450</v>
      </c>
      <c r="H657" s="60">
        <v>222</v>
      </c>
      <c r="I657" s="60">
        <v>240</v>
      </c>
      <c r="J657" s="61">
        <v>0</v>
      </c>
      <c r="K657" s="61">
        <v>-2396.9699999999998</v>
      </c>
    </row>
    <row r="658" spans="1:11" ht="18.75" hidden="1" customHeight="1" thickBot="1">
      <c r="A658" s="59" t="s">
        <v>448</v>
      </c>
      <c r="B658" s="59" t="s">
        <v>28</v>
      </c>
      <c r="C658" s="59" t="s">
        <v>28</v>
      </c>
      <c r="D658" s="59" t="s">
        <v>369</v>
      </c>
      <c r="E658" s="59" t="s">
        <v>378</v>
      </c>
      <c r="F658" s="59" t="s">
        <v>449</v>
      </c>
      <c r="G658" s="59" t="s">
        <v>450</v>
      </c>
      <c r="H658" s="60">
        <v>230</v>
      </c>
      <c r="I658" s="60">
        <v>113</v>
      </c>
      <c r="J658" s="61">
        <v>0</v>
      </c>
      <c r="K658" s="61">
        <v>-0.77</v>
      </c>
    </row>
    <row r="659" spans="1:11" ht="18.75" hidden="1" customHeight="1" thickBot="1">
      <c r="A659" s="59" t="s">
        <v>448</v>
      </c>
      <c r="B659" s="59" t="s">
        <v>28</v>
      </c>
      <c r="C659" s="59" t="s">
        <v>28</v>
      </c>
      <c r="D659" s="59" t="s">
        <v>369</v>
      </c>
      <c r="E659" s="59" t="s">
        <v>378</v>
      </c>
      <c r="F659" s="59" t="s">
        <v>449</v>
      </c>
      <c r="G659" s="59" t="s">
        <v>450</v>
      </c>
      <c r="H659" s="60">
        <v>230</v>
      </c>
      <c r="I659" s="60">
        <v>211</v>
      </c>
      <c r="J659" s="61">
        <v>0</v>
      </c>
      <c r="K659" s="61">
        <v>-31.24</v>
      </c>
    </row>
    <row r="660" spans="1:11" ht="18.75" hidden="1" customHeight="1" thickBot="1">
      <c r="A660" s="59" t="s">
        <v>448</v>
      </c>
      <c r="B660" s="59" t="s">
        <v>28</v>
      </c>
      <c r="C660" s="59" t="s">
        <v>28</v>
      </c>
      <c r="D660" s="59" t="s">
        <v>369</v>
      </c>
      <c r="E660" s="59" t="s">
        <v>378</v>
      </c>
      <c r="F660" s="59" t="s">
        <v>449</v>
      </c>
      <c r="G660" s="59" t="s">
        <v>450</v>
      </c>
      <c r="H660" s="60">
        <v>230</v>
      </c>
      <c r="I660" s="60">
        <v>215</v>
      </c>
      <c r="J660" s="61">
        <v>0</v>
      </c>
      <c r="K660" s="61">
        <v>-101.66</v>
      </c>
    </row>
    <row r="661" spans="1:11" ht="18.75" hidden="1" customHeight="1" thickBot="1">
      <c r="A661" s="59" t="s">
        <v>448</v>
      </c>
      <c r="B661" s="59" t="s">
        <v>28</v>
      </c>
      <c r="C661" s="59" t="s">
        <v>28</v>
      </c>
      <c r="D661" s="59" t="s">
        <v>369</v>
      </c>
      <c r="E661" s="59" t="s">
        <v>378</v>
      </c>
      <c r="F661" s="59" t="s">
        <v>449</v>
      </c>
      <c r="G661" s="59" t="s">
        <v>450</v>
      </c>
      <c r="H661" s="60">
        <v>230</v>
      </c>
      <c r="I661" s="60">
        <v>220</v>
      </c>
      <c r="J661" s="61">
        <v>0</v>
      </c>
      <c r="K661" s="61">
        <v>-15.33</v>
      </c>
    </row>
    <row r="662" spans="1:11" ht="18.75" hidden="1" customHeight="1" thickBot="1">
      <c r="A662" s="59" t="s">
        <v>448</v>
      </c>
      <c r="B662" s="59" t="s">
        <v>28</v>
      </c>
      <c r="C662" s="59" t="s">
        <v>28</v>
      </c>
      <c r="D662" s="59" t="s">
        <v>369</v>
      </c>
      <c r="E662" s="59" t="s">
        <v>378</v>
      </c>
      <c r="F662" s="59" t="s">
        <v>449</v>
      </c>
      <c r="G662" s="59" t="s">
        <v>450</v>
      </c>
      <c r="H662" s="60">
        <v>230</v>
      </c>
      <c r="I662" s="60">
        <v>236</v>
      </c>
      <c r="J662" s="61">
        <v>0</v>
      </c>
      <c r="K662" s="61">
        <v>-288.36</v>
      </c>
    </row>
    <row r="663" spans="1:11" ht="18.75" hidden="1" customHeight="1" thickBot="1">
      <c r="A663" s="59" t="s">
        <v>448</v>
      </c>
      <c r="B663" s="59" t="s">
        <v>28</v>
      </c>
      <c r="C663" s="59" t="s">
        <v>28</v>
      </c>
      <c r="D663" s="59" t="s">
        <v>369</v>
      </c>
      <c r="E663" s="59" t="s">
        <v>378</v>
      </c>
      <c r="F663" s="59" t="s">
        <v>449</v>
      </c>
      <c r="G663" s="59" t="s">
        <v>450</v>
      </c>
      <c r="H663" s="60">
        <v>230</v>
      </c>
      <c r="I663" s="60">
        <v>244</v>
      </c>
      <c r="J663" s="61">
        <v>0</v>
      </c>
      <c r="K663" s="61">
        <v>-1810.08</v>
      </c>
    </row>
    <row r="664" spans="1:11" ht="18.75" hidden="1" customHeight="1" thickBot="1">
      <c r="A664" s="59" t="s">
        <v>448</v>
      </c>
      <c r="B664" s="59" t="s">
        <v>28</v>
      </c>
      <c r="C664" s="59" t="s">
        <v>28</v>
      </c>
      <c r="D664" s="59" t="s">
        <v>369</v>
      </c>
      <c r="E664" s="59" t="s">
        <v>378</v>
      </c>
      <c r="F664" s="59" t="s">
        <v>449</v>
      </c>
      <c r="G664" s="59" t="s">
        <v>450</v>
      </c>
      <c r="H664" s="60">
        <v>230</v>
      </c>
      <c r="I664" s="60">
        <v>257</v>
      </c>
      <c r="J664" s="61">
        <v>0</v>
      </c>
      <c r="K664" s="61">
        <v>-1821.19</v>
      </c>
    </row>
    <row r="665" spans="1:11" ht="18.75" hidden="1" customHeight="1" thickBot="1">
      <c r="A665" s="59" t="s">
        <v>448</v>
      </c>
      <c r="B665" s="59" t="s">
        <v>28</v>
      </c>
      <c r="C665" s="59" t="s">
        <v>28</v>
      </c>
      <c r="D665" s="59" t="s">
        <v>369</v>
      </c>
      <c r="E665" s="59" t="s">
        <v>378</v>
      </c>
      <c r="F665" s="59" t="s">
        <v>449</v>
      </c>
      <c r="G665" s="59" t="s">
        <v>450</v>
      </c>
      <c r="H665" s="60">
        <v>230</v>
      </c>
      <c r="I665" s="60">
        <v>330</v>
      </c>
      <c r="J665" s="61">
        <v>0</v>
      </c>
      <c r="K665" s="61">
        <v>-2461.9</v>
      </c>
    </row>
    <row r="666" spans="1:11" ht="18.75" hidden="1" customHeight="1" thickBot="1">
      <c r="A666" s="59" t="s">
        <v>448</v>
      </c>
      <c r="B666" s="59" t="s">
        <v>28</v>
      </c>
      <c r="C666" s="59" t="s">
        <v>28</v>
      </c>
      <c r="D666" s="59" t="s">
        <v>369</v>
      </c>
      <c r="E666" s="59" t="s">
        <v>378</v>
      </c>
      <c r="F666" s="59" t="s">
        <v>449</v>
      </c>
      <c r="G666" s="59" t="s">
        <v>450</v>
      </c>
      <c r="H666" s="60">
        <v>230</v>
      </c>
      <c r="I666" s="60">
        <v>358</v>
      </c>
      <c r="J666" s="61">
        <v>0</v>
      </c>
      <c r="K666" s="61">
        <v>-1716.35</v>
      </c>
    </row>
    <row r="667" spans="1:11" ht="18.75" customHeight="1" thickBot="1">
      <c r="A667" s="59" t="s">
        <v>448</v>
      </c>
      <c r="B667" s="59" t="s">
        <v>28</v>
      </c>
      <c r="C667" s="59" t="s">
        <v>28</v>
      </c>
      <c r="D667" s="59" t="s">
        <v>369</v>
      </c>
      <c r="E667" s="59" t="s">
        <v>380</v>
      </c>
      <c r="F667" s="59" t="s">
        <v>449</v>
      </c>
      <c r="G667" s="59" t="s">
        <v>450</v>
      </c>
      <c r="H667" s="60">
        <v>0</v>
      </c>
      <c r="I667" s="60">
        <v>0</v>
      </c>
      <c r="J667" s="61">
        <v>0</v>
      </c>
      <c r="K667" s="61">
        <v>1571.32</v>
      </c>
    </row>
    <row r="668" spans="1:11" ht="18.75" customHeight="1" thickBot="1">
      <c r="A668" s="59" t="s">
        <v>448</v>
      </c>
      <c r="B668" s="59" t="s">
        <v>28</v>
      </c>
      <c r="C668" s="59" t="s">
        <v>28</v>
      </c>
      <c r="D668" s="59" t="s">
        <v>369</v>
      </c>
      <c r="E668" s="59" t="s">
        <v>380</v>
      </c>
      <c r="F668" s="59" t="s">
        <v>449</v>
      </c>
      <c r="G668" s="59" t="s">
        <v>450</v>
      </c>
      <c r="H668" s="60">
        <v>10</v>
      </c>
      <c r="I668" s="60">
        <v>14</v>
      </c>
      <c r="J668" s="61">
        <v>0</v>
      </c>
      <c r="K668" s="61">
        <v>0.73</v>
      </c>
    </row>
    <row r="669" spans="1:11" ht="18.75" customHeight="1" thickBot="1">
      <c r="A669" s="59" t="s">
        <v>448</v>
      </c>
      <c r="B669" s="59" t="s">
        <v>28</v>
      </c>
      <c r="C669" s="59" t="s">
        <v>28</v>
      </c>
      <c r="D669" s="59" t="s">
        <v>369</v>
      </c>
      <c r="E669" s="59" t="s">
        <v>380</v>
      </c>
      <c r="F669" s="59" t="s">
        <v>449</v>
      </c>
      <c r="G669" s="59" t="s">
        <v>450</v>
      </c>
      <c r="H669" s="60">
        <v>10</v>
      </c>
      <c r="I669" s="60">
        <v>15</v>
      </c>
      <c r="J669" s="61">
        <v>0</v>
      </c>
      <c r="K669" s="61">
        <v>305.97000000000003</v>
      </c>
    </row>
    <row r="670" spans="1:11" ht="18.75" customHeight="1" thickBot="1">
      <c r="A670" s="59" t="s">
        <v>448</v>
      </c>
      <c r="B670" s="59" t="s">
        <v>28</v>
      </c>
      <c r="C670" s="59" t="s">
        <v>28</v>
      </c>
      <c r="D670" s="59" t="s">
        <v>369</v>
      </c>
      <c r="E670" s="59" t="s">
        <v>380</v>
      </c>
      <c r="F670" s="59" t="s">
        <v>449</v>
      </c>
      <c r="G670" s="59" t="s">
        <v>450</v>
      </c>
      <c r="H670" s="60">
        <v>10</v>
      </c>
      <c r="I670" s="60">
        <v>22</v>
      </c>
      <c r="J670" s="61">
        <v>0</v>
      </c>
      <c r="K670" s="61">
        <v>142.11000000000001</v>
      </c>
    </row>
    <row r="671" spans="1:11" ht="18.75" customHeight="1" thickBot="1">
      <c r="A671" s="59" t="s">
        <v>448</v>
      </c>
      <c r="B671" s="59" t="s">
        <v>28</v>
      </c>
      <c r="C671" s="59" t="s">
        <v>28</v>
      </c>
      <c r="D671" s="59" t="s">
        <v>369</v>
      </c>
      <c r="E671" s="59" t="s">
        <v>380</v>
      </c>
      <c r="F671" s="59" t="s">
        <v>449</v>
      </c>
      <c r="G671" s="59" t="s">
        <v>450</v>
      </c>
      <c r="H671" s="60">
        <v>10</v>
      </c>
      <c r="I671" s="60">
        <v>93</v>
      </c>
      <c r="J671" s="61">
        <v>0</v>
      </c>
      <c r="K671" s="61">
        <v>14.3</v>
      </c>
    </row>
    <row r="672" spans="1:11" ht="18.75" customHeight="1" thickBot="1">
      <c r="A672" s="59" t="s">
        <v>448</v>
      </c>
      <c r="B672" s="59" t="s">
        <v>28</v>
      </c>
      <c r="C672" s="59" t="s">
        <v>28</v>
      </c>
      <c r="D672" s="59" t="s">
        <v>369</v>
      </c>
      <c r="E672" s="59" t="s">
        <v>380</v>
      </c>
      <c r="F672" s="59" t="s">
        <v>449</v>
      </c>
      <c r="G672" s="59" t="s">
        <v>450</v>
      </c>
      <c r="H672" s="60">
        <v>10</v>
      </c>
      <c r="I672" s="60">
        <v>94</v>
      </c>
      <c r="J672" s="61">
        <v>0</v>
      </c>
      <c r="K672" s="61">
        <v>199.73</v>
      </c>
    </row>
    <row r="673" spans="1:11" ht="18.75" customHeight="1" thickBot="1">
      <c r="A673" s="59" t="s">
        <v>448</v>
      </c>
      <c r="B673" s="59" t="s">
        <v>28</v>
      </c>
      <c r="C673" s="59" t="s">
        <v>28</v>
      </c>
      <c r="D673" s="59" t="s">
        <v>369</v>
      </c>
      <c r="E673" s="59" t="s">
        <v>380</v>
      </c>
      <c r="F673" s="59" t="s">
        <v>449</v>
      </c>
      <c r="G673" s="59" t="s">
        <v>450</v>
      </c>
      <c r="H673" s="60">
        <v>10</v>
      </c>
      <c r="I673" s="60">
        <v>97</v>
      </c>
      <c r="J673" s="61">
        <v>0</v>
      </c>
      <c r="K673" s="61">
        <v>21.35</v>
      </c>
    </row>
    <row r="674" spans="1:11" ht="18.75" customHeight="1" thickBot="1">
      <c r="A674" s="59" t="s">
        <v>448</v>
      </c>
      <c r="B674" s="59" t="s">
        <v>28</v>
      </c>
      <c r="C674" s="59" t="s">
        <v>28</v>
      </c>
      <c r="D674" s="59" t="s">
        <v>369</v>
      </c>
      <c r="E674" s="59" t="s">
        <v>380</v>
      </c>
      <c r="F674" s="59" t="s">
        <v>449</v>
      </c>
      <c r="G674" s="59" t="s">
        <v>450</v>
      </c>
      <c r="H674" s="60">
        <v>10</v>
      </c>
      <c r="I674" s="60">
        <v>107</v>
      </c>
      <c r="J674" s="61">
        <v>0</v>
      </c>
      <c r="K674" s="61">
        <v>10.39</v>
      </c>
    </row>
    <row r="675" spans="1:11" ht="18.75" customHeight="1" thickBot="1">
      <c r="A675" s="59" t="s">
        <v>448</v>
      </c>
      <c r="B675" s="59" t="s">
        <v>28</v>
      </c>
      <c r="C675" s="59" t="s">
        <v>28</v>
      </c>
      <c r="D675" s="59" t="s">
        <v>369</v>
      </c>
      <c r="E675" s="59" t="s">
        <v>380</v>
      </c>
      <c r="F675" s="59" t="s">
        <v>449</v>
      </c>
      <c r="G675" s="59" t="s">
        <v>450</v>
      </c>
      <c r="H675" s="60">
        <v>10</v>
      </c>
      <c r="I675" s="60">
        <v>109</v>
      </c>
      <c r="J675" s="61">
        <v>0</v>
      </c>
      <c r="K675" s="61">
        <v>12.52</v>
      </c>
    </row>
    <row r="676" spans="1:11" ht="18.75" customHeight="1" thickBot="1">
      <c r="A676" s="59" t="s">
        <v>448</v>
      </c>
      <c r="B676" s="59" t="s">
        <v>28</v>
      </c>
      <c r="C676" s="59" t="s">
        <v>28</v>
      </c>
      <c r="D676" s="59" t="s">
        <v>369</v>
      </c>
      <c r="E676" s="59" t="s">
        <v>380</v>
      </c>
      <c r="F676" s="59" t="s">
        <v>449</v>
      </c>
      <c r="G676" s="59" t="s">
        <v>450</v>
      </c>
      <c r="H676" s="60">
        <v>10</v>
      </c>
      <c r="I676" s="60">
        <v>111</v>
      </c>
      <c r="J676" s="61">
        <v>0</v>
      </c>
      <c r="K676" s="61">
        <v>3.11</v>
      </c>
    </row>
    <row r="677" spans="1:11" ht="18.75" customHeight="1" thickBot="1">
      <c r="A677" s="59" t="s">
        <v>448</v>
      </c>
      <c r="B677" s="59" t="s">
        <v>28</v>
      </c>
      <c r="C677" s="59" t="s">
        <v>28</v>
      </c>
      <c r="D677" s="59" t="s">
        <v>369</v>
      </c>
      <c r="E677" s="59" t="s">
        <v>380</v>
      </c>
      <c r="F677" s="59" t="s">
        <v>449</v>
      </c>
      <c r="G677" s="59" t="s">
        <v>450</v>
      </c>
      <c r="H677" s="60">
        <v>10</v>
      </c>
      <c r="I677" s="60">
        <v>113</v>
      </c>
      <c r="J677" s="61">
        <v>0</v>
      </c>
      <c r="K677" s="61">
        <v>112.62</v>
      </c>
    </row>
    <row r="678" spans="1:11" ht="18.75" customHeight="1" thickBot="1">
      <c r="A678" s="59" t="s">
        <v>448</v>
      </c>
      <c r="B678" s="59" t="s">
        <v>28</v>
      </c>
      <c r="C678" s="59" t="s">
        <v>28</v>
      </c>
      <c r="D678" s="59" t="s">
        <v>369</v>
      </c>
      <c r="E678" s="59" t="s">
        <v>380</v>
      </c>
      <c r="F678" s="59" t="s">
        <v>449</v>
      </c>
      <c r="G678" s="59" t="s">
        <v>450</v>
      </c>
      <c r="H678" s="60">
        <v>10</v>
      </c>
      <c r="I678" s="60">
        <v>116</v>
      </c>
      <c r="J678" s="61">
        <v>0</v>
      </c>
      <c r="K678" s="61">
        <v>1.58</v>
      </c>
    </row>
    <row r="679" spans="1:11" ht="18.75" customHeight="1" thickBot="1">
      <c r="A679" s="59" t="s">
        <v>448</v>
      </c>
      <c r="B679" s="59" t="s">
        <v>28</v>
      </c>
      <c r="C679" s="59" t="s">
        <v>28</v>
      </c>
      <c r="D679" s="59" t="s">
        <v>369</v>
      </c>
      <c r="E679" s="59" t="s">
        <v>380</v>
      </c>
      <c r="F679" s="59" t="s">
        <v>449</v>
      </c>
      <c r="G679" s="59" t="s">
        <v>450</v>
      </c>
      <c r="H679" s="60">
        <v>10</v>
      </c>
      <c r="I679" s="60">
        <v>150</v>
      </c>
      <c r="J679" s="61">
        <v>0</v>
      </c>
      <c r="K679" s="61">
        <v>39.08</v>
      </c>
    </row>
    <row r="680" spans="1:11" ht="18.75" customHeight="1" thickBot="1">
      <c r="A680" s="59" t="s">
        <v>448</v>
      </c>
      <c r="B680" s="59" t="s">
        <v>28</v>
      </c>
      <c r="C680" s="59" t="s">
        <v>28</v>
      </c>
      <c r="D680" s="59" t="s">
        <v>369</v>
      </c>
      <c r="E680" s="59" t="s">
        <v>380</v>
      </c>
      <c r="F680" s="59" t="s">
        <v>449</v>
      </c>
      <c r="G680" s="59" t="s">
        <v>450</v>
      </c>
      <c r="H680" s="60">
        <v>20</v>
      </c>
      <c r="I680" s="60">
        <v>15</v>
      </c>
      <c r="J680" s="61">
        <v>0</v>
      </c>
      <c r="K680" s="61">
        <v>336.96</v>
      </c>
    </row>
    <row r="681" spans="1:11" ht="18.75" customHeight="1" thickBot="1">
      <c r="A681" s="59" t="s">
        <v>448</v>
      </c>
      <c r="B681" s="59" t="s">
        <v>28</v>
      </c>
      <c r="C681" s="59" t="s">
        <v>28</v>
      </c>
      <c r="D681" s="59" t="s">
        <v>369</v>
      </c>
      <c r="E681" s="59" t="s">
        <v>380</v>
      </c>
      <c r="F681" s="59" t="s">
        <v>449</v>
      </c>
      <c r="G681" s="59" t="s">
        <v>450</v>
      </c>
      <c r="H681" s="60">
        <v>20</v>
      </c>
      <c r="I681" s="60">
        <v>22</v>
      </c>
      <c r="J681" s="61">
        <v>0</v>
      </c>
      <c r="K681" s="61">
        <v>613</v>
      </c>
    </row>
    <row r="682" spans="1:11" ht="18.75" customHeight="1" thickBot="1">
      <c r="A682" s="59" t="s">
        <v>448</v>
      </c>
      <c r="B682" s="59" t="s">
        <v>28</v>
      </c>
      <c r="C682" s="59" t="s">
        <v>28</v>
      </c>
      <c r="D682" s="59" t="s">
        <v>369</v>
      </c>
      <c r="E682" s="59" t="s">
        <v>380</v>
      </c>
      <c r="F682" s="59" t="s">
        <v>449</v>
      </c>
      <c r="G682" s="59" t="s">
        <v>450</v>
      </c>
      <c r="H682" s="60">
        <v>20</v>
      </c>
      <c r="I682" s="60">
        <v>30</v>
      </c>
      <c r="J682" s="61">
        <v>0</v>
      </c>
      <c r="K682" s="61">
        <v>0.63</v>
      </c>
    </row>
    <row r="683" spans="1:11" ht="18.75" customHeight="1" thickBot="1">
      <c r="A683" s="59" t="s">
        <v>448</v>
      </c>
      <c r="B683" s="59" t="s">
        <v>28</v>
      </c>
      <c r="C683" s="59" t="s">
        <v>28</v>
      </c>
      <c r="D683" s="59" t="s">
        <v>369</v>
      </c>
      <c r="E683" s="59" t="s">
        <v>380</v>
      </c>
      <c r="F683" s="59" t="s">
        <v>449</v>
      </c>
      <c r="G683" s="59" t="s">
        <v>450</v>
      </c>
      <c r="H683" s="60">
        <v>20</v>
      </c>
      <c r="I683" s="60">
        <v>93</v>
      </c>
      <c r="J683" s="61">
        <v>0</v>
      </c>
      <c r="K683" s="61">
        <v>3.48</v>
      </c>
    </row>
    <row r="684" spans="1:11" ht="18.75" customHeight="1" thickBot="1">
      <c r="A684" s="59" t="s">
        <v>448</v>
      </c>
      <c r="B684" s="59" t="s">
        <v>28</v>
      </c>
      <c r="C684" s="59" t="s">
        <v>28</v>
      </c>
      <c r="D684" s="59" t="s">
        <v>369</v>
      </c>
      <c r="E684" s="59" t="s">
        <v>380</v>
      </c>
      <c r="F684" s="59" t="s">
        <v>449</v>
      </c>
      <c r="G684" s="59" t="s">
        <v>450</v>
      </c>
      <c r="H684" s="60">
        <v>20</v>
      </c>
      <c r="I684" s="60">
        <v>94</v>
      </c>
      <c r="J684" s="61">
        <v>0</v>
      </c>
      <c r="K684" s="61">
        <v>127.41</v>
      </c>
    </row>
    <row r="685" spans="1:11" ht="18.75" customHeight="1" thickBot="1">
      <c r="A685" s="59" t="s">
        <v>448</v>
      </c>
      <c r="B685" s="59" t="s">
        <v>28</v>
      </c>
      <c r="C685" s="59" t="s">
        <v>28</v>
      </c>
      <c r="D685" s="59" t="s">
        <v>369</v>
      </c>
      <c r="E685" s="59" t="s">
        <v>380</v>
      </c>
      <c r="F685" s="59" t="s">
        <v>449</v>
      </c>
      <c r="G685" s="59" t="s">
        <v>450</v>
      </c>
      <c r="H685" s="60">
        <v>20</v>
      </c>
      <c r="I685" s="60">
        <v>97</v>
      </c>
      <c r="J685" s="61">
        <v>0</v>
      </c>
      <c r="K685" s="61">
        <v>9.34</v>
      </c>
    </row>
    <row r="686" spans="1:11" ht="18.75" customHeight="1" thickBot="1">
      <c r="A686" s="59" t="s">
        <v>448</v>
      </c>
      <c r="B686" s="59" t="s">
        <v>28</v>
      </c>
      <c r="C686" s="59" t="s">
        <v>28</v>
      </c>
      <c r="D686" s="59" t="s">
        <v>369</v>
      </c>
      <c r="E686" s="59" t="s">
        <v>380</v>
      </c>
      <c r="F686" s="59" t="s">
        <v>449</v>
      </c>
      <c r="G686" s="59" t="s">
        <v>450</v>
      </c>
      <c r="H686" s="60">
        <v>20</v>
      </c>
      <c r="I686" s="60">
        <v>107</v>
      </c>
      <c r="J686" s="61">
        <v>0</v>
      </c>
      <c r="K686" s="61">
        <v>5.17</v>
      </c>
    </row>
    <row r="687" spans="1:11" ht="18.75" customHeight="1" thickBot="1">
      <c r="A687" s="59" t="s">
        <v>448</v>
      </c>
      <c r="B687" s="59" t="s">
        <v>28</v>
      </c>
      <c r="C687" s="59" t="s">
        <v>28</v>
      </c>
      <c r="D687" s="59" t="s">
        <v>369</v>
      </c>
      <c r="E687" s="59" t="s">
        <v>380</v>
      </c>
      <c r="F687" s="59" t="s">
        <v>449</v>
      </c>
      <c r="G687" s="59" t="s">
        <v>450</v>
      </c>
      <c r="H687" s="60">
        <v>20</v>
      </c>
      <c r="I687" s="60">
        <v>109</v>
      </c>
      <c r="J687" s="61">
        <v>0</v>
      </c>
      <c r="K687" s="61">
        <v>13.25</v>
      </c>
    </row>
    <row r="688" spans="1:11" ht="18.75" customHeight="1" thickBot="1">
      <c r="A688" s="59" t="s">
        <v>448</v>
      </c>
      <c r="B688" s="59" t="s">
        <v>28</v>
      </c>
      <c r="C688" s="59" t="s">
        <v>28</v>
      </c>
      <c r="D688" s="59" t="s">
        <v>369</v>
      </c>
      <c r="E688" s="59" t="s">
        <v>380</v>
      </c>
      <c r="F688" s="59" t="s">
        <v>449</v>
      </c>
      <c r="G688" s="59" t="s">
        <v>450</v>
      </c>
      <c r="H688" s="60">
        <v>20</v>
      </c>
      <c r="I688" s="60">
        <v>111</v>
      </c>
      <c r="J688" s="61">
        <v>0</v>
      </c>
      <c r="K688" s="61">
        <v>10.63</v>
      </c>
    </row>
    <row r="689" spans="1:11" ht="18.75" customHeight="1" thickBot="1">
      <c r="A689" s="59" t="s">
        <v>448</v>
      </c>
      <c r="B689" s="59" t="s">
        <v>28</v>
      </c>
      <c r="C689" s="59" t="s">
        <v>28</v>
      </c>
      <c r="D689" s="59" t="s">
        <v>369</v>
      </c>
      <c r="E689" s="59" t="s">
        <v>380</v>
      </c>
      <c r="F689" s="59" t="s">
        <v>449</v>
      </c>
      <c r="G689" s="59" t="s">
        <v>450</v>
      </c>
      <c r="H689" s="60">
        <v>20</v>
      </c>
      <c r="I689" s="60">
        <v>113</v>
      </c>
      <c r="J689" s="61">
        <v>0</v>
      </c>
      <c r="K689" s="61">
        <v>105.46</v>
      </c>
    </row>
    <row r="690" spans="1:11" ht="18.75" customHeight="1" thickBot="1">
      <c r="A690" s="59" t="s">
        <v>448</v>
      </c>
      <c r="B690" s="59" t="s">
        <v>28</v>
      </c>
      <c r="C690" s="59" t="s">
        <v>28</v>
      </c>
      <c r="D690" s="59" t="s">
        <v>369</v>
      </c>
      <c r="E690" s="59" t="s">
        <v>380</v>
      </c>
      <c r="F690" s="59" t="s">
        <v>449</v>
      </c>
      <c r="G690" s="59" t="s">
        <v>450</v>
      </c>
      <c r="H690" s="60">
        <v>20</v>
      </c>
      <c r="I690" s="60">
        <v>116</v>
      </c>
      <c r="J690" s="61">
        <v>0</v>
      </c>
      <c r="K690" s="61">
        <v>1.63</v>
      </c>
    </row>
    <row r="691" spans="1:11" ht="18.75" customHeight="1" thickBot="1">
      <c r="A691" s="59" t="s">
        <v>448</v>
      </c>
      <c r="B691" s="59" t="s">
        <v>28</v>
      </c>
      <c r="C691" s="59" t="s">
        <v>28</v>
      </c>
      <c r="D691" s="59" t="s">
        <v>369</v>
      </c>
      <c r="E691" s="59" t="s">
        <v>380</v>
      </c>
      <c r="F691" s="59" t="s">
        <v>449</v>
      </c>
      <c r="G691" s="59" t="s">
        <v>450</v>
      </c>
      <c r="H691" s="60">
        <v>20</v>
      </c>
      <c r="I691" s="60">
        <v>150</v>
      </c>
      <c r="J691" s="61">
        <v>0</v>
      </c>
      <c r="K691" s="61">
        <v>22.29</v>
      </c>
    </row>
    <row r="692" spans="1:11" ht="18.75" customHeight="1" thickBot="1">
      <c r="A692" s="59" t="s">
        <v>448</v>
      </c>
      <c r="B692" s="59" t="s">
        <v>28</v>
      </c>
      <c r="C692" s="59" t="s">
        <v>28</v>
      </c>
      <c r="D692" s="59" t="s">
        <v>369</v>
      </c>
      <c r="E692" s="59" t="s">
        <v>380</v>
      </c>
      <c r="F692" s="59" t="s">
        <v>449</v>
      </c>
      <c r="G692" s="59" t="s">
        <v>450</v>
      </c>
      <c r="H692" s="60">
        <v>211</v>
      </c>
      <c r="I692" s="60">
        <v>93</v>
      </c>
      <c r="J692" s="61">
        <v>0</v>
      </c>
      <c r="K692" s="61">
        <v>19.09</v>
      </c>
    </row>
    <row r="693" spans="1:11" ht="18.75" customHeight="1" thickBot="1">
      <c r="A693" s="59" t="s">
        <v>448</v>
      </c>
      <c r="B693" s="59" t="s">
        <v>28</v>
      </c>
      <c r="C693" s="59" t="s">
        <v>28</v>
      </c>
      <c r="D693" s="59" t="s">
        <v>369</v>
      </c>
      <c r="E693" s="59" t="s">
        <v>380</v>
      </c>
      <c r="F693" s="59" t="s">
        <v>449</v>
      </c>
      <c r="G693" s="59" t="s">
        <v>450</v>
      </c>
      <c r="H693" s="60">
        <v>211</v>
      </c>
      <c r="I693" s="60">
        <v>94</v>
      </c>
      <c r="J693" s="61">
        <v>0</v>
      </c>
      <c r="K693" s="61">
        <v>109.66</v>
      </c>
    </row>
    <row r="694" spans="1:11" ht="18.75" customHeight="1" thickBot="1">
      <c r="A694" s="59" t="s">
        <v>448</v>
      </c>
      <c r="B694" s="59" t="s">
        <v>28</v>
      </c>
      <c r="C694" s="59" t="s">
        <v>28</v>
      </c>
      <c r="D694" s="59" t="s">
        <v>369</v>
      </c>
      <c r="E694" s="59" t="s">
        <v>380</v>
      </c>
      <c r="F694" s="59" t="s">
        <v>449</v>
      </c>
      <c r="G694" s="59" t="s">
        <v>450</v>
      </c>
      <c r="H694" s="60">
        <v>211</v>
      </c>
      <c r="I694" s="60">
        <v>95</v>
      </c>
      <c r="J694" s="61">
        <v>0</v>
      </c>
      <c r="K694" s="61">
        <v>9.58</v>
      </c>
    </row>
    <row r="695" spans="1:11" ht="18.75" customHeight="1" thickBot="1">
      <c r="A695" s="59" t="s">
        <v>448</v>
      </c>
      <c r="B695" s="59" t="s">
        <v>28</v>
      </c>
      <c r="C695" s="59" t="s">
        <v>28</v>
      </c>
      <c r="D695" s="59" t="s">
        <v>369</v>
      </c>
      <c r="E695" s="59" t="s">
        <v>380</v>
      </c>
      <c r="F695" s="59" t="s">
        <v>449</v>
      </c>
      <c r="G695" s="59" t="s">
        <v>450</v>
      </c>
      <c r="H695" s="60">
        <v>211</v>
      </c>
      <c r="I695" s="60">
        <v>97</v>
      </c>
      <c r="J695" s="61">
        <v>0</v>
      </c>
      <c r="K695" s="61">
        <v>99.27</v>
      </c>
    </row>
    <row r="696" spans="1:11" ht="18.75" customHeight="1" thickBot="1">
      <c r="A696" s="59" t="s">
        <v>448</v>
      </c>
      <c r="B696" s="59" t="s">
        <v>28</v>
      </c>
      <c r="C696" s="59" t="s">
        <v>28</v>
      </c>
      <c r="D696" s="59" t="s">
        <v>369</v>
      </c>
      <c r="E696" s="59" t="s">
        <v>380</v>
      </c>
      <c r="F696" s="59" t="s">
        <v>449</v>
      </c>
      <c r="G696" s="59" t="s">
        <v>450</v>
      </c>
      <c r="H696" s="60">
        <v>211</v>
      </c>
      <c r="I696" s="60">
        <v>98</v>
      </c>
      <c r="J696" s="61">
        <v>0</v>
      </c>
      <c r="K696" s="61">
        <v>4.9800000000000004</v>
      </c>
    </row>
    <row r="697" spans="1:11" ht="18.75" customHeight="1" thickBot="1">
      <c r="A697" s="59" t="s">
        <v>448</v>
      </c>
      <c r="B697" s="59" t="s">
        <v>28</v>
      </c>
      <c r="C697" s="59" t="s">
        <v>28</v>
      </c>
      <c r="D697" s="59" t="s">
        <v>369</v>
      </c>
      <c r="E697" s="59" t="s">
        <v>380</v>
      </c>
      <c r="F697" s="59" t="s">
        <v>449</v>
      </c>
      <c r="G697" s="59" t="s">
        <v>450</v>
      </c>
      <c r="H697" s="60">
        <v>211</v>
      </c>
      <c r="I697" s="60">
        <v>107</v>
      </c>
      <c r="J697" s="61">
        <v>0</v>
      </c>
      <c r="K697" s="61">
        <v>79.37</v>
      </c>
    </row>
    <row r="698" spans="1:11" ht="18.75" customHeight="1" thickBot="1">
      <c r="A698" s="59" t="s">
        <v>448</v>
      </c>
      <c r="B698" s="59" t="s">
        <v>28</v>
      </c>
      <c r="C698" s="59" t="s">
        <v>28</v>
      </c>
      <c r="D698" s="59" t="s">
        <v>369</v>
      </c>
      <c r="E698" s="59" t="s">
        <v>380</v>
      </c>
      <c r="F698" s="59" t="s">
        <v>449</v>
      </c>
      <c r="G698" s="59" t="s">
        <v>450</v>
      </c>
      <c r="H698" s="60">
        <v>211</v>
      </c>
      <c r="I698" s="60">
        <v>109</v>
      </c>
      <c r="J698" s="61">
        <v>0</v>
      </c>
      <c r="K698" s="61">
        <v>328.9</v>
      </c>
    </row>
    <row r="699" spans="1:11" ht="18.75" customHeight="1" thickBot="1">
      <c r="A699" s="59" t="s">
        <v>448</v>
      </c>
      <c r="B699" s="59" t="s">
        <v>28</v>
      </c>
      <c r="C699" s="59" t="s">
        <v>28</v>
      </c>
      <c r="D699" s="59" t="s">
        <v>369</v>
      </c>
      <c r="E699" s="59" t="s">
        <v>380</v>
      </c>
      <c r="F699" s="59" t="s">
        <v>449</v>
      </c>
      <c r="G699" s="59" t="s">
        <v>450</v>
      </c>
      <c r="H699" s="60">
        <v>211</v>
      </c>
      <c r="I699" s="60">
        <v>110</v>
      </c>
      <c r="J699" s="61">
        <v>0</v>
      </c>
      <c r="K699" s="61">
        <v>2.69</v>
      </c>
    </row>
    <row r="700" spans="1:11" ht="18.75" customHeight="1" thickBot="1">
      <c r="A700" s="59" t="s">
        <v>448</v>
      </c>
      <c r="B700" s="59" t="s">
        <v>28</v>
      </c>
      <c r="C700" s="59" t="s">
        <v>28</v>
      </c>
      <c r="D700" s="59" t="s">
        <v>369</v>
      </c>
      <c r="E700" s="59" t="s">
        <v>380</v>
      </c>
      <c r="F700" s="59" t="s">
        <v>449</v>
      </c>
      <c r="G700" s="59" t="s">
        <v>450</v>
      </c>
      <c r="H700" s="60">
        <v>211</v>
      </c>
      <c r="I700" s="60">
        <v>111</v>
      </c>
      <c r="J700" s="61">
        <v>0</v>
      </c>
      <c r="K700" s="61">
        <v>94.3</v>
      </c>
    </row>
    <row r="701" spans="1:11" ht="18.75" customHeight="1" thickBot="1">
      <c r="A701" s="59" t="s">
        <v>448</v>
      </c>
      <c r="B701" s="59" t="s">
        <v>28</v>
      </c>
      <c r="C701" s="59" t="s">
        <v>28</v>
      </c>
      <c r="D701" s="59" t="s">
        <v>369</v>
      </c>
      <c r="E701" s="59" t="s">
        <v>380</v>
      </c>
      <c r="F701" s="59" t="s">
        <v>449</v>
      </c>
      <c r="G701" s="59" t="s">
        <v>450</v>
      </c>
      <c r="H701" s="60">
        <v>211</v>
      </c>
      <c r="I701" s="60">
        <v>113</v>
      </c>
      <c r="J701" s="61">
        <v>0</v>
      </c>
      <c r="K701" s="61">
        <v>147.51</v>
      </c>
    </row>
    <row r="702" spans="1:11" ht="18.75" customHeight="1" thickBot="1">
      <c r="A702" s="59" t="s">
        <v>448</v>
      </c>
      <c r="B702" s="59" t="s">
        <v>28</v>
      </c>
      <c r="C702" s="59" t="s">
        <v>28</v>
      </c>
      <c r="D702" s="59" t="s">
        <v>369</v>
      </c>
      <c r="E702" s="59" t="s">
        <v>380</v>
      </c>
      <c r="F702" s="59" t="s">
        <v>449</v>
      </c>
      <c r="G702" s="59" t="s">
        <v>450</v>
      </c>
      <c r="H702" s="60">
        <v>211</v>
      </c>
      <c r="I702" s="60">
        <v>116</v>
      </c>
      <c r="J702" s="61">
        <v>0</v>
      </c>
      <c r="K702" s="61">
        <v>74.05</v>
      </c>
    </row>
    <row r="703" spans="1:11" ht="18.75" customHeight="1" thickBot="1">
      <c r="A703" s="59" t="s">
        <v>448</v>
      </c>
      <c r="B703" s="59" t="s">
        <v>28</v>
      </c>
      <c r="C703" s="59" t="s">
        <v>28</v>
      </c>
      <c r="D703" s="59" t="s">
        <v>369</v>
      </c>
      <c r="E703" s="59" t="s">
        <v>380</v>
      </c>
      <c r="F703" s="59" t="s">
        <v>449</v>
      </c>
      <c r="G703" s="59" t="s">
        <v>450</v>
      </c>
      <c r="H703" s="60">
        <v>211</v>
      </c>
      <c r="I703" s="60">
        <v>122</v>
      </c>
      <c r="J703" s="61">
        <v>0</v>
      </c>
      <c r="K703" s="61">
        <v>17.010000000000002</v>
      </c>
    </row>
    <row r="704" spans="1:11" ht="18.75" customHeight="1" thickBot="1">
      <c r="A704" s="59" t="s">
        <v>448</v>
      </c>
      <c r="B704" s="59" t="s">
        <v>28</v>
      </c>
      <c r="C704" s="59" t="s">
        <v>28</v>
      </c>
      <c r="D704" s="59" t="s">
        <v>369</v>
      </c>
      <c r="E704" s="59" t="s">
        <v>380</v>
      </c>
      <c r="F704" s="59" t="s">
        <v>449</v>
      </c>
      <c r="G704" s="59" t="s">
        <v>450</v>
      </c>
      <c r="H704" s="60">
        <v>211</v>
      </c>
      <c r="I704" s="60">
        <v>131</v>
      </c>
      <c r="J704" s="61">
        <v>0</v>
      </c>
      <c r="K704" s="61">
        <v>46.4</v>
      </c>
    </row>
    <row r="705" spans="1:11" ht="18.75" customHeight="1" thickBot="1">
      <c r="A705" s="59" t="s">
        <v>448</v>
      </c>
      <c r="B705" s="59" t="s">
        <v>28</v>
      </c>
      <c r="C705" s="59" t="s">
        <v>28</v>
      </c>
      <c r="D705" s="59" t="s">
        <v>369</v>
      </c>
      <c r="E705" s="59" t="s">
        <v>380</v>
      </c>
      <c r="F705" s="59" t="s">
        <v>449</v>
      </c>
      <c r="G705" s="59" t="s">
        <v>450</v>
      </c>
      <c r="H705" s="60">
        <v>211</v>
      </c>
      <c r="I705" s="60">
        <v>150</v>
      </c>
      <c r="J705" s="61">
        <v>0</v>
      </c>
      <c r="K705" s="61">
        <v>23.02</v>
      </c>
    </row>
    <row r="706" spans="1:11" ht="18.75" customHeight="1" thickBot="1">
      <c r="A706" s="59" t="s">
        <v>448</v>
      </c>
      <c r="B706" s="59" t="s">
        <v>28</v>
      </c>
      <c r="C706" s="59" t="s">
        <v>28</v>
      </c>
      <c r="D706" s="59" t="s">
        <v>369</v>
      </c>
      <c r="E706" s="59" t="s">
        <v>380</v>
      </c>
      <c r="F706" s="59" t="s">
        <v>449</v>
      </c>
      <c r="G706" s="59" t="s">
        <v>450</v>
      </c>
      <c r="H706" s="60">
        <v>211</v>
      </c>
      <c r="I706" s="60">
        <v>166</v>
      </c>
      <c r="J706" s="61">
        <v>0</v>
      </c>
      <c r="K706" s="61">
        <v>0.66</v>
      </c>
    </row>
    <row r="707" spans="1:11" ht="18.75" customHeight="1" thickBot="1">
      <c r="A707" s="59" t="s">
        <v>448</v>
      </c>
      <c r="B707" s="59" t="s">
        <v>28</v>
      </c>
      <c r="C707" s="59" t="s">
        <v>28</v>
      </c>
      <c r="D707" s="59" t="s">
        <v>369</v>
      </c>
      <c r="E707" s="59" t="s">
        <v>380</v>
      </c>
      <c r="F707" s="59" t="s">
        <v>449</v>
      </c>
      <c r="G707" s="59" t="s">
        <v>450</v>
      </c>
      <c r="H707" s="60">
        <v>211</v>
      </c>
      <c r="I707" s="60">
        <v>204</v>
      </c>
      <c r="J707" s="61">
        <v>0</v>
      </c>
      <c r="K707" s="61">
        <v>64.599999999999994</v>
      </c>
    </row>
    <row r="708" spans="1:11" ht="18.75" customHeight="1" thickBot="1">
      <c r="A708" s="59" t="s">
        <v>448</v>
      </c>
      <c r="B708" s="59" t="s">
        <v>28</v>
      </c>
      <c r="C708" s="59" t="s">
        <v>28</v>
      </c>
      <c r="D708" s="59" t="s">
        <v>369</v>
      </c>
      <c r="E708" s="59" t="s">
        <v>380</v>
      </c>
      <c r="F708" s="59" t="s">
        <v>449</v>
      </c>
      <c r="G708" s="59" t="s">
        <v>450</v>
      </c>
      <c r="H708" s="60">
        <v>211</v>
      </c>
      <c r="I708" s="60">
        <v>211</v>
      </c>
      <c r="J708" s="61">
        <v>0</v>
      </c>
      <c r="K708" s="61">
        <v>31490.61</v>
      </c>
    </row>
    <row r="709" spans="1:11" ht="18.75" customHeight="1" thickBot="1">
      <c r="A709" s="59" t="s">
        <v>448</v>
      </c>
      <c r="B709" s="59" t="s">
        <v>28</v>
      </c>
      <c r="C709" s="59" t="s">
        <v>28</v>
      </c>
      <c r="D709" s="59" t="s">
        <v>369</v>
      </c>
      <c r="E709" s="59" t="s">
        <v>380</v>
      </c>
      <c r="F709" s="59" t="s">
        <v>449</v>
      </c>
      <c r="G709" s="59" t="s">
        <v>450</v>
      </c>
      <c r="H709" s="60">
        <v>211</v>
      </c>
      <c r="I709" s="60">
        <v>212</v>
      </c>
      <c r="J709" s="61">
        <v>0</v>
      </c>
      <c r="K709" s="61">
        <v>3.54</v>
      </c>
    </row>
    <row r="710" spans="1:11" ht="18.75" customHeight="1" thickBot="1">
      <c r="A710" s="59" t="s">
        <v>448</v>
      </c>
      <c r="B710" s="59" t="s">
        <v>28</v>
      </c>
      <c r="C710" s="59" t="s">
        <v>28</v>
      </c>
      <c r="D710" s="59" t="s">
        <v>369</v>
      </c>
      <c r="E710" s="59" t="s">
        <v>380</v>
      </c>
      <c r="F710" s="59" t="s">
        <v>449</v>
      </c>
      <c r="G710" s="59" t="s">
        <v>450</v>
      </c>
      <c r="H710" s="60">
        <v>211</v>
      </c>
      <c r="I710" s="60">
        <v>213</v>
      </c>
      <c r="J710" s="61">
        <v>0</v>
      </c>
      <c r="K710" s="61">
        <v>502.33</v>
      </c>
    </row>
    <row r="711" spans="1:11" ht="18.75" customHeight="1" thickBot="1">
      <c r="A711" s="59" t="s">
        <v>448</v>
      </c>
      <c r="B711" s="59" t="s">
        <v>28</v>
      </c>
      <c r="C711" s="59" t="s">
        <v>28</v>
      </c>
      <c r="D711" s="59" t="s">
        <v>369</v>
      </c>
      <c r="E711" s="59" t="s">
        <v>380</v>
      </c>
      <c r="F711" s="59" t="s">
        <v>449</v>
      </c>
      <c r="G711" s="59" t="s">
        <v>450</v>
      </c>
      <c r="H711" s="60">
        <v>211</v>
      </c>
      <c r="I711" s="60">
        <v>214</v>
      </c>
      <c r="J711" s="61">
        <v>0</v>
      </c>
      <c r="K711" s="61">
        <v>13.54</v>
      </c>
    </row>
    <row r="712" spans="1:11" ht="18.75" customHeight="1" thickBot="1">
      <c r="A712" s="59" t="s">
        <v>448</v>
      </c>
      <c r="B712" s="59" t="s">
        <v>28</v>
      </c>
      <c r="C712" s="59" t="s">
        <v>28</v>
      </c>
      <c r="D712" s="59" t="s">
        <v>369</v>
      </c>
      <c r="E712" s="59" t="s">
        <v>380</v>
      </c>
      <c r="F712" s="59" t="s">
        <v>449</v>
      </c>
      <c r="G712" s="59" t="s">
        <v>450</v>
      </c>
      <c r="H712" s="60">
        <v>211</v>
      </c>
      <c r="I712" s="60">
        <v>215</v>
      </c>
      <c r="J712" s="61">
        <v>0</v>
      </c>
      <c r="K712" s="61">
        <v>43227.89</v>
      </c>
    </row>
    <row r="713" spans="1:11" ht="18.75" customHeight="1" thickBot="1">
      <c r="A713" s="59" t="s">
        <v>448</v>
      </c>
      <c r="B713" s="59" t="s">
        <v>28</v>
      </c>
      <c r="C713" s="59" t="s">
        <v>28</v>
      </c>
      <c r="D713" s="59" t="s">
        <v>369</v>
      </c>
      <c r="E713" s="59" t="s">
        <v>380</v>
      </c>
      <c r="F713" s="59" t="s">
        <v>449</v>
      </c>
      <c r="G713" s="59" t="s">
        <v>450</v>
      </c>
      <c r="H713" s="60">
        <v>211</v>
      </c>
      <c r="I713" s="60">
        <v>217</v>
      </c>
      <c r="J713" s="61">
        <v>0</v>
      </c>
      <c r="K713" s="61">
        <v>244.3</v>
      </c>
    </row>
    <row r="714" spans="1:11" ht="18.75" customHeight="1" thickBot="1">
      <c r="A714" s="59" t="s">
        <v>448</v>
      </c>
      <c r="B714" s="59" t="s">
        <v>28</v>
      </c>
      <c r="C714" s="59" t="s">
        <v>28</v>
      </c>
      <c r="D714" s="59" t="s">
        <v>369</v>
      </c>
      <c r="E714" s="59" t="s">
        <v>380</v>
      </c>
      <c r="F714" s="59" t="s">
        <v>449</v>
      </c>
      <c r="G714" s="59" t="s">
        <v>450</v>
      </c>
      <c r="H714" s="60">
        <v>211</v>
      </c>
      <c r="I714" s="60">
        <v>223</v>
      </c>
      <c r="J714" s="61">
        <v>0</v>
      </c>
      <c r="K714" s="61">
        <v>52.49</v>
      </c>
    </row>
    <row r="715" spans="1:11" ht="18.75" customHeight="1" thickBot="1">
      <c r="A715" s="59" t="s">
        <v>448</v>
      </c>
      <c r="B715" s="59" t="s">
        <v>28</v>
      </c>
      <c r="C715" s="59" t="s">
        <v>28</v>
      </c>
      <c r="D715" s="59" t="s">
        <v>369</v>
      </c>
      <c r="E715" s="59" t="s">
        <v>380</v>
      </c>
      <c r="F715" s="59" t="s">
        <v>449</v>
      </c>
      <c r="G715" s="59" t="s">
        <v>450</v>
      </c>
      <c r="H715" s="60">
        <v>211</v>
      </c>
      <c r="I715" s="60">
        <v>225</v>
      </c>
      <c r="J715" s="61">
        <v>0</v>
      </c>
      <c r="K715" s="61">
        <v>15.22</v>
      </c>
    </row>
    <row r="716" spans="1:11" ht="18.75" customHeight="1" thickBot="1">
      <c r="A716" s="59" t="s">
        <v>448</v>
      </c>
      <c r="B716" s="59" t="s">
        <v>28</v>
      </c>
      <c r="C716" s="59" t="s">
        <v>28</v>
      </c>
      <c r="D716" s="59" t="s">
        <v>369</v>
      </c>
      <c r="E716" s="59" t="s">
        <v>380</v>
      </c>
      <c r="F716" s="59" t="s">
        <v>449</v>
      </c>
      <c r="G716" s="59" t="s">
        <v>450</v>
      </c>
      <c r="H716" s="60">
        <v>211</v>
      </c>
      <c r="I716" s="60">
        <v>227</v>
      </c>
      <c r="J716" s="61">
        <v>0</v>
      </c>
      <c r="K716" s="61">
        <v>31.88</v>
      </c>
    </row>
    <row r="717" spans="1:11" ht="18.75" customHeight="1" thickBot="1">
      <c r="A717" s="59" t="s">
        <v>448</v>
      </c>
      <c r="B717" s="59" t="s">
        <v>28</v>
      </c>
      <c r="C717" s="59" t="s">
        <v>28</v>
      </c>
      <c r="D717" s="59" t="s">
        <v>369</v>
      </c>
      <c r="E717" s="59" t="s">
        <v>380</v>
      </c>
      <c r="F717" s="59" t="s">
        <v>449</v>
      </c>
      <c r="G717" s="59" t="s">
        <v>450</v>
      </c>
      <c r="H717" s="60">
        <v>211</v>
      </c>
      <c r="I717" s="60">
        <v>229</v>
      </c>
      <c r="J717" s="61">
        <v>0</v>
      </c>
      <c r="K717" s="61">
        <v>172.25</v>
      </c>
    </row>
    <row r="718" spans="1:11" ht="18.75" customHeight="1" thickBot="1">
      <c r="A718" s="59" t="s">
        <v>448</v>
      </c>
      <c r="B718" s="59" t="s">
        <v>28</v>
      </c>
      <c r="C718" s="59" t="s">
        <v>28</v>
      </c>
      <c r="D718" s="59" t="s">
        <v>369</v>
      </c>
      <c r="E718" s="59" t="s">
        <v>380</v>
      </c>
      <c r="F718" s="59" t="s">
        <v>449</v>
      </c>
      <c r="G718" s="59" t="s">
        <v>450</v>
      </c>
      <c r="H718" s="60">
        <v>211</v>
      </c>
      <c r="I718" s="60">
        <v>240</v>
      </c>
      <c r="J718" s="61">
        <v>0</v>
      </c>
      <c r="K718" s="61">
        <v>16861.45</v>
      </c>
    </row>
    <row r="719" spans="1:11" ht="18.75" customHeight="1" thickBot="1">
      <c r="A719" s="59" t="s">
        <v>448</v>
      </c>
      <c r="B719" s="59" t="s">
        <v>28</v>
      </c>
      <c r="C719" s="59" t="s">
        <v>28</v>
      </c>
      <c r="D719" s="59" t="s">
        <v>369</v>
      </c>
      <c r="E719" s="59" t="s">
        <v>380</v>
      </c>
      <c r="F719" s="59" t="s">
        <v>449</v>
      </c>
      <c r="G719" s="59" t="s">
        <v>450</v>
      </c>
      <c r="H719" s="60">
        <v>211</v>
      </c>
      <c r="I719" s="60">
        <v>244</v>
      </c>
      <c r="J719" s="61">
        <v>0</v>
      </c>
      <c r="K719" s="61">
        <v>142.6</v>
      </c>
    </row>
    <row r="720" spans="1:11" ht="18.75" customHeight="1" thickBot="1">
      <c r="A720" s="59" t="s">
        <v>448</v>
      </c>
      <c r="B720" s="59" t="s">
        <v>28</v>
      </c>
      <c r="C720" s="59" t="s">
        <v>28</v>
      </c>
      <c r="D720" s="59" t="s">
        <v>369</v>
      </c>
      <c r="E720" s="59" t="s">
        <v>380</v>
      </c>
      <c r="F720" s="59" t="s">
        <v>449</v>
      </c>
      <c r="G720" s="59" t="s">
        <v>450</v>
      </c>
      <c r="H720" s="60">
        <v>211</v>
      </c>
      <c r="I720" s="60">
        <v>356</v>
      </c>
      <c r="J720" s="61">
        <v>0</v>
      </c>
      <c r="K720" s="61">
        <v>4727.2700000000004</v>
      </c>
    </row>
    <row r="721" spans="1:11" ht="18.75" customHeight="1" thickBot="1">
      <c r="A721" s="59" t="s">
        <v>448</v>
      </c>
      <c r="B721" s="59" t="s">
        <v>28</v>
      </c>
      <c r="C721" s="59" t="s">
        <v>28</v>
      </c>
      <c r="D721" s="59" t="s">
        <v>369</v>
      </c>
      <c r="E721" s="59" t="s">
        <v>380</v>
      </c>
      <c r="F721" s="59" t="s">
        <v>449</v>
      </c>
      <c r="G721" s="59" t="s">
        <v>450</v>
      </c>
      <c r="H721" s="60">
        <v>211</v>
      </c>
      <c r="I721" s="60">
        <v>358</v>
      </c>
      <c r="J721" s="61">
        <v>0</v>
      </c>
      <c r="K721" s="61">
        <v>1860.67</v>
      </c>
    </row>
    <row r="722" spans="1:11" ht="18.75" customHeight="1" thickBot="1">
      <c r="A722" s="59" t="s">
        <v>448</v>
      </c>
      <c r="B722" s="59" t="s">
        <v>28</v>
      </c>
      <c r="C722" s="59" t="s">
        <v>28</v>
      </c>
      <c r="D722" s="59" t="s">
        <v>369</v>
      </c>
      <c r="E722" s="59" t="s">
        <v>380</v>
      </c>
      <c r="F722" s="59" t="s">
        <v>449</v>
      </c>
      <c r="G722" s="59" t="s">
        <v>450</v>
      </c>
      <c r="H722" s="60">
        <v>211</v>
      </c>
      <c r="I722" s="60">
        <v>359</v>
      </c>
      <c r="J722" s="61">
        <v>0</v>
      </c>
      <c r="K722" s="61">
        <v>15685.9</v>
      </c>
    </row>
    <row r="723" spans="1:11" ht="18.75" customHeight="1" thickBot="1">
      <c r="A723" s="59" t="s">
        <v>448</v>
      </c>
      <c r="B723" s="59" t="s">
        <v>28</v>
      </c>
      <c r="C723" s="59" t="s">
        <v>28</v>
      </c>
      <c r="D723" s="59" t="s">
        <v>369</v>
      </c>
      <c r="E723" s="59" t="s">
        <v>380</v>
      </c>
      <c r="F723" s="59" t="s">
        <v>449</v>
      </c>
      <c r="G723" s="59" t="s">
        <v>450</v>
      </c>
      <c r="H723" s="60">
        <v>212</v>
      </c>
      <c r="I723" s="60">
        <v>94</v>
      </c>
      <c r="J723" s="61">
        <v>0</v>
      </c>
      <c r="K723" s="61">
        <v>44.58</v>
      </c>
    </row>
    <row r="724" spans="1:11" ht="18.75" customHeight="1" thickBot="1">
      <c r="A724" s="59" t="s">
        <v>448</v>
      </c>
      <c r="B724" s="59" t="s">
        <v>28</v>
      </c>
      <c r="C724" s="59" t="s">
        <v>28</v>
      </c>
      <c r="D724" s="59" t="s">
        <v>369</v>
      </c>
      <c r="E724" s="59" t="s">
        <v>380</v>
      </c>
      <c r="F724" s="59" t="s">
        <v>449</v>
      </c>
      <c r="G724" s="59" t="s">
        <v>450</v>
      </c>
      <c r="H724" s="60">
        <v>212</v>
      </c>
      <c r="I724" s="60">
        <v>95</v>
      </c>
      <c r="J724" s="61">
        <v>0</v>
      </c>
      <c r="K724" s="61">
        <v>1.58</v>
      </c>
    </row>
    <row r="725" spans="1:11" ht="18.75" customHeight="1" thickBot="1">
      <c r="A725" s="59" t="s">
        <v>448</v>
      </c>
      <c r="B725" s="59" t="s">
        <v>28</v>
      </c>
      <c r="C725" s="59" t="s">
        <v>28</v>
      </c>
      <c r="D725" s="59" t="s">
        <v>369</v>
      </c>
      <c r="E725" s="59" t="s">
        <v>380</v>
      </c>
      <c r="F725" s="59" t="s">
        <v>449</v>
      </c>
      <c r="G725" s="59" t="s">
        <v>450</v>
      </c>
      <c r="H725" s="60">
        <v>212</v>
      </c>
      <c r="I725" s="60">
        <v>97</v>
      </c>
      <c r="J725" s="61">
        <v>0</v>
      </c>
      <c r="K725" s="61">
        <v>16.98</v>
      </c>
    </row>
    <row r="726" spans="1:11" ht="18.75" customHeight="1" thickBot="1">
      <c r="A726" s="59" t="s">
        <v>448</v>
      </c>
      <c r="B726" s="59" t="s">
        <v>28</v>
      </c>
      <c r="C726" s="59" t="s">
        <v>28</v>
      </c>
      <c r="D726" s="59" t="s">
        <v>369</v>
      </c>
      <c r="E726" s="59" t="s">
        <v>380</v>
      </c>
      <c r="F726" s="59" t="s">
        <v>449</v>
      </c>
      <c r="G726" s="59" t="s">
        <v>450</v>
      </c>
      <c r="H726" s="60">
        <v>212</v>
      </c>
      <c r="I726" s="60">
        <v>98</v>
      </c>
      <c r="J726" s="61">
        <v>0</v>
      </c>
      <c r="K726" s="61">
        <v>19.23</v>
      </c>
    </row>
    <row r="727" spans="1:11" ht="18.75" customHeight="1" thickBot="1">
      <c r="A727" s="59" t="s">
        <v>448</v>
      </c>
      <c r="B727" s="59" t="s">
        <v>28</v>
      </c>
      <c r="C727" s="59" t="s">
        <v>28</v>
      </c>
      <c r="D727" s="59" t="s">
        <v>369</v>
      </c>
      <c r="E727" s="59" t="s">
        <v>380</v>
      </c>
      <c r="F727" s="59" t="s">
        <v>449</v>
      </c>
      <c r="G727" s="59" t="s">
        <v>450</v>
      </c>
      <c r="H727" s="60">
        <v>212</v>
      </c>
      <c r="I727" s="60">
        <v>107</v>
      </c>
      <c r="J727" s="61">
        <v>0</v>
      </c>
      <c r="K727" s="61">
        <v>13.5</v>
      </c>
    </row>
    <row r="728" spans="1:11" ht="18.75" customHeight="1" thickBot="1">
      <c r="A728" s="59" t="s">
        <v>448</v>
      </c>
      <c r="B728" s="59" t="s">
        <v>28</v>
      </c>
      <c r="C728" s="59" t="s">
        <v>28</v>
      </c>
      <c r="D728" s="59" t="s">
        <v>369</v>
      </c>
      <c r="E728" s="59" t="s">
        <v>380</v>
      </c>
      <c r="F728" s="59" t="s">
        <v>449</v>
      </c>
      <c r="G728" s="59" t="s">
        <v>450</v>
      </c>
      <c r="H728" s="60">
        <v>212</v>
      </c>
      <c r="I728" s="60">
        <v>109</v>
      </c>
      <c r="J728" s="61">
        <v>0</v>
      </c>
      <c r="K728" s="61">
        <v>129.19</v>
      </c>
    </row>
    <row r="729" spans="1:11" ht="18.75" customHeight="1" thickBot="1">
      <c r="A729" s="59" t="s">
        <v>448</v>
      </c>
      <c r="B729" s="59" t="s">
        <v>28</v>
      </c>
      <c r="C729" s="59" t="s">
        <v>28</v>
      </c>
      <c r="D729" s="59" t="s">
        <v>369</v>
      </c>
      <c r="E729" s="59" t="s">
        <v>380</v>
      </c>
      <c r="F729" s="59" t="s">
        <v>449</v>
      </c>
      <c r="G729" s="59" t="s">
        <v>450</v>
      </c>
      <c r="H729" s="60">
        <v>212</v>
      </c>
      <c r="I729" s="60">
        <v>113</v>
      </c>
      <c r="J729" s="61">
        <v>0</v>
      </c>
      <c r="K729" s="61">
        <v>18.18</v>
      </c>
    </row>
    <row r="730" spans="1:11" ht="18.75" customHeight="1" thickBot="1">
      <c r="A730" s="59" t="s">
        <v>448</v>
      </c>
      <c r="B730" s="59" t="s">
        <v>28</v>
      </c>
      <c r="C730" s="59" t="s">
        <v>28</v>
      </c>
      <c r="D730" s="59" t="s">
        <v>369</v>
      </c>
      <c r="E730" s="59" t="s">
        <v>380</v>
      </c>
      <c r="F730" s="59" t="s">
        <v>449</v>
      </c>
      <c r="G730" s="59" t="s">
        <v>450</v>
      </c>
      <c r="H730" s="60">
        <v>212</v>
      </c>
      <c r="I730" s="60">
        <v>116</v>
      </c>
      <c r="J730" s="61">
        <v>0</v>
      </c>
      <c r="K730" s="61">
        <v>17.78</v>
      </c>
    </row>
    <row r="731" spans="1:11" ht="18.75" customHeight="1" thickBot="1">
      <c r="A731" s="59" t="s">
        <v>448</v>
      </c>
      <c r="B731" s="59" t="s">
        <v>28</v>
      </c>
      <c r="C731" s="59" t="s">
        <v>28</v>
      </c>
      <c r="D731" s="59" t="s">
        <v>369</v>
      </c>
      <c r="E731" s="59" t="s">
        <v>380</v>
      </c>
      <c r="F731" s="59" t="s">
        <v>449</v>
      </c>
      <c r="G731" s="59" t="s">
        <v>450</v>
      </c>
      <c r="H731" s="60">
        <v>212</v>
      </c>
      <c r="I731" s="60">
        <v>150</v>
      </c>
      <c r="J731" s="61">
        <v>0</v>
      </c>
      <c r="K731" s="61">
        <v>2.77</v>
      </c>
    </row>
    <row r="732" spans="1:11" ht="18.75" customHeight="1" thickBot="1">
      <c r="A732" s="59" t="s">
        <v>448</v>
      </c>
      <c r="B732" s="59" t="s">
        <v>28</v>
      </c>
      <c r="C732" s="59" t="s">
        <v>28</v>
      </c>
      <c r="D732" s="59" t="s">
        <v>369</v>
      </c>
      <c r="E732" s="59" t="s">
        <v>380</v>
      </c>
      <c r="F732" s="59" t="s">
        <v>449</v>
      </c>
      <c r="G732" s="59" t="s">
        <v>450</v>
      </c>
      <c r="H732" s="60">
        <v>212</v>
      </c>
      <c r="I732" s="60">
        <v>211</v>
      </c>
      <c r="J732" s="61">
        <v>0</v>
      </c>
      <c r="K732" s="61">
        <v>6478.48</v>
      </c>
    </row>
    <row r="733" spans="1:11" ht="18.75" customHeight="1" thickBot="1">
      <c r="A733" s="59" t="s">
        <v>448</v>
      </c>
      <c r="B733" s="59" t="s">
        <v>28</v>
      </c>
      <c r="C733" s="59" t="s">
        <v>28</v>
      </c>
      <c r="D733" s="59" t="s">
        <v>369</v>
      </c>
      <c r="E733" s="59" t="s">
        <v>380</v>
      </c>
      <c r="F733" s="59" t="s">
        <v>449</v>
      </c>
      <c r="G733" s="59" t="s">
        <v>450</v>
      </c>
      <c r="H733" s="60">
        <v>212</v>
      </c>
      <c r="I733" s="60">
        <v>215</v>
      </c>
      <c r="J733" s="61">
        <v>0</v>
      </c>
      <c r="K733" s="61">
        <v>23514.560000000001</v>
      </c>
    </row>
    <row r="734" spans="1:11" ht="18.75" customHeight="1" thickBot="1">
      <c r="A734" s="59" t="s">
        <v>448</v>
      </c>
      <c r="B734" s="59" t="s">
        <v>28</v>
      </c>
      <c r="C734" s="59" t="s">
        <v>28</v>
      </c>
      <c r="D734" s="59" t="s">
        <v>369</v>
      </c>
      <c r="E734" s="59" t="s">
        <v>380</v>
      </c>
      <c r="F734" s="59" t="s">
        <v>449</v>
      </c>
      <c r="G734" s="59" t="s">
        <v>450</v>
      </c>
      <c r="H734" s="60">
        <v>212</v>
      </c>
      <c r="I734" s="60">
        <v>217</v>
      </c>
      <c r="J734" s="61">
        <v>0</v>
      </c>
      <c r="K734" s="61">
        <v>285.61</v>
      </c>
    </row>
    <row r="735" spans="1:11" ht="18.75" customHeight="1" thickBot="1">
      <c r="A735" s="59" t="s">
        <v>448</v>
      </c>
      <c r="B735" s="59" t="s">
        <v>28</v>
      </c>
      <c r="C735" s="59" t="s">
        <v>28</v>
      </c>
      <c r="D735" s="59" t="s">
        <v>369</v>
      </c>
      <c r="E735" s="59" t="s">
        <v>380</v>
      </c>
      <c r="F735" s="59" t="s">
        <v>449</v>
      </c>
      <c r="G735" s="59" t="s">
        <v>450</v>
      </c>
      <c r="H735" s="60">
        <v>212</v>
      </c>
      <c r="I735" s="60">
        <v>220</v>
      </c>
      <c r="J735" s="61">
        <v>0</v>
      </c>
      <c r="K735" s="61">
        <v>346.81</v>
      </c>
    </row>
    <row r="736" spans="1:11" ht="18.75" customHeight="1" thickBot="1">
      <c r="A736" s="59" t="s">
        <v>448</v>
      </c>
      <c r="B736" s="59" t="s">
        <v>28</v>
      </c>
      <c r="C736" s="59" t="s">
        <v>28</v>
      </c>
      <c r="D736" s="59" t="s">
        <v>369</v>
      </c>
      <c r="E736" s="59" t="s">
        <v>380</v>
      </c>
      <c r="F736" s="59" t="s">
        <v>449</v>
      </c>
      <c r="G736" s="59" t="s">
        <v>450</v>
      </c>
      <c r="H736" s="60">
        <v>212</v>
      </c>
      <c r="I736" s="60">
        <v>223</v>
      </c>
      <c r="J736" s="61">
        <v>0</v>
      </c>
      <c r="K736" s="61">
        <v>32.18</v>
      </c>
    </row>
    <row r="737" spans="1:11" ht="18.75" customHeight="1" thickBot="1">
      <c r="A737" s="59" t="s">
        <v>448</v>
      </c>
      <c r="B737" s="59" t="s">
        <v>28</v>
      </c>
      <c r="C737" s="59" t="s">
        <v>28</v>
      </c>
      <c r="D737" s="59" t="s">
        <v>369</v>
      </c>
      <c r="E737" s="59" t="s">
        <v>380</v>
      </c>
      <c r="F737" s="59" t="s">
        <v>449</v>
      </c>
      <c r="G737" s="59" t="s">
        <v>450</v>
      </c>
      <c r="H737" s="60">
        <v>212</v>
      </c>
      <c r="I737" s="60">
        <v>225</v>
      </c>
      <c r="J737" s="61">
        <v>0</v>
      </c>
      <c r="K737" s="61">
        <v>180.43</v>
      </c>
    </row>
    <row r="738" spans="1:11" ht="18.75" customHeight="1" thickBot="1">
      <c r="A738" s="59" t="s">
        <v>448</v>
      </c>
      <c r="B738" s="59" t="s">
        <v>28</v>
      </c>
      <c r="C738" s="59" t="s">
        <v>28</v>
      </c>
      <c r="D738" s="59" t="s">
        <v>369</v>
      </c>
      <c r="E738" s="59" t="s">
        <v>380</v>
      </c>
      <c r="F738" s="59" t="s">
        <v>449</v>
      </c>
      <c r="G738" s="59" t="s">
        <v>450</v>
      </c>
      <c r="H738" s="60">
        <v>212</v>
      </c>
      <c r="I738" s="60">
        <v>227</v>
      </c>
      <c r="J738" s="61">
        <v>0</v>
      </c>
      <c r="K738" s="61">
        <v>29.94</v>
      </c>
    </row>
    <row r="739" spans="1:11" ht="18.75" customHeight="1" thickBot="1">
      <c r="A739" s="59" t="s">
        <v>448</v>
      </c>
      <c r="B739" s="59" t="s">
        <v>28</v>
      </c>
      <c r="C739" s="59" t="s">
        <v>28</v>
      </c>
      <c r="D739" s="59" t="s">
        <v>369</v>
      </c>
      <c r="E739" s="59" t="s">
        <v>380</v>
      </c>
      <c r="F739" s="59" t="s">
        <v>449</v>
      </c>
      <c r="G739" s="59" t="s">
        <v>450</v>
      </c>
      <c r="H739" s="60">
        <v>212</v>
      </c>
      <c r="I739" s="60">
        <v>229</v>
      </c>
      <c r="J739" s="61">
        <v>0</v>
      </c>
      <c r="K739" s="61">
        <v>158.1</v>
      </c>
    </row>
    <row r="740" spans="1:11" ht="18.75" customHeight="1" thickBot="1">
      <c r="A740" s="59" t="s">
        <v>448</v>
      </c>
      <c r="B740" s="59" t="s">
        <v>28</v>
      </c>
      <c r="C740" s="59" t="s">
        <v>28</v>
      </c>
      <c r="D740" s="59" t="s">
        <v>369</v>
      </c>
      <c r="E740" s="59" t="s">
        <v>380</v>
      </c>
      <c r="F740" s="59" t="s">
        <v>449</v>
      </c>
      <c r="G740" s="59" t="s">
        <v>450</v>
      </c>
      <c r="H740" s="60">
        <v>212</v>
      </c>
      <c r="I740" s="60">
        <v>240</v>
      </c>
      <c r="J740" s="61">
        <v>0</v>
      </c>
      <c r="K740" s="61">
        <v>10797.39</v>
      </c>
    </row>
    <row r="741" spans="1:11" ht="18.75" customHeight="1" thickBot="1">
      <c r="A741" s="59" t="s">
        <v>448</v>
      </c>
      <c r="B741" s="59" t="s">
        <v>28</v>
      </c>
      <c r="C741" s="59" t="s">
        <v>28</v>
      </c>
      <c r="D741" s="59" t="s">
        <v>369</v>
      </c>
      <c r="E741" s="59" t="s">
        <v>380</v>
      </c>
      <c r="F741" s="59" t="s">
        <v>449</v>
      </c>
      <c r="G741" s="59" t="s">
        <v>450</v>
      </c>
      <c r="H741" s="60">
        <v>212</v>
      </c>
      <c r="I741" s="60">
        <v>244</v>
      </c>
      <c r="J741" s="61">
        <v>0</v>
      </c>
      <c r="K741" s="61">
        <v>1099.1099999999999</v>
      </c>
    </row>
    <row r="742" spans="1:11" ht="18.75" customHeight="1" thickBot="1">
      <c r="A742" s="59" t="s">
        <v>448</v>
      </c>
      <c r="B742" s="59" t="s">
        <v>28</v>
      </c>
      <c r="C742" s="59" t="s">
        <v>28</v>
      </c>
      <c r="D742" s="59" t="s">
        <v>369</v>
      </c>
      <c r="E742" s="59" t="s">
        <v>380</v>
      </c>
      <c r="F742" s="59" t="s">
        <v>449</v>
      </c>
      <c r="G742" s="59" t="s">
        <v>450</v>
      </c>
      <c r="H742" s="60">
        <v>212</v>
      </c>
      <c r="I742" s="60">
        <v>251</v>
      </c>
      <c r="J742" s="61">
        <v>0</v>
      </c>
      <c r="K742" s="61">
        <v>583.57000000000005</v>
      </c>
    </row>
    <row r="743" spans="1:11" ht="18.75" customHeight="1" thickBot="1">
      <c r="A743" s="59" t="s">
        <v>448</v>
      </c>
      <c r="B743" s="59" t="s">
        <v>28</v>
      </c>
      <c r="C743" s="59" t="s">
        <v>28</v>
      </c>
      <c r="D743" s="59" t="s">
        <v>369</v>
      </c>
      <c r="E743" s="59" t="s">
        <v>380</v>
      </c>
      <c r="F743" s="59" t="s">
        <v>449</v>
      </c>
      <c r="G743" s="59" t="s">
        <v>450</v>
      </c>
      <c r="H743" s="60">
        <v>216</v>
      </c>
      <c r="I743" s="60">
        <v>93</v>
      </c>
      <c r="J743" s="61">
        <v>0</v>
      </c>
      <c r="K743" s="61">
        <v>1.45</v>
      </c>
    </row>
    <row r="744" spans="1:11" ht="18.75" customHeight="1" thickBot="1">
      <c r="A744" s="59" t="s">
        <v>448</v>
      </c>
      <c r="B744" s="59" t="s">
        <v>28</v>
      </c>
      <c r="C744" s="59" t="s">
        <v>28</v>
      </c>
      <c r="D744" s="59" t="s">
        <v>369</v>
      </c>
      <c r="E744" s="59" t="s">
        <v>380</v>
      </c>
      <c r="F744" s="59" t="s">
        <v>449</v>
      </c>
      <c r="G744" s="59" t="s">
        <v>450</v>
      </c>
      <c r="H744" s="60">
        <v>216</v>
      </c>
      <c r="I744" s="60">
        <v>94</v>
      </c>
      <c r="J744" s="61">
        <v>0</v>
      </c>
      <c r="K744" s="61">
        <v>10.199999999999999</v>
      </c>
    </row>
    <row r="745" spans="1:11" ht="18.75" customHeight="1" thickBot="1">
      <c r="A745" s="59" t="s">
        <v>448</v>
      </c>
      <c r="B745" s="59" t="s">
        <v>28</v>
      </c>
      <c r="C745" s="59" t="s">
        <v>28</v>
      </c>
      <c r="D745" s="59" t="s">
        <v>369</v>
      </c>
      <c r="E745" s="59" t="s">
        <v>380</v>
      </c>
      <c r="F745" s="59" t="s">
        <v>449</v>
      </c>
      <c r="G745" s="59" t="s">
        <v>450</v>
      </c>
      <c r="H745" s="60">
        <v>216</v>
      </c>
      <c r="I745" s="60">
        <v>97</v>
      </c>
      <c r="J745" s="61">
        <v>0</v>
      </c>
      <c r="K745" s="61">
        <v>69.400000000000006</v>
      </c>
    </row>
    <row r="746" spans="1:11" ht="18.75" customHeight="1" thickBot="1">
      <c r="A746" s="59" t="s">
        <v>448</v>
      </c>
      <c r="B746" s="59" t="s">
        <v>28</v>
      </c>
      <c r="C746" s="59" t="s">
        <v>28</v>
      </c>
      <c r="D746" s="59" t="s">
        <v>369</v>
      </c>
      <c r="E746" s="59" t="s">
        <v>380</v>
      </c>
      <c r="F746" s="59" t="s">
        <v>449</v>
      </c>
      <c r="G746" s="59" t="s">
        <v>450</v>
      </c>
      <c r="H746" s="60">
        <v>216</v>
      </c>
      <c r="I746" s="60">
        <v>107</v>
      </c>
      <c r="J746" s="61">
        <v>0</v>
      </c>
      <c r="K746" s="61">
        <v>13.59</v>
      </c>
    </row>
    <row r="747" spans="1:11" ht="18.75" customHeight="1" thickBot="1">
      <c r="A747" s="59" t="s">
        <v>448</v>
      </c>
      <c r="B747" s="59" t="s">
        <v>28</v>
      </c>
      <c r="C747" s="59" t="s">
        <v>28</v>
      </c>
      <c r="D747" s="59" t="s">
        <v>369</v>
      </c>
      <c r="E747" s="59" t="s">
        <v>380</v>
      </c>
      <c r="F747" s="59" t="s">
        <v>449</v>
      </c>
      <c r="G747" s="59" t="s">
        <v>450</v>
      </c>
      <c r="H747" s="60">
        <v>216</v>
      </c>
      <c r="I747" s="60">
        <v>109</v>
      </c>
      <c r="J747" s="61">
        <v>0</v>
      </c>
      <c r="K747" s="61">
        <v>58.01</v>
      </c>
    </row>
    <row r="748" spans="1:11" ht="18.75" customHeight="1" thickBot="1">
      <c r="A748" s="59" t="s">
        <v>448</v>
      </c>
      <c r="B748" s="59" t="s">
        <v>28</v>
      </c>
      <c r="C748" s="59" t="s">
        <v>28</v>
      </c>
      <c r="D748" s="59" t="s">
        <v>369</v>
      </c>
      <c r="E748" s="59" t="s">
        <v>380</v>
      </c>
      <c r="F748" s="59" t="s">
        <v>449</v>
      </c>
      <c r="G748" s="59" t="s">
        <v>450</v>
      </c>
      <c r="H748" s="60">
        <v>216</v>
      </c>
      <c r="I748" s="60">
        <v>113</v>
      </c>
      <c r="J748" s="61">
        <v>0</v>
      </c>
      <c r="K748" s="61">
        <v>6.48</v>
      </c>
    </row>
    <row r="749" spans="1:11" ht="18.75" customHeight="1" thickBot="1">
      <c r="A749" s="59" t="s">
        <v>448</v>
      </c>
      <c r="B749" s="59" t="s">
        <v>28</v>
      </c>
      <c r="C749" s="59" t="s">
        <v>28</v>
      </c>
      <c r="D749" s="59" t="s">
        <v>369</v>
      </c>
      <c r="E749" s="59" t="s">
        <v>380</v>
      </c>
      <c r="F749" s="59" t="s">
        <v>449</v>
      </c>
      <c r="G749" s="59" t="s">
        <v>450</v>
      </c>
      <c r="H749" s="60">
        <v>216</v>
      </c>
      <c r="I749" s="60">
        <v>211</v>
      </c>
      <c r="J749" s="61">
        <v>0</v>
      </c>
      <c r="K749" s="61">
        <v>330.99</v>
      </c>
    </row>
    <row r="750" spans="1:11" ht="18.75" customHeight="1" thickBot="1">
      <c r="A750" s="59" t="s">
        <v>448</v>
      </c>
      <c r="B750" s="59" t="s">
        <v>28</v>
      </c>
      <c r="C750" s="59" t="s">
        <v>28</v>
      </c>
      <c r="D750" s="59" t="s">
        <v>369</v>
      </c>
      <c r="E750" s="59" t="s">
        <v>380</v>
      </c>
      <c r="F750" s="59" t="s">
        <v>449</v>
      </c>
      <c r="G750" s="59" t="s">
        <v>450</v>
      </c>
      <c r="H750" s="60">
        <v>216</v>
      </c>
      <c r="I750" s="60">
        <v>215</v>
      </c>
      <c r="J750" s="61">
        <v>0</v>
      </c>
      <c r="K750" s="61">
        <v>685.04</v>
      </c>
    </row>
    <row r="751" spans="1:11" ht="18.75" customHeight="1" thickBot="1">
      <c r="A751" s="59" t="s">
        <v>448</v>
      </c>
      <c r="B751" s="59" t="s">
        <v>28</v>
      </c>
      <c r="C751" s="59" t="s">
        <v>28</v>
      </c>
      <c r="D751" s="59" t="s">
        <v>369</v>
      </c>
      <c r="E751" s="59" t="s">
        <v>380</v>
      </c>
      <c r="F751" s="59" t="s">
        <v>449</v>
      </c>
      <c r="G751" s="59" t="s">
        <v>450</v>
      </c>
      <c r="H751" s="60">
        <v>216</v>
      </c>
      <c r="I751" s="60">
        <v>244</v>
      </c>
      <c r="J751" s="61">
        <v>0</v>
      </c>
      <c r="K751" s="61">
        <v>1158.7</v>
      </c>
    </row>
    <row r="752" spans="1:11" ht="18.75" customHeight="1" thickBot="1">
      <c r="A752" s="59" t="s">
        <v>448</v>
      </c>
      <c r="B752" s="59" t="s">
        <v>28</v>
      </c>
      <c r="C752" s="59" t="s">
        <v>28</v>
      </c>
      <c r="D752" s="59" t="s">
        <v>369</v>
      </c>
      <c r="E752" s="59" t="s">
        <v>380</v>
      </c>
      <c r="F752" s="59" t="s">
        <v>449</v>
      </c>
      <c r="G752" s="59" t="s">
        <v>450</v>
      </c>
      <c r="H752" s="60">
        <v>216</v>
      </c>
      <c r="I752" s="60">
        <v>256</v>
      </c>
      <c r="J752" s="61">
        <v>0</v>
      </c>
      <c r="K752" s="61">
        <v>1221.26</v>
      </c>
    </row>
    <row r="753" spans="1:11" ht="18.75" customHeight="1" thickBot="1">
      <c r="A753" s="59" t="s">
        <v>448</v>
      </c>
      <c r="B753" s="59" t="s">
        <v>28</v>
      </c>
      <c r="C753" s="59" t="s">
        <v>28</v>
      </c>
      <c r="D753" s="59" t="s">
        <v>369</v>
      </c>
      <c r="E753" s="59" t="s">
        <v>380</v>
      </c>
      <c r="F753" s="59" t="s">
        <v>449</v>
      </c>
      <c r="G753" s="59" t="s">
        <v>450</v>
      </c>
      <c r="H753" s="60">
        <v>216</v>
      </c>
      <c r="I753" s="60">
        <v>358</v>
      </c>
      <c r="J753" s="61">
        <v>0</v>
      </c>
      <c r="K753" s="61">
        <v>2963.85</v>
      </c>
    </row>
    <row r="754" spans="1:11" ht="18.75" customHeight="1" thickBot="1">
      <c r="A754" s="59" t="s">
        <v>448</v>
      </c>
      <c r="B754" s="59" t="s">
        <v>28</v>
      </c>
      <c r="C754" s="59" t="s">
        <v>28</v>
      </c>
      <c r="D754" s="59" t="s">
        <v>369</v>
      </c>
      <c r="E754" s="59" t="s">
        <v>380</v>
      </c>
      <c r="F754" s="59" t="s">
        <v>449</v>
      </c>
      <c r="G754" s="59" t="s">
        <v>450</v>
      </c>
      <c r="H754" s="60">
        <v>221</v>
      </c>
      <c r="I754" s="60">
        <v>93</v>
      </c>
      <c r="J754" s="61">
        <v>0</v>
      </c>
      <c r="K754" s="61">
        <v>0.88</v>
      </c>
    </row>
    <row r="755" spans="1:11" ht="18.75" customHeight="1" thickBot="1">
      <c r="A755" s="59" t="s">
        <v>448</v>
      </c>
      <c r="B755" s="59" t="s">
        <v>28</v>
      </c>
      <c r="C755" s="59" t="s">
        <v>28</v>
      </c>
      <c r="D755" s="59" t="s">
        <v>369</v>
      </c>
      <c r="E755" s="59" t="s">
        <v>380</v>
      </c>
      <c r="F755" s="59" t="s">
        <v>449</v>
      </c>
      <c r="G755" s="59" t="s">
        <v>450</v>
      </c>
      <c r="H755" s="60">
        <v>221</v>
      </c>
      <c r="I755" s="60">
        <v>94</v>
      </c>
      <c r="J755" s="61">
        <v>0</v>
      </c>
      <c r="K755" s="61">
        <v>7.88</v>
      </c>
    </row>
    <row r="756" spans="1:11" ht="18.75" customHeight="1" thickBot="1">
      <c r="A756" s="59" t="s">
        <v>448</v>
      </c>
      <c r="B756" s="59" t="s">
        <v>28</v>
      </c>
      <c r="C756" s="59" t="s">
        <v>28</v>
      </c>
      <c r="D756" s="59" t="s">
        <v>369</v>
      </c>
      <c r="E756" s="59" t="s">
        <v>380</v>
      </c>
      <c r="F756" s="59" t="s">
        <v>449</v>
      </c>
      <c r="G756" s="59" t="s">
        <v>450</v>
      </c>
      <c r="H756" s="60">
        <v>221</v>
      </c>
      <c r="I756" s="60">
        <v>95</v>
      </c>
      <c r="J756" s="61">
        <v>0</v>
      </c>
      <c r="K756" s="61">
        <v>4.72</v>
      </c>
    </row>
    <row r="757" spans="1:11" ht="18.75" customHeight="1" thickBot="1">
      <c r="A757" s="59" t="s">
        <v>448</v>
      </c>
      <c r="B757" s="59" t="s">
        <v>28</v>
      </c>
      <c r="C757" s="59" t="s">
        <v>28</v>
      </c>
      <c r="D757" s="59" t="s">
        <v>369</v>
      </c>
      <c r="E757" s="59" t="s">
        <v>380</v>
      </c>
      <c r="F757" s="59" t="s">
        <v>449</v>
      </c>
      <c r="G757" s="59" t="s">
        <v>450</v>
      </c>
      <c r="H757" s="60">
        <v>221</v>
      </c>
      <c r="I757" s="60">
        <v>97</v>
      </c>
      <c r="J757" s="61">
        <v>0</v>
      </c>
      <c r="K757" s="61">
        <v>4.1399999999999997</v>
      </c>
    </row>
    <row r="758" spans="1:11" ht="18.75" customHeight="1" thickBot="1">
      <c r="A758" s="59" t="s">
        <v>448</v>
      </c>
      <c r="B758" s="59" t="s">
        <v>28</v>
      </c>
      <c r="C758" s="59" t="s">
        <v>28</v>
      </c>
      <c r="D758" s="59" t="s">
        <v>369</v>
      </c>
      <c r="E758" s="59" t="s">
        <v>380</v>
      </c>
      <c r="F758" s="59" t="s">
        <v>449</v>
      </c>
      <c r="G758" s="59" t="s">
        <v>450</v>
      </c>
      <c r="H758" s="60">
        <v>221</v>
      </c>
      <c r="I758" s="60">
        <v>107</v>
      </c>
      <c r="J758" s="61">
        <v>0</v>
      </c>
      <c r="K758" s="61">
        <v>2.71</v>
      </c>
    </row>
    <row r="759" spans="1:11" ht="18.75" customHeight="1" thickBot="1">
      <c r="A759" s="59" t="s">
        <v>448</v>
      </c>
      <c r="B759" s="59" t="s">
        <v>28</v>
      </c>
      <c r="C759" s="59" t="s">
        <v>28</v>
      </c>
      <c r="D759" s="59" t="s">
        <v>369</v>
      </c>
      <c r="E759" s="59" t="s">
        <v>380</v>
      </c>
      <c r="F759" s="59" t="s">
        <v>449</v>
      </c>
      <c r="G759" s="59" t="s">
        <v>450</v>
      </c>
      <c r="H759" s="60">
        <v>221</v>
      </c>
      <c r="I759" s="60">
        <v>109</v>
      </c>
      <c r="J759" s="61">
        <v>0</v>
      </c>
      <c r="K759" s="61">
        <v>8.27</v>
      </c>
    </row>
    <row r="760" spans="1:11" ht="18.75" customHeight="1" thickBot="1">
      <c r="A760" s="59" t="s">
        <v>448</v>
      </c>
      <c r="B760" s="59" t="s">
        <v>28</v>
      </c>
      <c r="C760" s="59" t="s">
        <v>28</v>
      </c>
      <c r="D760" s="59" t="s">
        <v>369</v>
      </c>
      <c r="E760" s="59" t="s">
        <v>380</v>
      </c>
      <c r="F760" s="59" t="s">
        <v>449</v>
      </c>
      <c r="G760" s="59" t="s">
        <v>450</v>
      </c>
      <c r="H760" s="60">
        <v>221</v>
      </c>
      <c r="I760" s="60">
        <v>113</v>
      </c>
      <c r="J760" s="61">
        <v>0</v>
      </c>
      <c r="K760" s="61">
        <v>0.8</v>
      </c>
    </row>
    <row r="761" spans="1:11" ht="18.75" customHeight="1" thickBot="1">
      <c r="A761" s="59" t="s">
        <v>448</v>
      </c>
      <c r="B761" s="59" t="s">
        <v>28</v>
      </c>
      <c r="C761" s="59" t="s">
        <v>28</v>
      </c>
      <c r="D761" s="59" t="s">
        <v>369</v>
      </c>
      <c r="E761" s="59" t="s">
        <v>380</v>
      </c>
      <c r="F761" s="59" t="s">
        <v>449</v>
      </c>
      <c r="G761" s="59" t="s">
        <v>450</v>
      </c>
      <c r="H761" s="60">
        <v>221</v>
      </c>
      <c r="I761" s="60">
        <v>204</v>
      </c>
      <c r="J761" s="61">
        <v>0</v>
      </c>
      <c r="K761" s="61">
        <v>8.91</v>
      </c>
    </row>
    <row r="762" spans="1:11" ht="18.75" customHeight="1" thickBot="1">
      <c r="A762" s="59" t="s">
        <v>448</v>
      </c>
      <c r="B762" s="59" t="s">
        <v>28</v>
      </c>
      <c r="C762" s="59" t="s">
        <v>28</v>
      </c>
      <c r="D762" s="59" t="s">
        <v>369</v>
      </c>
      <c r="E762" s="59" t="s">
        <v>380</v>
      </c>
      <c r="F762" s="59" t="s">
        <v>449</v>
      </c>
      <c r="G762" s="59" t="s">
        <v>450</v>
      </c>
      <c r="H762" s="60">
        <v>221</v>
      </c>
      <c r="I762" s="60">
        <v>211</v>
      </c>
      <c r="J762" s="61">
        <v>0</v>
      </c>
      <c r="K762" s="61">
        <v>1053.1300000000001</v>
      </c>
    </row>
    <row r="763" spans="1:11" ht="18.75" customHeight="1" thickBot="1">
      <c r="A763" s="59" t="s">
        <v>448</v>
      </c>
      <c r="B763" s="59" t="s">
        <v>28</v>
      </c>
      <c r="C763" s="59" t="s">
        <v>28</v>
      </c>
      <c r="D763" s="59" t="s">
        <v>369</v>
      </c>
      <c r="E763" s="59" t="s">
        <v>380</v>
      </c>
      <c r="F763" s="59" t="s">
        <v>449</v>
      </c>
      <c r="G763" s="59" t="s">
        <v>450</v>
      </c>
      <c r="H763" s="60">
        <v>221</v>
      </c>
      <c r="I763" s="60">
        <v>215</v>
      </c>
      <c r="J763" s="61">
        <v>0</v>
      </c>
      <c r="K763" s="61">
        <v>4002.94</v>
      </c>
    </row>
    <row r="764" spans="1:11" ht="18.75" customHeight="1" thickBot="1">
      <c r="A764" s="59" t="s">
        <v>448</v>
      </c>
      <c r="B764" s="59" t="s">
        <v>28</v>
      </c>
      <c r="C764" s="59" t="s">
        <v>28</v>
      </c>
      <c r="D764" s="59" t="s">
        <v>369</v>
      </c>
      <c r="E764" s="59" t="s">
        <v>380</v>
      </c>
      <c r="F764" s="59" t="s">
        <v>449</v>
      </c>
      <c r="G764" s="59" t="s">
        <v>450</v>
      </c>
      <c r="H764" s="60">
        <v>221</v>
      </c>
      <c r="I764" s="60">
        <v>217</v>
      </c>
      <c r="J764" s="61">
        <v>0</v>
      </c>
      <c r="K764" s="61">
        <v>72.150000000000006</v>
      </c>
    </row>
    <row r="765" spans="1:11" ht="18.75" customHeight="1" thickBot="1">
      <c r="A765" s="59" t="s">
        <v>448</v>
      </c>
      <c r="B765" s="59" t="s">
        <v>28</v>
      </c>
      <c r="C765" s="59" t="s">
        <v>28</v>
      </c>
      <c r="D765" s="59" t="s">
        <v>369</v>
      </c>
      <c r="E765" s="59" t="s">
        <v>380</v>
      </c>
      <c r="F765" s="59" t="s">
        <v>449</v>
      </c>
      <c r="G765" s="59" t="s">
        <v>450</v>
      </c>
      <c r="H765" s="60">
        <v>221</v>
      </c>
      <c r="I765" s="60">
        <v>220</v>
      </c>
      <c r="J765" s="61">
        <v>0</v>
      </c>
      <c r="K765" s="61">
        <v>346.44</v>
      </c>
    </row>
    <row r="766" spans="1:11" ht="18.75" customHeight="1" thickBot="1">
      <c r="A766" s="59" t="s">
        <v>448</v>
      </c>
      <c r="B766" s="59" t="s">
        <v>28</v>
      </c>
      <c r="C766" s="59" t="s">
        <v>28</v>
      </c>
      <c r="D766" s="59" t="s">
        <v>369</v>
      </c>
      <c r="E766" s="59" t="s">
        <v>380</v>
      </c>
      <c r="F766" s="59" t="s">
        <v>449</v>
      </c>
      <c r="G766" s="59" t="s">
        <v>450</v>
      </c>
      <c r="H766" s="60">
        <v>221</v>
      </c>
      <c r="I766" s="60">
        <v>240</v>
      </c>
      <c r="J766" s="61">
        <v>0</v>
      </c>
      <c r="K766" s="61">
        <v>1538.96</v>
      </c>
    </row>
    <row r="767" spans="1:11" ht="18.75" customHeight="1" thickBot="1">
      <c r="A767" s="59" t="s">
        <v>448</v>
      </c>
      <c r="B767" s="59" t="s">
        <v>28</v>
      </c>
      <c r="C767" s="59" t="s">
        <v>28</v>
      </c>
      <c r="D767" s="59" t="s">
        <v>369</v>
      </c>
      <c r="E767" s="59" t="s">
        <v>380</v>
      </c>
      <c r="F767" s="59" t="s">
        <v>449</v>
      </c>
      <c r="G767" s="59" t="s">
        <v>450</v>
      </c>
      <c r="H767" s="60">
        <v>221</v>
      </c>
      <c r="I767" s="60">
        <v>244</v>
      </c>
      <c r="J767" s="61">
        <v>0</v>
      </c>
      <c r="K767" s="61">
        <v>7097.33</v>
      </c>
    </row>
    <row r="768" spans="1:11" ht="18.75" customHeight="1" thickBot="1">
      <c r="A768" s="59" t="s">
        <v>448</v>
      </c>
      <c r="B768" s="59" t="s">
        <v>28</v>
      </c>
      <c r="C768" s="59" t="s">
        <v>28</v>
      </c>
      <c r="D768" s="59" t="s">
        <v>369</v>
      </c>
      <c r="E768" s="59" t="s">
        <v>380</v>
      </c>
      <c r="F768" s="59" t="s">
        <v>449</v>
      </c>
      <c r="G768" s="59" t="s">
        <v>450</v>
      </c>
      <c r="H768" s="60">
        <v>221</v>
      </c>
      <c r="I768" s="60">
        <v>332</v>
      </c>
      <c r="J768" s="61">
        <v>0</v>
      </c>
      <c r="K768" s="61">
        <v>7627.81</v>
      </c>
    </row>
    <row r="769" spans="1:11" ht="18.75" customHeight="1" thickBot="1">
      <c r="A769" s="59" t="s">
        <v>448</v>
      </c>
      <c r="B769" s="59" t="s">
        <v>28</v>
      </c>
      <c r="C769" s="59" t="s">
        <v>28</v>
      </c>
      <c r="D769" s="59" t="s">
        <v>369</v>
      </c>
      <c r="E769" s="59" t="s">
        <v>380</v>
      </c>
      <c r="F769" s="59" t="s">
        <v>449</v>
      </c>
      <c r="G769" s="59" t="s">
        <v>450</v>
      </c>
      <c r="H769" s="60">
        <v>221</v>
      </c>
      <c r="I769" s="60">
        <v>358</v>
      </c>
      <c r="J769" s="61">
        <v>0</v>
      </c>
      <c r="K769" s="61">
        <v>24004.19</v>
      </c>
    </row>
    <row r="770" spans="1:11" ht="18.75" customHeight="1" thickBot="1">
      <c r="A770" s="59" t="s">
        <v>448</v>
      </c>
      <c r="B770" s="59" t="s">
        <v>28</v>
      </c>
      <c r="C770" s="59" t="s">
        <v>28</v>
      </c>
      <c r="D770" s="59" t="s">
        <v>369</v>
      </c>
      <c r="E770" s="59" t="s">
        <v>380</v>
      </c>
      <c r="F770" s="59" t="s">
        <v>449</v>
      </c>
      <c r="G770" s="59" t="s">
        <v>450</v>
      </c>
      <c r="H770" s="60">
        <v>221</v>
      </c>
      <c r="I770" s="60">
        <v>360</v>
      </c>
      <c r="J770" s="61">
        <v>0</v>
      </c>
      <c r="K770" s="61">
        <v>6150.02</v>
      </c>
    </row>
    <row r="771" spans="1:11" ht="18.75" customHeight="1" thickBot="1">
      <c r="A771" s="59" t="s">
        <v>448</v>
      </c>
      <c r="B771" s="59" t="s">
        <v>28</v>
      </c>
      <c r="C771" s="59" t="s">
        <v>28</v>
      </c>
      <c r="D771" s="59" t="s">
        <v>369</v>
      </c>
      <c r="E771" s="59" t="s">
        <v>380</v>
      </c>
      <c r="F771" s="59" t="s">
        <v>449</v>
      </c>
      <c r="G771" s="59" t="s">
        <v>450</v>
      </c>
      <c r="H771" s="60">
        <v>222</v>
      </c>
      <c r="I771" s="60">
        <v>113</v>
      </c>
      <c r="J771" s="61">
        <v>0</v>
      </c>
      <c r="K771" s="61">
        <v>5.27</v>
      </c>
    </row>
    <row r="772" spans="1:11" ht="18.75" customHeight="1" thickBot="1">
      <c r="A772" s="59" t="s">
        <v>448</v>
      </c>
      <c r="B772" s="59" t="s">
        <v>28</v>
      </c>
      <c r="C772" s="59" t="s">
        <v>28</v>
      </c>
      <c r="D772" s="59" t="s">
        <v>369</v>
      </c>
      <c r="E772" s="59" t="s">
        <v>380</v>
      </c>
      <c r="F772" s="59" t="s">
        <v>449</v>
      </c>
      <c r="G772" s="59" t="s">
        <v>450</v>
      </c>
      <c r="H772" s="60">
        <v>222</v>
      </c>
      <c r="I772" s="60">
        <v>211</v>
      </c>
      <c r="J772" s="61">
        <v>0</v>
      </c>
      <c r="K772" s="61">
        <v>66.92</v>
      </c>
    </row>
    <row r="773" spans="1:11" ht="18.75" customHeight="1" thickBot="1">
      <c r="A773" s="59" t="s">
        <v>448</v>
      </c>
      <c r="B773" s="59" t="s">
        <v>28</v>
      </c>
      <c r="C773" s="59" t="s">
        <v>28</v>
      </c>
      <c r="D773" s="59" t="s">
        <v>369</v>
      </c>
      <c r="E773" s="59" t="s">
        <v>380</v>
      </c>
      <c r="F773" s="59" t="s">
        <v>449</v>
      </c>
      <c r="G773" s="59" t="s">
        <v>450</v>
      </c>
      <c r="H773" s="60">
        <v>222</v>
      </c>
      <c r="I773" s="60">
        <v>215</v>
      </c>
      <c r="J773" s="61">
        <v>0</v>
      </c>
      <c r="K773" s="61">
        <v>239.33</v>
      </c>
    </row>
    <row r="774" spans="1:11" ht="18.75" customHeight="1" thickBot="1">
      <c r="A774" s="59" t="s">
        <v>448</v>
      </c>
      <c r="B774" s="59" t="s">
        <v>28</v>
      </c>
      <c r="C774" s="59" t="s">
        <v>28</v>
      </c>
      <c r="D774" s="59" t="s">
        <v>369</v>
      </c>
      <c r="E774" s="59" t="s">
        <v>380</v>
      </c>
      <c r="F774" s="59" t="s">
        <v>449</v>
      </c>
      <c r="G774" s="59" t="s">
        <v>450</v>
      </c>
      <c r="H774" s="60">
        <v>222</v>
      </c>
      <c r="I774" s="60">
        <v>220</v>
      </c>
      <c r="J774" s="61">
        <v>0</v>
      </c>
      <c r="K774" s="61">
        <v>100.63</v>
      </c>
    </row>
    <row r="775" spans="1:11" ht="18.75" customHeight="1" thickBot="1">
      <c r="A775" s="59" t="s">
        <v>448</v>
      </c>
      <c r="B775" s="59" t="s">
        <v>28</v>
      </c>
      <c r="C775" s="59" t="s">
        <v>28</v>
      </c>
      <c r="D775" s="59" t="s">
        <v>369</v>
      </c>
      <c r="E775" s="59" t="s">
        <v>380</v>
      </c>
      <c r="F775" s="59" t="s">
        <v>449</v>
      </c>
      <c r="G775" s="59" t="s">
        <v>450</v>
      </c>
      <c r="H775" s="60">
        <v>222</v>
      </c>
      <c r="I775" s="60">
        <v>240</v>
      </c>
      <c r="J775" s="61">
        <v>0</v>
      </c>
      <c r="K775" s="61">
        <v>2878.8</v>
      </c>
    </row>
    <row r="776" spans="1:11" ht="18.75" customHeight="1" thickBot="1">
      <c r="A776" s="59" t="s">
        <v>448</v>
      </c>
      <c r="B776" s="59" t="s">
        <v>28</v>
      </c>
      <c r="C776" s="59" t="s">
        <v>28</v>
      </c>
      <c r="D776" s="59" t="s">
        <v>369</v>
      </c>
      <c r="E776" s="59" t="s">
        <v>380</v>
      </c>
      <c r="F776" s="59" t="s">
        <v>449</v>
      </c>
      <c r="G776" s="59" t="s">
        <v>450</v>
      </c>
      <c r="H776" s="60">
        <v>222</v>
      </c>
      <c r="I776" s="60">
        <v>244</v>
      </c>
      <c r="J776" s="61">
        <v>0</v>
      </c>
      <c r="K776" s="61">
        <v>1090.51</v>
      </c>
    </row>
    <row r="777" spans="1:11" ht="18.75" customHeight="1" thickBot="1">
      <c r="A777" s="59" t="s">
        <v>448</v>
      </c>
      <c r="B777" s="59" t="s">
        <v>28</v>
      </c>
      <c r="C777" s="59" t="s">
        <v>28</v>
      </c>
      <c r="D777" s="59" t="s">
        <v>369</v>
      </c>
      <c r="E777" s="59" t="s">
        <v>380</v>
      </c>
      <c r="F777" s="59" t="s">
        <v>449</v>
      </c>
      <c r="G777" s="59" t="s">
        <v>450</v>
      </c>
      <c r="H777" s="60">
        <v>230</v>
      </c>
      <c r="I777" s="60">
        <v>94</v>
      </c>
      <c r="J777" s="61">
        <v>0</v>
      </c>
      <c r="K777" s="61">
        <v>0.66</v>
      </c>
    </row>
    <row r="778" spans="1:11" ht="18.75" customHeight="1" thickBot="1">
      <c r="A778" s="59" t="s">
        <v>448</v>
      </c>
      <c r="B778" s="59" t="s">
        <v>28</v>
      </c>
      <c r="C778" s="59" t="s">
        <v>28</v>
      </c>
      <c r="D778" s="59" t="s">
        <v>369</v>
      </c>
      <c r="E778" s="59" t="s">
        <v>380</v>
      </c>
      <c r="F778" s="59" t="s">
        <v>449</v>
      </c>
      <c r="G778" s="59" t="s">
        <v>450</v>
      </c>
      <c r="H778" s="60">
        <v>230</v>
      </c>
      <c r="I778" s="60">
        <v>97</v>
      </c>
      <c r="J778" s="61">
        <v>0</v>
      </c>
      <c r="K778" s="61">
        <v>21.48</v>
      </c>
    </row>
    <row r="779" spans="1:11" ht="18.75" customHeight="1" thickBot="1">
      <c r="A779" s="59" t="s">
        <v>448</v>
      </c>
      <c r="B779" s="59" t="s">
        <v>28</v>
      </c>
      <c r="C779" s="59" t="s">
        <v>28</v>
      </c>
      <c r="D779" s="59" t="s">
        <v>369</v>
      </c>
      <c r="E779" s="59" t="s">
        <v>380</v>
      </c>
      <c r="F779" s="59" t="s">
        <v>449</v>
      </c>
      <c r="G779" s="59" t="s">
        <v>450</v>
      </c>
      <c r="H779" s="60">
        <v>230</v>
      </c>
      <c r="I779" s="60">
        <v>107</v>
      </c>
      <c r="J779" s="61">
        <v>0</v>
      </c>
      <c r="K779" s="61">
        <v>1.08</v>
      </c>
    </row>
    <row r="780" spans="1:11" ht="18.75" customHeight="1" thickBot="1">
      <c r="A780" s="59" t="s">
        <v>448</v>
      </c>
      <c r="B780" s="59" t="s">
        <v>28</v>
      </c>
      <c r="C780" s="59" t="s">
        <v>28</v>
      </c>
      <c r="D780" s="59" t="s">
        <v>369</v>
      </c>
      <c r="E780" s="59" t="s">
        <v>380</v>
      </c>
      <c r="F780" s="59" t="s">
        <v>449</v>
      </c>
      <c r="G780" s="59" t="s">
        <v>450</v>
      </c>
      <c r="H780" s="60">
        <v>230</v>
      </c>
      <c r="I780" s="60">
        <v>113</v>
      </c>
      <c r="J780" s="61">
        <v>0</v>
      </c>
      <c r="K780" s="61">
        <v>5.47</v>
      </c>
    </row>
    <row r="781" spans="1:11" ht="18.75" customHeight="1" thickBot="1">
      <c r="A781" s="59" t="s">
        <v>448</v>
      </c>
      <c r="B781" s="59" t="s">
        <v>28</v>
      </c>
      <c r="C781" s="59" t="s">
        <v>28</v>
      </c>
      <c r="D781" s="59" t="s">
        <v>369</v>
      </c>
      <c r="E781" s="59" t="s">
        <v>380</v>
      </c>
      <c r="F781" s="59" t="s">
        <v>449</v>
      </c>
      <c r="G781" s="59" t="s">
        <v>450</v>
      </c>
      <c r="H781" s="60">
        <v>230</v>
      </c>
      <c r="I781" s="60">
        <v>211</v>
      </c>
      <c r="J781" s="61">
        <v>0</v>
      </c>
      <c r="K781" s="61">
        <v>79.36</v>
      </c>
    </row>
    <row r="782" spans="1:11" ht="18.75" customHeight="1" thickBot="1">
      <c r="A782" s="59" t="s">
        <v>448</v>
      </c>
      <c r="B782" s="59" t="s">
        <v>28</v>
      </c>
      <c r="C782" s="59" t="s">
        <v>28</v>
      </c>
      <c r="D782" s="59" t="s">
        <v>369</v>
      </c>
      <c r="E782" s="59" t="s">
        <v>380</v>
      </c>
      <c r="F782" s="59" t="s">
        <v>449</v>
      </c>
      <c r="G782" s="59" t="s">
        <v>450</v>
      </c>
      <c r="H782" s="60">
        <v>230</v>
      </c>
      <c r="I782" s="60">
        <v>215</v>
      </c>
      <c r="J782" s="61">
        <v>0</v>
      </c>
      <c r="K782" s="61">
        <v>332.95</v>
      </c>
    </row>
    <row r="783" spans="1:11" ht="18.75" customHeight="1" thickBot="1">
      <c r="A783" s="59" t="s">
        <v>448</v>
      </c>
      <c r="B783" s="59" t="s">
        <v>28</v>
      </c>
      <c r="C783" s="59" t="s">
        <v>28</v>
      </c>
      <c r="D783" s="59" t="s">
        <v>369</v>
      </c>
      <c r="E783" s="59" t="s">
        <v>380</v>
      </c>
      <c r="F783" s="59" t="s">
        <v>449</v>
      </c>
      <c r="G783" s="59" t="s">
        <v>450</v>
      </c>
      <c r="H783" s="60">
        <v>230</v>
      </c>
      <c r="I783" s="60">
        <v>217</v>
      </c>
      <c r="J783" s="61">
        <v>0</v>
      </c>
      <c r="K783" s="61">
        <v>9.26</v>
      </c>
    </row>
    <row r="784" spans="1:11" ht="18.75" customHeight="1" thickBot="1">
      <c r="A784" s="59" t="s">
        <v>448</v>
      </c>
      <c r="B784" s="59" t="s">
        <v>28</v>
      </c>
      <c r="C784" s="59" t="s">
        <v>28</v>
      </c>
      <c r="D784" s="59" t="s">
        <v>369</v>
      </c>
      <c r="E784" s="59" t="s">
        <v>380</v>
      </c>
      <c r="F784" s="59" t="s">
        <v>449</v>
      </c>
      <c r="G784" s="59" t="s">
        <v>450</v>
      </c>
      <c r="H784" s="60">
        <v>230</v>
      </c>
      <c r="I784" s="60">
        <v>220</v>
      </c>
      <c r="J784" s="61">
        <v>0</v>
      </c>
      <c r="K784" s="61">
        <v>683.23</v>
      </c>
    </row>
    <row r="785" spans="1:11" ht="18.75" customHeight="1" thickBot="1">
      <c r="A785" s="59" t="s">
        <v>448</v>
      </c>
      <c r="B785" s="59" t="s">
        <v>28</v>
      </c>
      <c r="C785" s="59" t="s">
        <v>28</v>
      </c>
      <c r="D785" s="59" t="s">
        <v>369</v>
      </c>
      <c r="E785" s="59" t="s">
        <v>380</v>
      </c>
      <c r="F785" s="59" t="s">
        <v>449</v>
      </c>
      <c r="G785" s="59" t="s">
        <v>450</v>
      </c>
      <c r="H785" s="60">
        <v>230</v>
      </c>
      <c r="I785" s="60">
        <v>236</v>
      </c>
      <c r="J785" s="61">
        <v>0</v>
      </c>
      <c r="K785" s="61">
        <v>288.36</v>
      </c>
    </row>
    <row r="786" spans="1:11" ht="18.75" customHeight="1" thickBot="1">
      <c r="A786" s="59" t="s">
        <v>448</v>
      </c>
      <c r="B786" s="59" t="s">
        <v>28</v>
      </c>
      <c r="C786" s="59" t="s">
        <v>28</v>
      </c>
      <c r="D786" s="59" t="s">
        <v>369</v>
      </c>
      <c r="E786" s="59" t="s">
        <v>380</v>
      </c>
      <c r="F786" s="59" t="s">
        <v>449</v>
      </c>
      <c r="G786" s="59" t="s">
        <v>450</v>
      </c>
      <c r="H786" s="60">
        <v>230</v>
      </c>
      <c r="I786" s="60">
        <v>240</v>
      </c>
      <c r="J786" s="61">
        <v>0</v>
      </c>
      <c r="K786" s="61">
        <v>222.4</v>
      </c>
    </row>
    <row r="787" spans="1:11" ht="18.75" customHeight="1" thickBot="1">
      <c r="A787" s="59" t="s">
        <v>448</v>
      </c>
      <c r="B787" s="59" t="s">
        <v>28</v>
      </c>
      <c r="C787" s="59" t="s">
        <v>28</v>
      </c>
      <c r="D787" s="59" t="s">
        <v>369</v>
      </c>
      <c r="E787" s="59" t="s">
        <v>380</v>
      </c>
      <c r="F787" s="59" t="s">
        <v>449</v>
      </c>
      <c r="G787" s="59" t="s">
        <v>450</v>
      </c>
      <c r="H787" s="60">
        <v>230</v>
      </c>
      <c r="I787" s="60">
        <v>244</v>
      </c>
      <c r="J787" s="61">
        <v>0</v>
      </c>
      <c r="K787" s="61">
        <v>11789.64</v>
      </c>
    </row>
    <row r="788" spans="1:11" ht="18.75" customHeight="1" thickBot="1">
      <c r="A788" s="59" t="s">
        <v>448</v>
      </c>
      <c r="B788" s="59" t="s">
        <v>28</v>
      </c>
      <c r="C788" s="59" t="s">
        <v>28</v>
      </c>
      <c r="D788" s="59" t="s">
        <v>369</v>
      </c>
      <c r="E788" s="59" t="s">
        <v>380</v>
      </c>
      <c r="F788" s="59" t="s">
        <v>449</v>
      </c>
      <c r="G788" s="59" t="s">
        <v>450</v>
      </c>
      <c r="H788" s="60">
        <v>230</v>
      </c>
      <c r="I788" s="60">
        <v>248</v>
      </c>
      <c r="J788" s="61">
        <v>0</v>
      </c>
      <c r="K788" s="61">
        <v>973.2</v>
      </c>
    </row>
    <row r="789" spans="1:11" ht="18.75" customHeight="1" thickBot="1">
      <c r="A789" s="59" t="s">
        <v>448</v>
      </c>
      <c r="B789" s="59" t="s">
        <v>28</v>
      </c>
      <c r="C789" s="59" t="s">
        <v>28</v>
      </c>
      <c r="D789" s="59" t="s">
        <v>369</v>
      </c>
      <c r="E789" s="59" t="s">
        <v>380</v>
      </c>
      <c r="F789" s="59" t="s">
        <v>449</v>
      </c>
      <c r="G789" s="59" t="s">
        <v>450</v>
      </c>
      <c r="H789" s="60">
        <v>230</v>
      </c>
      <c r="I789" s="60">
        <v>257</v>
      </c>
      <c r="J789" s="61">
        <v>0</v>
      </c>
      <c r="K789" s="61">
        <v>1821.19</v>
      </c>
    </row>
    <row r="790" spans="1:11" ht="18.75" customHeight="1" thickBot="1">
      <c r="A790" s="59" t="s">
        <v>448</v>
      </c>
      <c r="B790" s="59" t="s">
        <v>28</v>
      </c>
      <c r="C790" s="59" t="s">
        <v>28</v>
      </c>
      <c r="D790" s="59" t="s">
        <v>369</v>
      </c>
      <c r="E790" s="59" t="s">
        <v>380</v>
      </c>
      <c r="F790" s="59" t="s">
        <v>449</v>
      </c>
      <c r="G790" s="59" t="s">
        <v>450</v>
      </c>
      <c r="H790" s="60">
        <v>230</v>
      </c>
      <c r="I790" s="60">
        <v>330</v>
      </c>
      <c r="J790" s="61">
        <v>0</v>
      </c>
      <c r="K790" s="61">
        <v>5941.2</v>
      </c>
    </row>
    <row r="791" spans="1:11" ht="18.75" customHeight="1" thickBot="1">
      <c r="A791" s="59" t="s">
        <v>448</v>
      </c>
      <c r="B791" s="59" t="s">
        <v>28</v>
      </c>
      <c r="C791" s="59" t="s">
        <v>28</v>
      </c>
      <c r="D791" s="59" t="s">
        <v>369</v>
      </c>
      <c r="E791" s="59" t="s">
        <v>380</v>
      </c>
      <c r="F791" s="59" t="s">
        <v>449</v>
      </c>
      <c r="G791" s="59" t="s">
        <v>450</v>
      </c>
      <c r="H791" s="60">
        <v>230</v>
      </c>
      <c r="I791" s="60">
        <v>358</v>
      </c>
      <c r="J791" s="61">
        <v>0</v>
      </c>
      <c r="K791" s="61">
        <v>32764.36</v>
      </c>
    </row>
    <row r="792" spans="1:11" ht="18.75" customHeight="1" thickBot="1">
      <c r="A792" s="59" t="s">
        <v>448</v>
      </c>
      <c r="B792" s="59" t="s">
        <v>28</v>
      </c>
      <c r="C792" s="59" t="s">
        <v>28</v>
      </c>
      <c r="D792" s="59" t="s">
        <v>369</v>
      </c>
      <c r="E792" s="59" t="s">
        <v>380</v>
      </c>
      <c r="F792" s="59" t="s">
        <v>449</v>
      </c>
      <c r="G792" s="59" t="s">
        <v>450</v>
      </c>
      <c r="H792" s="60">
        <v>230</v>
      </c>
      <c r="I792" s="60">
        <v>359</v>
      </c>
      <c r="J792" s="61">
        <v>0</v>
      </c>
      <c r="K792" s="61">
        <v>15879.11</v>
      </c>
    </row>
    <row r="793" spans="1:11" ht="18.75" hidden="1" customHeight="1" thickBot="1">
      <c r="A793" s="59" t="s">
        <v>448</v>
      </c>
      <c r="B793" s="59" t="s">
        <v>28</v>
      </c>
      <c r="C793" s="59" t="s">
        <v>28</v>
      </c>
      <c r="D793" s="59" t="s">
        <v>369</v>
      </c>
      <c r="E793" s="59" t="s">
        <v>382</v>
      </c>
      <c r="F793" s="59" t="s">
        <v>449</v>
      </c>
      <c r="G793" s="59" t="s">
        <v>450</v>
      </c>
      <c r="H793" s="60">
        <v>20</v>
      </c>
      <c r="I793" s="60">
        <v>15</v>
      </c>
      <c r="J793" s="61">
        <v>0</v>
      </c>
      <c r="K793" s="61">
        <v>-0.72</v>
      </c>
    </row>
    <row r="794" spans="1:11" ht="18.75" hidden="1" customHeight="1" thickBot="1">
      <c r="A794" s="59" t="s">
        <v>448</v>
      </c>
      <c r="B794" s="59" t="s">
        <v>28</v>
      </c>
      <c r="C794" s="59" t="s">
        <v>28</v>
      </c>
      <c r="D794" s="59" t="s">
        <v>369</v>
      </c>
      <c r="E794" s="59" t="s">
        <v>382</v>
      </c>
      <c r="F794" s="59" t="s">
        <v>449</v>
      </c>
      <c r="G794" s="59" t="s">
        <v>450</v>
      </c>
      <c r="H794" s="60">
        <v>20</v>
      </c>
      <c r="I794" s="60">
        <v>22</v>
      </c>
      <c r="J794" s="61">
        <v>0</v>
      </c>
      <c r="K794" s="61">
        <v>-1.22</v>
      </c>
    </row>
    <row r="795" spans="1:11" ht="18.75" hidden="1" customHeight="1" thickBot="1">
      <c r="A795" s="59" t="s">
        <v>448</v>
      </c>
      <c r="B795" s="59" t="s">
        <v>28</v>
      </c>
      <c r="C795" s="59" t="s">
        <v>28</v>
      </c>
      <c r="D795" s="59" t="s">
        <v>369</v>
      </c>
      <c r="E795" s="59" t="s">
        <v>382</v>
      </c>
      <c r="F795" s="59" t="s">
        <v>449</v>
      </c>
      <c r="G795" s="59" t="s">
        <v>450</v>
      </c>
      <c r="H795" s="60">
        <v>211</v>
      </c>
      <c r="I795" s="60">
        <v>107</v>
      </c>
      <c r="J795" s="61">
        <v>0</v>
      </c>
      <c r="K795" s="61">
        <v>-5.24</v>
      </c>
    </row>
    <row r="796" spans="1:11" ht="18.75" hidden="1" customHeight="1" thickBot="1">
      <c r="A796" s="59" t="s">
        <v>448</v>
      </c>
      <c r="B796" s="59" t="s">
        <v>28</v>
      </c>
      <c r="C796" s="59" t="s">
        <v>28</v>
      </c>
      <c r="D796" s="59" t="s">
        <v>369</v>
      </c>
      <c r="E796" s="59" t="s">
        <v>382</v>
      </c>
      <c r="F796" s="59" t="s">
        <v>449</v>
      </c>
      <c r="G796" s="59" t="s">
        <v>450</v>
      </c>
      <c r="H796" s="60">
        <v>211</v>
      </c>
      <c r="I796" s="60">
        <v>211</v>
      </c>
      <c r="J796" s="61">
        <v>0</v>
      </c>
      <c r="K796" s="61">
        <v>-31.56</v>
      </c>
    </row>
    <row r="797" spans="1:11" ht="18.75" hidden="1" customHeight="1" thickBot="1">
      <c r="A797" s="59" t="s">
        <v>448</v>
      </c>
      <c r="B797" s="59" t="s">
        <v>28</v>
      </c>
      <c r="C797" s="59" t="s">
        <v>28</v>
      </c>
      <c r="D797" s="59" t="s">
        <v>369</v>
      </c>
      <c r="E797" s="59" t="s">
        <v>382</v>
      </c>
      <c r="F797" s="59" t="s">
        <v>449</v>
      </c>
      <c r="G797" s="59" t="s">
        <v>450</v>
      </c>
      <c r="H797" s="60">
        <v>211</v>
      </c>
      <c r="I797" s="60">
        <v>215</v>
      </c>
      <c r="J797" s="61">
        <v>0</v>
      </c>
      <c r="K797" s="61">
        <v>-396.73</v>
      </c>
    </row>
    <row r="798" spans="1:11" ht="18.75" hidden="1" customHeight="1" thickBot="1">
      <c r="A798" s="59" t="s">
        <v>448</v>
      </c>
      <c r="B798" s="59" t="s">
        <v>28</v>
      </c>
      <c r="C798" s="59" t="s">
        <v>28</v>
      </c>
      <c r="D798" s="59" t="s">
        <v>369</v>
      </c>
      <c r="E798" s="59" t="s">
        <v>382</v>
      </c>
      <c r="F798" s="59" t="s">
        <v>449</v>
      </c>
      <c r="G798" s="59" t="s">
        <v>450</v>
      </c>
      <c r="H798" s="60">
        <v>211</v>
      </c>
      <c r="I798" s="60">
        <v>244</v>
      </c>
      <c r="J798" s="61">
        <v>0</v>
      </c>
      <c r="K798" s="61">
        <v>-482.69</v>
      </c>
    </row>
    <row r="799" spans="1:11" ht="18.75" hidden="1" customHeight="1" thickBot="1">
      <c r="A799" s="59" t="s">
        <v>448</v>
      </c>
      <c r="B799" s="59" t="s">
        <v>28</v>
      </c>
      <c r="C799" s="59" t="s">
        <v>28</v>
      </c>
      <c r="D799" s="59" t="s">
        <v>369</v>
      </c>
      <c r="E799" s="59" t="s">
        <v>382</v>
      </c>
      <c r="F799" s="59" t="s">
        <v>449</v>
      </c>
      <c r="G799" s="59" t="s">
        <v>450</v>
      </c>
      <c r="H799" s="60">
        <v>212</v>
      </c>
      <c r="I799" s="60">
        <v>211</v>
      </c>
      <c r="J799" s="61">
        <v>0</v>
      </c>
      <c r="K799" s="61">
        <v>-46.94</v>
      </c>
    </row>
    <row r="800" spans="1:11" ht="18.75" hidden="1" customHeight="1" thickBot="1">
      <c r="A800" s="59" t="s">
        <v>448</v>
      </c>
      <c r="B800" s="59" t="s">
        <v>28</v>
      </c>
      <c r="C800" s="59" t="s">
        <v>28</v>
      </c>
      <c r="D800" s="59" t="s">
        <v>369</v>
      </c>
      <c r="E800" s="59" t="s">
        <v>382</v>
      </c>
      <c r="F800" s="59" t="s">
        <v>449</v>
      </c>
      <c r="G800" s="59" t="s">
        <v>450</v>
      </c>
      <c r="H800" s="60">
        <v>212</v>
      </c>
      <c r="I800" s="60">
        <v>215</v>
      </c>
      <c r="J800" s="61">
        <v>0</v>
      </c>
      <c r="K800" s="61">
        <v>-342.41</v>
      </c>
    </row>
    <row r="801" spans="1:11" ht="18.75" hidden="1" customHeight="1" thickBot="1">
      <c r="A801" s="59" t="s">
        <v>448</v>
      </c>
      <c r="B801" s="59" t="s">
        <v>28</v>
      </c>
      <c r="C801" s="59" t="s">
        <v>28</v>
      </c>
      <c r="D801" s="59" t="s">
        <v>369</v>
      </c>
      <c r="E801" s="59" t="s">
        <v>382</v>
      </c>
      <c r="F801" s="59" t="s">
        <v>449</v>
      </c>
      <c r="G801" s="59" t="s">
        <v>450</v>
      </c>
      <c r="H801" s="60">
        <v>212</v>
      </c>
      <c r="I801" s="60">
        <v>220</v>
      </c>
      <c r="J801" s="61">
        <v>0</v>
      </c>
      <c r="K801" s="61">
        <v>-346.81</v>
      </c>
    </row>
    <row r="802" spans="1:11" ht="18.75" hidden="1" customHeight="1" thickBot="1">
      <c r="A802" s="59" t="s">
        <v>448</v>
      </c>
      <c r="B802" s="59" t="s">
        <v>28</v>
      </c>
      <c r="C802" s="59" t="s">
        <v>28</v>
      </c>
      <c r="D802" s="59" t="s">
        <v>369</v>
      </c>
      <c r="E802" s="59" t="s">
        <v>382</v>
      </c>
      <c r="F802" s="59" t="s">
        <v>449</v>
      </c>
      <c r="G802" s="59" t="s">
        <v>450</v>
      </c>
      <c r="H802" s="60">
        <v>216</v>
      </c>
      <c r="I802" s="60">
        <v>211</v>
      </c>
      <c r="J802" s="61">
        <v>0</v>
      </c>
      <c r="K802" s="61">
        <v>-7.68</v>
      </c>
    </row>
    <row r="803" spans="1:11" ht="18.75" hidden="1" customHeight="1" thickBot="1">
      <c r="A803" s="59" t="s">
        <v>448</v>
      </c>
      <c r="B803" s="59" t="s">
        <v>28</v>
      </c>
      <c r="C803" s="59" t="s">
        <v>28</v>
      </c>
      <c r="D803" s="59" t="s">
        <v>369</v>
      </c>
      <c r="E803" s="59" t="s">
        <v>382</v>
      </c>
      <c r="F803" s="59" t="s">
        <v>449</v>
      </c>
      <c r="G803" s="59" t="s">
        <v>450</v>
      </c>
      <c r="H803" s="60">
        <v>216</v>
      </c>
      <c r="I803" s="60">
        <v>215</v>
      </c>
      <c r="J803" s="61">
        <v>0</v>
      </c>
      <c r="K803" s="61">
        <v>-486.3</v>
      </c>
    </row>
    <row r="804" spans="1:11" ht="18.75" hidden="1" customHeight="1" thickBot="1">
      <c r="A804" s="59" t="s">
        <v>448</v>
      </c>
      <c r="B804" s="59" t="s">
        <v>28</v>
      </c>
      <c r="C804" s="59" t="s">
        <v>28</v>
      </c>
      <c r="D804" s="59" t="s">
        <v>369</v>
      </c>
      <c r="E804" s="59" t="s">
        <v>382</v>
      </c>
      <c r="F804" s="59" t="s">
        <v>449</v>
      </c>
      <c r="G804" s="59" t="s">
        <v>450</v>
      </c>
      <c r="H804" s="60">
        <v>216</v>
      </c>
      <c r="I804" s="60">
        <v>240</v>
      </c>
      <c r="J804" s="61">
        <v>0</v>
      </c>
      <c r="K804" s="61">
        <v>-367.57</v>
      </c>
    </row>
    <row r="805" spans="1:11" ht="18.75" hidden="1" customHeight="1" thickBot="1">
      <c r="A805" s="59" t="s">
        <v>448</v>
      </c>
      <c r="B805" s="59" t="s">
        <v>28</v>
      </c>
      <c r="C805" s="59" t="s">
        <v>28</v>
      </c>
      <c r="D805" s="59" t="s">
        <v>369</v>
      </c>
      <c r="E805" s="59" t="s">
        <v>382</v>
      </c>
      <c r="F805" s="59" t="s">
        <v>449</v>
      </c>
      <c r="G805" s="59" t="s">
        <v>450</v>
      </c>
      <c r="H805" s="60">
        <v>221</v>
      </c>
      <c r="I805" s="60">
        <v>94</v>
      </c>
      <c r="J805" s="61">
        <v>0</v>
      </c>
      <c r="K805" s="61">
        <v>-4.04</v>
      </c>
    </row>
    <row r="806" spans="1:11" ht="18.75" hidden="1" customHeight="1" thickBot="1">
      <c r="A806" s="59" t="s">
        <v>448</v>
      </c>
      <c r="B806" s="59" t="s">
        <v>28</v>
      </c>
      <c r="C806" s="59" t="s">
        <v>28</v>
      </c>
      <c r="D806" s="59" t="s">
        <v>369</v>
      </c>
      <c r="E806" s="59" t="s">
        <v>382</v>
      </c>
      <c r="F806" s="59" t="s">
        <v>449</v>
      </c>
      <c r="G806" s="59" t="s">
        <v>450</v>
      </c>
      <c r="H806" s="60">
        <v>221</v>
      </c>
      <c r="I806" s="60">
        <v>211</v>
      </c>
      <c r="J806" s="61">
        <v>0</v>
      </c>
      <c r="K806" s="61">
        <v>-1.74</v>
      </c>
    </row>
    <row r="807" spans="1:11" ht="18.75" hidden="1" customHeight="1" thickBot="1">
      <c r="A807" s="59" t="s">
        <v>448</v>
      </c>
      <c r="B807" s="59" t="s">
        <v>28</v>
      </c>
      <c r="C807" s="59" t="s">
        <v>28</v>
      </c>
      <c r="D807" s="59" t="s">
        <v>370</v>
      </c>
      <c r="E807" s="59" t="s">
        <v>378</v>
      </c>
      <c r="F807" s="59" t="s">
        <v>449</v>
      </c>
      <c r="G807" s="59" t="s">
        <v>450</v>
      </c>
      <c r="H807" s="60">
        <v>10</v>
      </c>
      <c r="I807" s="60">
        <v>15</v>
      </c>
      <c r="J807" s="61">
        <v>0</v>
      </c>
      <c r="K807" s="61">
        <v>-15.15</v>
      </c>
    </row>
    <row r="808" spans="1:11" ht="18.75" hidden="1" customHeight="1" thickBot="1">
      <c r="A808" s="59" t="s">
        <v>448</v>
      </c>
      <c r="B808" s="59" t="s">
        <v>28</v>
      </c>
      <c r="C808" s="59" t="s">
        <v>28</v>
      </c>
      <c r="D808" s="59" t="s">
        <v>370</v>
      </c>
      <c r="E808" s="59" t="s">
        <v>378</v>
      </c>
      <c r="F808" s="59" t="s">
        <v>449</v>
      </c>
      <c r="G808" s="59" t="s">
        <v>450</v>
      </c>
      <c r="H808" s="60">
        <v>10</v>
      </c>
      <c r="I808" s="60">
        <v>22</v>
      </c>
      <c r="J808" s="61">
        <v>0</v>
      </c>
      <c r="K808" s="61">
        <v>-7.79</v>
      </c>
    </row>
    <row r="809" spans="1:11" ht="18.75" hidden="1" customHeight="1" thickBot="1">
      <c r="A809" s="59" t="s">
        <v>448</v>
      </c>
      <c r="B809" s="59" t="s">
        <v>28</v>
      </c>
      <c r="C809" s="59" t="s">
        <v>28</v>
      </c>
      <c r="D809" s="59" t="s">
        <v>370</v>
      </c>
      <c r="E809" s="59" t="s">
        <v>378</v>
      </c>
      <c r="F809" s="59" t="s">
        <v>449</v>
      </c>
      <c r="G809" s="59" t="s">
        <v>450</v>
      </c>
      <c r="H809" s="60">
        <v>10</v>
      </c>
      <c r="I809" s="60">
        <v>93</v>
      </c>
      <c r="J809" s="61">
        <v>0</v>
      </c>
      <c r="K809" s="61">
        <v>-1.72</v>
      </c>
    </row>
    <row r="810" spans="1:11" ht="18.75" hidden="1" customHeight="1" thickBot="1">
      <c r="A810" s="59" t="s">
        <v>448</v>
      </c>
      <c r="B810" s="59" t="s">
        <v>28</v>
      </c>
      <c r="C810" s="59" t="s">
        <v>28</v>
      </c>
      <c r="D810" s="59" t="s">
        <v>370</v>
      </c>
      <c r="E810" s="59" t="s">
        <v>378</v>
      </c>
      <c r="F810" s="59" t="s">
        <v>449</v>
      </c>
      <c r="G810" s="59" t="s">
        <v>450</v>
      </c>
      <c r="H810" s="60">
        <v>10</v>
      </c>
      <c r="I810" s="60">
        <v>94</v>
      </c>
      <c r="J810" s="61">
        <v>0</v>
      </c>
      <c r="K810" s="61">
        <v>-21.07</v>
      </c>
    </row>
    <row r="811" spans="1:11" ht="18.75" hidden="1" customHeight="1" thickBot="1">
      <c r="A811" s="59" t="s">
        <v>448</v>
      </c>
      <c r="B811" s="59" t="s">
        <v>28</v>
      </c>
      <c r="C811" s="59" t="s">
        <v>28</v>
      </c>
      <c r="D811" s="59" t="s">
        <v>370</v>
      </c>
      <c r="E811" s="59" t="s">
        <v>378</v>
      </c>
      <c r="F811" s="59" t="s">
        <v>449</v>
      </c>
      <c r="G811" s="59" t="s">
        <v>450</v>
      </c>
      <c r="H811" s="60">
        <v>10</v>
      </c>
      <c r="I811" s="60">
        <v>97</v>
      </c>
      <c r="J811" s="61">
        <v>0</v>
      </c>
      <c r="K811" s="61">
        <v>-3.86</v>
      </c>
    </row>
    <row r="812" spans="1:11" ht="18.75" hidden="1" customHeight="1" thickBot="1">
      <c r="A812" s="59" t="s">
        <v>448</v>
      </c>
      <c r="B812" s="59" t="s">
        <v>28</v>
      </c>
      <c r="C812" s="59" t="s">
        <v>28</v>
      </c>
      <c r="D812" s="59" t="s">
        <v>370</v>
      </c>
      <c r="E812" s="59" t="s">
        <v>378</v>
      </c>
      <c r="F812" s="59" t="s">
        <v>449</v>
      </c>
      <c r="G812" s="59" t="s">
        <v>450</v>
      </c>
      <c r="H812" s="60">
        <v>10</v>
      </c>
      <c r="I812" s="60">
        <v>107</v>
      </c>
      <c r="J812" s="61">
        <v>0</v>
      </c>
      <c r="K812" s="61">
        <v>-1.06</v>
      </c>
    </row>
    <row r="813" spans="1:11" ht="18.75" hidden="1" customHeight="1" thickBot="1">
      <c r="A813" s="59" t="s">
        <v>448</v>
      </c>
      <c r="B813" s="59" t="s">
        <v>28</v>
      </c>
      <c r="C813" s="59" t="s">
        <v>28</v>
      </c>
      <c r="D813" s="59" t="s">
        <v>370</v>
      </c>
      <c r="E813" s="59" t="s">
        <v>378</v>
      </c>
      <c r="F813" s="59" t="s">
        <v>449</v>
      </c>
      <c r="G813" s="59" t="s">
        <v>450</v>
      </c>
      <c r="H813" s="60">
        <v>10</v>
      </c>
      <c r="I813" s="60">
        <v>109</v>
      </c>
      <c r="J813" s="61">
        <v>0</v>
      </c>
      <c r="K813" s="61">
        <v>-8.2100000000000009</v>
      </c>
    </row>
    <row r="814" spans="1:11" ht="18.75" hidden="1" customHeight="1" thickBot="1">
      <c r="A814" s="59" t="s">
        <v>448</v>
      </c>
      <c r="B814" s="59" t="s">
        <v>28</v>
      </c>
      <c r="C814" s="59" t="s">
        <v>28</v>
      </c>
      <c r="D814" s="59" t="s">
        <v>370</v>
      </c>
      <c r="E814" s="59" t="s">
        <v>378</v>
      </c>
      <c r="F814" s="59" t="s">
        <v>449</v>
      </c>
      <c r="G814" s="59" t="s">
        <v>450</v>
      </c>
      <c r="H814" s="60">
        <v>10</v>
      </c>
      <c r="I814" s="60">
        <v>113</v>
      </c>
      <c r="J814" s="61">
        <v>0</v>
      </c>
      <c r="K814" s="61">
        <v>-6.14</v>
      </c>
    </row>
    <row r="815" spans="1:11" ht="18.75" hidden="1" customHeight="1" thickBot="1">
      <c r="A815" s="59" t="s">
        <v>448</v>
      </c>
      <c r="B815" s="59" t="s">
        <v>28</v>
      </c>
      <c r="C815" s="59" t="s">
        <v>28</v>
      </c>
      <c r="D815" s="59" t="s">
        <v>370</v>
      </c>
      <c r="E815" s="59" t="s">
        <v>378</v>
      </c>
      <c r="F815" s="59" t="s">
        <v>449</v>
      </c>
      <c r="G815" s="59" t="s">
        <v>450</v>
      </c>
      <c r="H815" s="60">
        <v>10</v>
      </c>
      <c r="I815" s="60">
        <v>150</v>
      </c>
      <c r="J815" s="61">
        <v>0</v>
      </c>
      <c r="K815" s="61">
        <v>-4.95</v>
      </c>
    </row>
    <row r="816" spans="1:11" ht="18.75" hidden="1" customHeight="1" thickBot="1">
      <c r="A816" s="59" t="s">
        <v>448</v>
      </c>
      <c r="B816" s="59" t="s">
        <v>28</v>
      </c>
      <c r="C816" s="59" t="s">
        <v>28</v>
      </c>
      <c r="D816" s="59" t="s">
        <v>370</v>
      </c>
      <c r="E816" s="59" t="s">
        <v>378</v>
      </c>
      <c r="F816" s="59" t="s">
        <v>449</v>
      </c>
      <c r="G816" s="59" t="s">
        <v>450</v>
      </c>
      <c r="H816" s="60">
        <v>20</v>
      </c>
      <c r="I816" s="60">
        <v>15</v>
      </c>
      <c r="J816" s="61">
        <v>0</v>
      </c>
      <c r="K816" s="61">
        <v>-22.43</v>
      </c>
    </row>
    <row r="817" spans="1:11" ht="18.75" hidden="1" customHeight="1" thickBot="1">
      <c r="A817" s="59" t="s">
        <v>448</v>
      </c>
      <c r="B817" s="59" t="s">
        <v>28</v>
      </c>
      <c r="C817" s="59" t="s">
        <v>28</v>
      </c>
      <c r="D817" s="59" t="s">
        <v>370</v>
      </c>
      <c r="E817" s="59" t="s">
        <v>378</v>
      </c>
      <c r="F817" s="59" t="s">
        <v>449</v>
      </c>
      <c r="G817" s="59" t="s">
        <v>450</v>
      </c>
      <c r="H817" s="60">
        <v>20</v>
      </c>
      <c r="I817" s="60">
        <v>22</v>
      </c>
      <c r="J817" s="61">
        <v>0</v>
      </c>
      <c r="K817" s="61">
        <v>-49.26</v>
      </c>
    </row>
    <row r="818" spans="1:11" ht="18.75" hidden="1" customHeight="1" thickBot="1">
      <c r="A818" s="59" t="s">
        <v>448</v>
      </c>
      <c r="B818" s="59" t="s">
        <v>28</v>
      </c>
      <c r="C818" s="59" t="s">
        <v>28</v>
      </c>
      <c r="D818" s="59" t="s">
        <v>370</v>
      </c>
      <c r="E818" s="59" t="s">
        <v>378</v>
      </c>
      <c r="F818" s="59" t="s">
        <v>449</v>
      </c>
      <c r="G818" s="59" t="s">
        <v>450</v>
      </c>
      <c r="H818" s="60">
        <v>20</v>
      </c>
      <c r="I818" s="60">
        <v>94</v>
      </c>
      <c r="J818" s="61">
        <v>0</v>
      </c>
      <c r="K818" s="61">
        <v>-20.68</v>
      </c>
    </row>
    <row r="819" spans="1:11" ht="18.75" hidden="1" customHeight="1" thickBot="1">
      <c r="A819" s="59" t="s">
        <v>448</v>
      </c>
      <c r="B819" s="59" t="s">
        <v>28</v>
      </c>
      <c r="C819" s="59" t="s">
        <v>28</v>
      </c>
      <c r="D819" s="59" t="s">
        <v>370</v>
      </c>
      <c r="E819" s="59" t="s">
        <v>378</v>
      </c>
      <c r="F819" s="59" t="s">
        <v>449</v>
      </c>
      <c r="G819" s="59" t="s">
        <v>450</v>
      </c>
      <c r="H819" s="60">
        <v>20</v>
      </c>
      <c r="I819" s="60">
        <v>97</v>
      </c>
      <c r="J819" s="61">
        <v>0</v>
      </c>
      <c r="K819" s="61">
        <v>-1.93</v>
      </c>
    </row>
    <row r="820" spans="1:11" ht="18.75" hidden="1" customHeight="1" thickBot="1">
      <c r="A820" s="59" t="s">
        <v>448</v>
      </c>
      <c r="B820" s="59" t="s">
        <v>28</v>
      </c>
      <c r="C820" s="59" t="s">
        <v>28</v>
      </c>
      <c r="D820" s="59" t="s">
        <v>370</v>
      </c>
      <c r="E820" s="59" t="s">
        <v>378</v>
      </c>
      <c r="F820" s="59" t="s">
        <v>449</v>
      </c>
      <c r="G820" s="59" t="s">
        <v>450</v>
      </c>
      <c r="H820" s="60">
        <v>20</v>
      </c>
      <c r="I820" s="60">
        <v>107</v>
      </c>
      <c r="J820" s="61">
        <v>0</v>
      </c>
      <c r="K820" s="61">
        <v>-9.56</v>
      </c>
    </row>
    <row r="821" spans="1:11" ht="18.75" hidden="1" customHeight="1" thickBot="1">
      <c r="A821" s="59" t="s">
        <v>448</v>
      </c>
      <c r="B821" s="59" t="s">
        <v>28</v>
      </c>
      <c r="C821" s="59" t="s">
        <v>28</v>
      </c>
      <c r="D821" s="59" t="s">
        <v>370</v>
      </c>
      <c r="E821" s="59" t="s">
        <v>378</v>
      </c>
      <c r="F821" s="59" t="s">
        <v>449</v>
      </c>
      <c r="G821" s="59" t="s">
        <v>450</v>
      </c>
      <c r="H821" s="60">
        <v>20</v>
      </c>
      <c r="I821" s="60">
        <v>109</v>
      </c>
      <c r="J821" s="61">
        <v>0</v>
      </c>
      <c r="K821" s="61">
        <v>-4.9800000000000004</v>
      </c>
    </row>
    <row r="822" spans="1:11" ht="18.75" hidden="1" customHeight="1" thickBot="1">
      <c r="A822" s="59" t="s">
        <v>448</v>
      </c>
      <c r="B822" s="59" t="s">
        <v>28</v>
      </c>
      <c r="C822" s="59" t="s">
        <v>28</v>
      </c>
      <c r="D822" s="59" t="s">
        <v>370</v>
      </c>
      <c r="E822" s="59" t="s">
        <v>378</v>
      </c>
      <c r="F822" s="59" t="s">
        <v>449</v>
      </c>
      <c r="G822" s="59" t="s">
        <v>450</v>
      </c>
      <c r="H822" s="60">
        <v>20</v>
      </c>
      <c r="I822" s="60">
        <v>113</v>
      </c>
      <c r="J822" s="61">
        <v>0</v>
      </c>
      <c r="K822" s="61">
        <v>-10.220000000000001</v>
      </c>
    </row>
    <row r="823" spans="1:11" ht="18.75" hidden="1" customHeight="1" thickBot="1">
      <c r="A823" s="59" t="s">
        <v>448</v>
      </c>
      <c r="B823" s="59" t="s">
        <v>28</v>
      </c>
      <c r="C823" s="59" t="s">
        <v>28</v>
      </c>
      <c r="D823" s="59" t="s">
        <v>370</v>
      </c>
      <c r="E823" s="59" t="s">
        <v>378</v>
      </c>
      <c r="F823" s="59" t="s">
        <v>449</v>
      </c>
      <c r="G823" s="59" t="s">
        <v>450</v>
      </c>
      <c r="H823" s="60">
        <v>20</v>
      </c>
      <c r="I823" s="60">
        <v>150</v>
      </c>
      <c r="J823" s="61">
        <v>0</v>
      </c>
      <c r="K823" s="61">
        <v>-3.13</v>
      </c>
    </row>
    <row r="824" spans="1:11" ht="18.75" hidden="1" customHeight="1" thickBot="1">
      <c r="A824" s="59" t="s">
        <v>448</v>
      </c>
      <c r="B824" s="59" t="s">
        <v>28</v>
      </c>
      <c r="C824" s="59" t="s">
        <v>28</v>
      </c>
      <c r="D824" s="59" t="s">
        <v>370</v>
      </c>
      <c r="E824" s="59" t="s">
        <v>378</v>
      </c>
      <c r="F824" s="59" t="s">
        <v>449</v>
      </c>
      <c r="G824" s="59" t="s">
        <v>450</v>
      </c>
      <c r="H824" s="60">
        <v>211</v>
      </c>
      <c r="I824" s="60">
        <v>93</v>
      </c>
      <c r="J824" s="61">
        <v>0</v>
      </c>
      <c r="K824" s="61">
        <v>-2.76</v>
      </c>
    </row>
    <row r="825" spans="1:11" ht="18.75" hidden="1" customHeight="1" thickBot="1">
      <c r="A825" s="59" t="s">
        <v>448</v>
      </c>
      <c r="B825" s="59" t="s">
        <v>28</v>
      </c>
      <c r="C825" s="59" t="s">
        <v>28</v>
      </c>
      <c r="D825" s="59" t="s">
        <v>370</v>
      </c>
      <c r="E825" s="59" t="s">
        <v>378</v>
      </c>
      <c r="F825" s="59" t="s">
        <v>449</v>
      </c>
      <c r="G825" s="59" t="s">
        <v>450</v>
      </c>
      <c r="H825" s="60">
        <v>211</v>
      </c>
      <c r="I825" s="60">
        <v>94</v>
      </c>
      <c r="J825" s="61">
        <v>0</v>
      </c>
      <c r="K825" s="61">
        <v>-25.16</v>
      </c>
    </row>
    <row r="826" spans="1:11" ht="18.75" hidden="1" customHeight="1" thickBot="1">
      <c r="A826" s="59" t="s">
        <v>448</v>
      </c>
      <c r="B826" s="59" t="s">
        <v>28</v>
      </c>
      <c r="C826" s="59" t="s">
        <v>28</v>
      </c>
      <c r="D826" s="59" t="s">
        <v>370</v>
      </c>
      <c r="E826" s="59" t="s">
        <v>378</v>
      </c>
      <c r="F826" s="59" t="s">
        <v>449</v>
      </c>
      <c r="G826" s="59" t="s">
        <v>450</v>
      </c>
      <c r="H826" s="60">
        <v>211</v>
      </c>
      <c r="I826" s="60">
        <v>97</v>
      </c>
      <c r="J826" s="61">
        <v>0</v>
      </c>
      <c r="K826" s="61">
        <v>-31.85</v>
      </c>
    </row>
    <row r="827" spans="1:11" ht="18.75" hidden="1" customHeight="1" thickBot="1">
      <c r="A827" s="59" t="s">
        <v>448</v>
      </c>
      <c r="B827" s="59" t="s">
        <v>28</v>
      </c>
      <c r="C827" s="59" t="s">
        <v>28</v>
      </c>
      <c r="D827" s="59" t="s">
        <v>370</v>
      </c>
      <c r="E827" s="59" t="s">
        <v>378</v>
      </c>
      <c r="F827" s="59" t="s">
        <v>449</v>
      </c>
      <c r="G827" s="59" t="s">
        <v>450</v>
      </c>
      <c r="H827" s="60">
        <v>211</v>
      </c>
      <c r="I827" s="60">
        <v>98</v>
      </c>
      <c r="J827" s="61">
        <v>0</v>
      </c>
      <c r="K827" s="61">
        <v>-8.2200000000000006</v>
      </c>
    </row>
    <row r="828" spans="1:11" ht="18.75" hidden="1" customHeight="1" thickBot="1">
      <c r="A828" s="59" t="s">
        <v>448</v>
      </c>
      <c r="B828" s="59" t="s">
        <v>28</v>
      </c>
      <c r="C828" s="59" t="s">
        <v>28</v>
      </c>
      <c r="D828" s="59" t="s">
        <v>370</v>
      </c>
      <c r="E828" s="59" t="s">
        <v>378</v>
      </c>
      <c r="F828" s="59" t="s">
        <v>449</v>
      </c>
      <c r="G828" s="59" t="s">
        <v>450</v>
      </c>
      <c r="H828" s="60">
        <v>211</v>
      </c>
      <c r="I828" s="60">
        <v>107</v>
      </c>
      <c r="J828" s="61">
        <v>0</v>
      </c>
      <c r="K828" s="61">
        <v>-43.46</v>
      </c>
    </row>
    <row r="829" spans="1:11" ht="18.75" hidden="1" customHeight="1" thickBot="1">
      <c r="A829" s="59" t="s">
        <v>448</v>
      </c>
      <c r="B829" s="59" t="s">
        <v>28</v>
      </c>
      <c r="C829" s="59" t="s">
        <v>28</v>
      </c>
      <c r="D829" s="59" t="s">
        <v>370</v>
      </c>
      <c r="E829" s="59" t="s">
        <v>378</v>
      </c>
      <c r="F829" s="59" t="s">
        <v>449</v>
      </c>
      <c r="G829" s="59" t="s">
        <v>450</v>
      </c>
      <c r="H829" s="60">
        <v>211</v>
      </c>
      <c r="I829" s="60">
        <v>109</v>
      </c>
      <c r="J829" s="61">
        <v>0</v>
      </c>
      <c r="K829" s="61">
        <v>-212.15</v>
      </c>
    </row>
    <row r="830" spans="1:11" ht="18.75" hidden="1" customHeight="1" thickBot="1">
      <c r="A830" s="59" t="s">
        <v>448</v>
      </c>
      <c r="B830" s="59" t="s">
        <v>28</v>
      </c>
      <c r="C830" s="59" t="s">
        <v>28</v>
      </c>
      <c r="D830" s="59" t="s">
        <v>370</v>
      </c>
      <c r="E830" s="59" t="s">
        <v>378</v>
      </c>
      <c r="F830" s="59" t="s">
        <v>449</v>
      </c>
      <c r="G830" s="59" t="s">
        <v>450</v>
      </c>
      <c r="H830" s="60">
        <v>211</v>
      </c>
      <c r="I830" s="60">
        <v>111</v>
      </c>
      <c r="J830" s="61">
        <v>0</v>
      </c>
      <c r="K830" s="61">
        <v>-0.15</v>
      </c>
    </row>
    <row r="831" spans="1:11" ht="18.75" hidden="1" customHeight="1" thickBot="1">
      <c r="A831" s="59" t="s">
        <v>448</v>
      </c>
      <c r="B831" s="59" t="s">
        <v>28</v>
      </c>
      <c r="C831" s="59" t="s">
        <v>28</v>
      </c>
      <c r="D831" s="59" t="s">
        <v>370</v>
      </c>
      <c r="E831" s="59" t="s">
        <v>378</v>
      </c>
      <c r="F831" s="59" t="s">
        <v>449</v>
      </c>
      <c r="G831" s="59" t="s">
        <v>450</v>
      </c>
      <c r="H831" s="60">
        <v>211</v>
      </c>
      <c r="I831" s="60">
        <v>113</v>
      </c>
      <c r="J831" s="61">
        <v>0</v>
      </c>
      <c r="K831" s="61">
        <v>-48.15</v>
      </c>
    </row>
    <row r="832" spans="1:11" ht="18.75" hidden="1" customHeight="1" thickBot="1">
      <c r="A832" s="59" t="s">
        <v>448</v>
      </c>
      <c r="B832" s="59" t="s">
        <v>28</v>
      </c>
      <c r="C832" s="59" t="s">
        <v>28</v>
      </c>
      <c r="D832" s="59" t="s">
        <v>370</v>
      </c>
      <c r="E832" s="59" t="s">
        <v>378</v>
      </c>
      <c r="F832" s="59" t="s">
        <v>449</v>
      </c>
      <c r="G832" s="59" t="s">
        <v>450</v>
      </c>
      <c r="H832" s="60">
        <v>211</v>
      </c>
      <c r="I832" s="60">
        <v>116</v>
      </c>
      <c r="J832" s="61">
        <v>0</v>
      </c>
      <c r="K832" s="61">
        <v>-11.92</v>
      </c>
    </row>
    <row r="833" spans="1:11" ht="18.75" hidden="1" customHeight="1" thickBot="1">
      <c r="A833" s="59" t="s">
        <v>448</v>
      </c>
      <c r="B833" s="59" t="s">
        <v>28</v>
      </c>
      <c r="C833" s="59" t="s">
        <v>28</v>
      </c>
      <c r="D833" s="59" t="s">
        <v>370</v>
      </c>
      <c r="E833" s="59" t="s">
        <v>378</v>
      </c>
      <c r="F833" s="59" t="s">
        <v>449</v>
      </c>
      <c r="G833" s="59" t="s">
        <v>450</v>
      </c>
      <c r="H833" s="60">
        <v>211</v>
      </c>
      <c r="I833" s="60">
        <v>131</v>
      </c>
      <c r="J833" s="61">
        <v>0</v>
      </c>
      <c r="K833" s="61">
        <v>-28.11</v>
      </c>
    </row>
    <row r="834" spans="1:11" ht="18.75" hidden="1" customHeight="1" thickBot="1">
      <c r="A834" s="59" t="s">
        <v>448</v>
      </c>
      <c r="B834" s="59" t="s">
        <v>28</v>
      </c>
      <c r="C834" s="59" t="s">
        <v>28</v>
      </c>
      <c r="D834" s="59" t="s">
        <v>370</v>
      </c>
      <c r="E834" s="59" t="s">
        <v>378</v>
      </c>
      <c r="F834" s="59" t="s">
        <v>449</v>
      </c>
      <c r="G834" s="59" t="s">
        <v>450</v>
      </c>
      <c r="H834" s="60">
        <v>211</v>
      </c>
      <c r="I834" s="60">
        <v>150</v>
      </c>
      <c r="J834" s="61">
        <v>0</v>
      </c>
      <c r="K834" s="61">
        <v>-1.94</v>
      </c>
    </row>
    <row r="835" spans="1:11" ht="18.75" hidden="1" customHeight="1" thickBot="1">
      <c r="A835" s="59" t="s">
        <v>448</v>
      </c>
      <c r="B835" s="59" t="s">
        <v>28</v>
      </c>
      <c r="C835" s="59" t="s">
        <v>28</v>
      </c>
      <c r="D835" s="59" t="s">
        <v>370</v>
      </c>
      <c r="E835" s="59" t="s">
        <v>378</v>
      </c>
      <c r="F835" s="59" t="s">
        <v>449</v>
      </c>
      <c r="G835" s="59" t="s">
        <v>450</v>
      </c>
      <c r="H835" s="60">
        <v>211</v>
      </c>
      <c r="I835" s="60">
        <v>204</v>
      </c>
      <c r="J835" s="61">
        <v>0</v>
      </c>
      <c r="K835" s="61">
        <v>-54.9</v>
      </c>
    </row>
    <row r="836" spans="1:11" ht="18.75" hidden="1" customHeight="1" thickBot="1">
      <c r="A836" s="59" t="s">
        <v>448</v>
      </c>
      <c r="B836" s="59" t="s">
        <v>28</v>
      </c>
      <c r="C836" s="59" t="s">
        <v>28</v>
      </c>
      <c r="D836" s="59" t="s">
        <v>370</v>
      </c>
      <c r="E836" s="59" t="s">
        <v>378</v>
      </c>
      <c r="F836" s="59" t="s">
        <v>449</v>
      </c>
      <c r="G836" s="59" t="s">
        <v>450</v>
      </c>
      <c r="H836" s="60">
        <v>211</v>
      </c>
      <c r="I836" s="60">
        <v>211</v>
      </c>
      <c r="J836" s="61">
        <v>0</v>
      </c>
      <c r="K836" s="61">
        <v>-5286.66</v>
      </c>
    </row>
    <row r="837" spans="1:11" ht="18.75" hidden="1" customHeight="1" thickBot="1">
      <c r="A837" s="59" t="s">
        <v>448</v>
      </c>
      <c r="B837" s="59" t="s">
        <v>28</v>
      </c>
      <c r="C837" s="59" t="s">
        <v>28</v>
      </c>
      <c r="D837" s="59" t="s">
        <v>370</v>
      </c>
      <c r="E837" s="59" t="s">
        <v>378</v>
      </c>
      <c r="F837" s="59" t="s">
        <v>449</v>
      </c>
      <c r="G837" s="59" t="s">
        <v>450</v>
      </c>
      <c r="H837" s="60">
        <v>211</v>
      </c>
      <c r="I837" s="60">
        <v>213</v>
      </c>
      <c r="J837" s="61">
        <v>0</v>
      </c>
      <c r="K837" s="61">
        <v>-89.82</v>
      </c>
    </row>
    <row r="838" spans="1:11" ht="18.75" hidden="1" customHeight="1" thickBot="1">
      <c r="A838" s="59" t="s">
        <v>448</v>
      </c>
      <c r="B838" s="59" t="s">
        <v>28</v>
      </c>
      <c r="C838" s="59" t="s">
        <v>28</v>
      </c>
      <c r="D838" s="59" t="s">
        <v>370</v>
      </c>
      <c r="E838" s="59" t="s">
        <v>378</v>
      </c>
      <c r="F838" s="59" t="s">
        <v>449</v>
      </c>
      <c r="G838" s="59" t="s">
        <v>450</v>
      </c>
      <c r="H838" s="60">
        <v>211</v>
      </c>
      <c r="I838" s="60">
        <v>215</v>
      </c>
      <c r="J838" s="61">
        <v>0</v>
      </c>
      <c r="K838" s="61">
        <v>-11302.4</v>
      </c>
    </row>
    <row r="839" spans="1:11" ht="18.75" hidden="1" customHeight="1" thickBot="1">
      <c r="A839" s="59" t="s">
        <v>448</v>
      </c>
      <c r="B839" s="59" t="s">
        <v>28</v>
      </c>
      <c r="C839" s="59" t="s">
        <v>28</v>
      </c>
      <c r="D839" s="59" t="s">
        <v>370</v>
      </c>
      <c r="E839" s="59" t="s">
        <v>378</v>
      </c>
      <c r="F839" s="59" t="s">
        <v>449</v>
      </c>
      <c r="G839" s="59" t="s">
        <v>450</v>
      </c>
      <c r="H839" s="60">
        <v>211</v>
      </c>
      <c r="I839" s="60">
        <v>217</v>
      </c>
      <c r="J839" s="61">
        <v>0</v>
      </c>
      <c r="K839" s="61">
        <v>-108.6</v>
      </c>
    </row>
    <row r="840" spans="1:11" ht="18.75" hidden="1" customHeight="1" thickBot="1">
      <c r="A840" s="59" t="s">
        <v>448</v>
      </c>
      <c r="B840" s="59" t="s">
        <v>28</v>
      </c>
      <c r="C840" s="59" t="s">
        <v>28</v>
      </c>
      <c r="D840" s="59" t="s">
        <v>370</v>
      </c>
      <c r="E840" s="59" t="s">
        <v>378</v>
      </c>
      <c r="F840" s="59" t="s">
        <v>449</v>
      </c>
      <c r="G840" s="59" t="s">
        <v>450</v>
      </c>
      <c r="H840" s="60">
        <v>211</v>
      </c>
      <c r="I840" s="60">
        <v>227</v>
      </c>
      <c r="J840" s="61">
        <v>0</v>
      </c>
      <c r="K840" s="61">
        <v>-251.37</v>
      </c>
    </row>
    <row r="841" spans="1:11" ht="18.75" hidden="1" customHeight="1" thickBot="1">
      <c r="A841" s="59" t="s">
        <v>448</v>
      </c>
      <c r="B841" s="59" t="s">
        <v>28</v>
      </c>
      <c r="C841" s="59" t="s">
        <v>28</v>
      </c>
      <c r="D841" s="59" t="s">
        <v>370</v>
      </c>
      <c r="E841" s="59" t="s">
        <v>378</v>
      </c>
      <c r="F841" s="59" t="s">
        <v>449</v>
      </c>
      <c r="G841" s="59" t="s">
        <v>450</v>
      </c>
      <c r="H841" s="60">
        <v>211</v>
      </c>
      <c r="I841" s="60">
        <v>229</v>
      </c>
      <c r="J841" s="61">
        <v>0</v>
      </c>
      <c r="K841" s="61">
        <v>-706.7</v>
      </c>
    </row>
    <row r="842" spans="1:11" ht="18.75" hidden="1" customHeight="1" thickBot="1">
      <c r="A842" s="59" t="s">
        <v>448</v>
      </c>
      <c r="B842" s="59" t="s">
        <v>28</v>
      </c>
      <c r="C842" s="59" t="s">
        <v>28</v>
      </c>
      <c r="D842" s="59" t="s">
        <v>370</v>
      </c>
      <c r="E842" s="59" t="s">
        <v>378</v>
      </c>
      <c r="F842" s="59" t="s">
        <v>449</v>
      </c>
      <c r="G842" s="59" t="s">
        <v>450</v>
      </c>
      <c r="H842" s="60">
        <v>211</v>
      </c>
      <c r="I842" s="60">
        <v>240</v>
      </c>
      <c r="J842" s="61">
        <v>0</v>
      </c>
      <c r="K842" s="61">
        <v>-5594.43</v>
      </c>
    </row>
    <row r="843" spans="1:11" ht="18.75" hidden="1" customHeight="1" thickBot="1">
      <c r="A843" s="59" t="s">
        <v>448</v>
      </c>
      <c r="B843" s="59" t="s">
        <v>28</v>
      </c>
      <c r="C843" s="59" t="s">
        <v>28</v>
      </c>
      <c r="D843" s="59" t="s">
        <v>370</v>
      </c>
      <c r="E843" s="59" t="s">
        <v>378</v>
      </c>
      <c r="F843" s="59" t="s">
        <v>449</v>
      </c>
      <c r="G843" s="59" t="s">
        <v>450</v>
      </c>
      <c r="H843" s="60">
        <v>211</v>
      </c>
      <c r="I843" s="60">
        <v>244</v>
      </c>
      <c r="J843" s="61">
        <v>0</v>
      </c>
      <c r="K843" s="61">
        <v>-909.71</v>
      </c>
    </row>
    <row r="844" spans="1:11" ht="18.75" hidden="1" customHeight="1" thickBot="1">
      <c r="A844" s="59" t="s">
        <v>448</v>
      </c>
      <c r="B844" s="59" t="s">
        <v>28</v>
      </c>
      <c r="C844" s="59" t="s">
        <v>28</v>
      </c>
      <c r="D844" s="59" t="s">
        <v>370</v>
      </c>
      <c r="E844" s="59" t="s">
        <v>378</v>
      </c>
      <c r="F844" s="59" t="s">
        <v>449</v>
      </c>
      <c r="G844" s="59" t="s">
        <v>450</v>
      </c>
      <c r="H844" s="60">
        <v>211</v>
      </c>
      <c r="I844" s="60">
        <v>359</v>
      </c>
      <c r="J844" s="61">
        <v>0</v>
      </c>
      <c r="K844" s="61">
        <v>-10032.049999999999</v>
      </c>
    </row>
    <row r="845" spans="1:11" ht="18.75" hidden="1" customHeight="1" thickBot="1">
      <c r="A845" s="59" t="s">
        <v>448</v>
      </c>
      <c r="B845" s="59" t="s">
        <v>28</v>
      </c>
      <c r="C845" s="59" t="s">
        <v>28</v>
      </c>
      <c r="D845" s="59" t="s">
        <v>370</v>
      </c>
      <c r="E845" s="59" t="s">
        <v>378</v>
      </c>
      <c r="F845" s="59" t="s">
        <v>449</v>
      </c>
      <c r="G845" s="59" t="s">
        <v>450</v>
      </c>
      <c r="H845" s="60">
        <v>212</v>
      </c>
      <c r="I845" s="60">
        <v>94</v>
      </c>
      <c r="J845" s="61">
        <v>0</v>
      </c>
      <c r="K845" s="61">
        <v>-4.4800000000000004</v>
      </c>
    </row>
    <row r="846" spans="1:11" ht="18.75" hidden="1" customHeight="1" thickBot="1">
      <c r="A846" s="59" t="s">
        <v>448</v>
      </c>
      <c r="B846" s="59" t="s">
        <v>28</v>
      </c>
      <c r="C846" s="59" t="s">
        <v>28</v>
      </c>
      <c r="D846" s="59" t="s">
        <v>370</v>
      </c>
      <c r="E846" s="59" t="s">
        <v>378</v>
      </c>
      <c r="F846" s="59" t="s">
        <v>449</v>
      </c>
      <c r="G846" s="59" t="s">
        <v>450</v>
      </c>
      <c r="H846" s="60">
        <v>212</v>
      </c>
      <c r="I846" s="60">
        <v>97</v>
      </c>
      <c r="J846" s="61">
        <v>0</v>
      </c>
      <c r="K846" s="61">
        <v>-4.8</v>
      </c>
    </row>
    <row r="847" spans="1:11" ht="18.75" hidden="1" customHeight="1" thickBot="1">
      <c r="A847" s="59" t="s">
        <v>448</v>
      </c>
      <c r="B847" s="59" t="s">
        <v>28</v>
      </c>
      <c r="C847" s="59" t="s">
        <v>28</v>
      </c>
      <c r="D847" s="59" t="s">
        <v>370</v>
      </c>
      <c r="E847" s="59" t="s">
        <v>378</v>
      </c>
      <c r="F847" s="59" t="s">
        <v>449</v>
      </c>
      <c r="G847" s="59" t="s">
        <v>450</v>
      </c>
      <c r="H847" s="60">
        <v>212</v>
      </c>
      <c r="I847" s="60">
        <v>107</v>
      </c>
      <c r="J847" s="61">
        <v>0</v>
      </c>
      <c r="K847" s="61">
        <v>-3.4</v>
      </c>
    </row>
    <row r="848" spans="1:11" ht="18.75" hidden="1" customHeight="1" thickBot="1">
      <c r="A848" s="59" t="s">
        <v>448</v>
      </c>
      <c r="B848" s="59" t="s">
        <v>28</v>
      </c>
      <c r="C848" s="59" t="s">
        <v>28</v>
      </c>
      <c r="D848" s="59" t="s">
        <v>370</v>
      </c>
      <c r="E848" s="59" t="s">
        <v>378</v>
      </c>
      <c r="F848" s="59" t="s">
        <v>449</v>
      </c>
      <c r="G848" s="59" t="s">
        <v>450</v>
      </c>
      <c r="H848" s="60">
        <v>212</v>
      </c>
      <c r="I848" s="60">
        <v>109</v>
      </c>
      <c r="J848" s="61">
        <v>0</v>
      </c>
      <c r="K848" s="61">
        <v>-50.2</v>
      </c>
    </row>
    <row r="849" spans="1:11" ht="18.75" hidden="1" customHeight="1" thickBot="1">
      <c r="A849" s="59" t="s">
        <v>448</v>
      </c>
      <c r="B849" s="59" t="s">
        <v>28</v>
      </c>
      <c r="C849" s="59" t="s">
        <v>28</v>
      </c>
      <c r="D849" s="59" t="s">
        <v>370</v>
      </c>
      <c r="E849" s="59" t="s">
        <v>378</v>
      </c>
      <c r="F849" s="59" t="s">
        <v>449</v>
      </c>
      <c r="G849" s="59" t="s">
        <v>450</v>
      </c>
      <c r="H849" s="60">
        <v>212</v>
      </c>
      <c r="I849" s="60">
        <v>113</v>
      </c>
      <c r="J849" s="61">
        <v>0</v>
      </c>
      <c r="K849" s="61">
        <v>-8.41</v>
      </c>
    </row>
    <row r="850" spans="1:11" ht="18.75" hidden="1" customHeight="1" thickBot="1">
      <c r="A850" s="59" t="s">
        <v>448</v>
      </c>
      <c r="B850" s="59" t="s">
        <v>28</v>
      </c>
      <c r="C850" s="59" t="s">
        <v>28</v>
      </c>
      <c r="D850" s="59" t="s">
        <v>370</v>
      </c>
      <c r="E850" s="59" t="s">
        <v>378</v>
      </c>
      <c r="F850" s="59" t="s">
        <v>449</v>
      </c>
      <c r="G850" s="59" t="s">
        <v>450</v>
      </c>
      <c r="H850" s="60">
        <v>212</v>
      </c>
      <c r="I850" s="60">
        <v>150</v>
      </c>
      <c r="J850" s="61">
        <v>0</v>
      </c>
      <c r="K850" s="61">
        <v>-0.96</v>
      </c>
    </row>
    <row r="851" spans="1:11" ht="18.75" hidden="1" customHeight="1" thickBot="1">
      <c r="A851" s="59" t="s">
        <v>448</v>
      </c>
      <c r="B851" s="59" t="s">
        <v>28</v>
      </c>
      <c r="C851" s="59" t="s">
        <v>28</v>
      </c>
      <c r="D851" s="59" t="s">
        <v>370</v>
      </c>
      <c r="E851" s="59" t="s">
        <v>378</v>
      </c>
      <c r="F851" s="59" t="s">
        <v>449</v>
      </c>
      <c r="G851" s="59" t="s">
        <v>450</v>
      </c>
      <c r="H851" s="60">
        <v>212</v>
      </c>
      <c r="I851" s="60">
        <v>211</v>
      </c>
      <c r="J851" s="61">
        <v>0</v>
      </c>
      <c r="K851" s="61">
        <v>-1123.01</v>
      </c>
    </row>
    <row r="852" spans="1:11" ht="18.75" hidden="1" customHeight="1" thickBot="1">
      <c r="A852" s="59" t="s">
        <v>448</v>
      </c>
      <c r="B852" s="59" t="s">
        <v>28</v>
      </c>
      <c r="C852" s="59" t="s">
        <v>28</v>
      </c>
      <c r="D852" s="59" t="s">
        <v>370</v>
      </c>
      <c r="E852" s="59" t="s">
        <v>378</v>
      </c>
      <c r="F852" s="59" t="s">
        <v>449</v>
      </c>
      <c r="G852" s="59" t="s">
        <v>450</v>
      </c>
      <c r="H852" s="60">
        <v>212</v>
      </c>
      <c r="I852" s="60">
        <v>215</v>
      </c>
      <c r="J852" s="61">
        <v>0</v>
      </c>
      <c r="K852" s="61">
        <v>-6558.5</v>
      </c>
    </row>
    <row r="853" spans="1:11" ht="18.75" hidden="1" customHeight="1" thickBot="1">
      <c r="A853" s="59" t="s">
        <v>448</v>
      </c>
      <c r="B853" s="59" t="s">
        <v>28</v>
      </c>
      <c r="C853" s="59" t="s">
        <v>28</v>
      </c>
      <c r="D853" s="59" t="s">
        <v>370</v>
      </c>
      <c r="E853" s="59" t="s">
        <v>378</v>
      </c>
      <c r="F853" s="59" t="s">
        <v>449</v>
      </c>
      <c r="G853" s="59" t="s">
        <v>450</v>
      </c>
      <c r="H853" s="60">
        <v>212</v>
      </c>
      <c r="I853" s="60">
        <v>223</v>
      </c>
      <c r="J853" s="61">
        <v>0</v>
      </c>
      <c r="K853" s="61">
        <v>-81.72</v>
      </c>
    </row>
    <row r="854" spans="1:11" ht="18.75" hidden="1" customHeight="1" thickBot="1">
      <c r="A854" s="59" t="s">
        <v>448</v>
      </c>
      <c r="B854" s="59" t="s">
        <v>28</v>
      </c>
      <c r="C854" s="59" t="s">
        <v>28</v>
      </c>
      <c r="D854" s="59" t="s">
        <v>370</v>
      </c>
      <c r="E854" s="59" t="s">
        <v>378</v>
      </c>
      <c r="F854" s="59" t="s">
        <v>449</v>
      </c>
      <c r="G854" s="59" t="s">
        <v>450</v>
      </c>
      <c r="H854" s="60">
        <v>212</v>
      </c>
      <c r="I854" s="60">
        <v>225</v>
      </c>
      <c r="J854" s="61">
        <v>0</v>
      </c>
      <c r="K854" s="61">
        <v>-82.04</v>
      </c>
    </row>
    <row r="855" spans="1:11" ht="18.75" hidden="1" customHeight="1" thickBot="1">
      <c r="A855" s="59" t="s">
        <v>448</v>
      </c>
      <c r="B855" s="59" t="s">
        <v>28</v>
      </c>
      <c r="C855" s="59" t="s">
        <v>28</v>
      </c>
      <c r="D855" s="59" t="s">
        <v>370</v>
      </c>
      <c r="E855" s="59" t="s">
        <v>378</v>
      </c>
      <c r="F855" s="59" t="s">
        <v>449</v>
      </c>
      <c r="G855" s="59" t="s">
        <v>450</v>
      </c>
      <c r="H855" s="60">
        <v>212</v>
      </c>
      <c r="I855" s="60">
        <v>227</v>
      </c>
      <c r="J855" s="61">
        <v>0</v>
      </c>
      <c r="K855" s="61">
        <v>-269.8</v>
      </c>
    </row>
    <row r="856" spans="1:11" ht="18.75" hidden="1" customHeight="1" thickBot="1">
      <c r="A856" s="59" t="s">
        <v>448</v>
      </c>
      <c r="B856" s="59" t="s">
        <v>28</v>
      </c>
      <c r="C856" s="59" t="s">
        <v>28</v>
      </c>
      <c r="D856" s="59" t="s">
        <v>370</v>
      </c>
      <c r="E856" s="59" t="s">
        <v>378</v>
      </c>
      <c r="F856" s="59" t="s">
        <v>449</v>
      </c>
      <c r="G856" s="59" t="s">
        <v>450</v>
      </c>
      <c r="H856" s="60">
        <v>212</v>
      </c>
      <c r="I856" s="60">
        <v>229</v>
      </c>
      <c r="J856" s="61">
        <v>0</v>
      </c>
      <c r="K856" s="61">
        <v>-81.290000000000006</v>
      </c>
    </row>
    <row r="857" spans="1:11" ht="18.75" hidden="1" customHeight="1" thickBot="1">
      <c r="A857" s="59" t="s">
        <v>448</v>
      </c>
      <c r="B857" s="59" t="s">
        <v>28</v>
      </c>
      <c r="C857" s="59" t="s">
        <v>28</v>
      </c>
      <c r="D857" s="59" t="s">
        <v>370</v>
      </c>
      <c r="E857" s="59" t="s">
        <v>378</v>
      </c>
      <c r="F857" s="59" t="s">
        <v>449</v>
      </c>
      <c r="G857" s="59" t="s">
        <v>450</v>
      </c>
      <c r="H857" s="60">
        <v>212</v>
      </c>
      <c r="I857" s="60">
        <v>240</v>
      </c>
      <c r="J857" s="61">
        <v>0</v>
      </c>
      <c r="K857" s="61">
        <v>-4451</v>
      </c>
    </row>
    <row r="858" spans="1:11" ht="18.75" hidden="1" customHeight="1" thickBot="1">
      <c r="A858" s="59" t="s">
        <v>448</v>
      </c>
      <c r="B858" s="59" t="s">
        <v>28</v>
      </c>
      <c r="C858" s="59" t="s">
        <v>28</v>
      </c>
      <c r="D858" s="59" t="s">
        <v>370</v>
      </c>
      <c r="E858" s="59" t="s">
        <v>378</v>
      </c>
      <c r="F858" s="59" t="s">
        <v>449</v>
      </c>
      <c r="G858" s="59" t="s">
        <v>450</v>
      </c>
      <c r="H858" s="60">
        <v>212</v>
      </c>
      <c r="I858" s="60">
        <v>244</v>
      </c>
      <c r="J858" s="61">
        <v>0</v>
      </c>
      <c r="K858" s="61">
        <v>-1296.07</v>
      </c>
    </row>
    <row r="859" spans="1:11" ht="18.75" hidden="1" customHeight="1" thickBot="1">
      <c r="A859" s="59" t="s">
        <v>448</v>
      </c>
      <c r="B859" s="59" t="s">
        <v>28</v>
      </c>
      <c r="C859" s="59" t="s">
        <v>28</v>
      </c>
      <c r="D859" s="59" t="s">
        <v>370</v>
      </c>
      <c r="E859" s="59" t="s">
        <v>378</v>
      </c>
      <c r="F859" s="59" t="s">
        <v>449</v>
      </c>
      <c r="G859" s="59" t="s">
        <v>450</v>
      </c>
      <c r="H859" s="60">
        <v>216</v>
      </c>
      <c r="I859" s="60">
        <v>94</v>
      </c>
      <c r="J859" s="61">
        <v>0</v>
      </c>
      <c r="K859" s="61">
        <v>-1.85</v>
      </c>
    </row>
    <row r="860" spans="1:11" ht="18.75" hidden="1" customHeight="1" thickBot="1">
      <c r="A860" s="59" t="s">
        <v>448</v>
      </c>
      <c r="B860" s="59" t="s">
        <v>28</v>
      </c>
      <c r="C860" s="59" t="s">
        <v>28</v>
      </c>
      <c r="D860" s="59" t="s">
        <v>370</v>
      </c>
      <c r="E860" s="59" t="s">
        <v>378</v>
      </c>
      <c r="F860" s="59" t="s">
        <v>449</v>
      </c>
      <c r="G860" s="59" t="s">
        <v>450</v>
      </c>
      <c r="H860" s="60">
        <v>216</v>
      </c>
      <c r="I860" s="60">
        <v>211</v>
      </c>
      <c r="J860" s="61">
        <v>0</v>
      </c>
      <c r="K860" s="61">
        <v>-35.97</v>
      </c>
    </row>
    <row r="861" spans="1:11" ht="18.75" hidden="1" customHeight="1" thickBot="1">
      <c r="A861" s="59" t="s">
        <v>448</v>
      </c>
      <c r="B861" s="59" t="s">
        <v>28</v>
      </c>
      <c r="C861" s="59" t="s">
        <v>28</v>
      </c>
      <c r="D861" s="59" t="s">
        <v>370</v>
      </c>
      <c r="E861" s="59" t="s">
        <v>378</v>
      </c>
      <c r="F861" s="59" t="s">
        <v>449</v>
      </c>
      <c r="G861" s="59" t="s">
        <v>450</v>
      </c>
      <c r="H861" s="60">
        <v>216</v>
      </c>
      <c r="I861" s="60">
        <v>215</v>
      </c>
      <c r="J861" s="61">
        <v>0</v>
      </c>
      <c r="K861" s="61">
        <v>-114.07</v>
      </c>
    </row>
    <row r="862" spans="1:11" ht="18.75" hidden="1" customHeight="1" thickBot="1">
      <c r="A862" s="59" t="s">
        <v>448</v>
      </c>
      <c r="B862" s="59" t="s">
        <v>28</v>
      </c>
      <c r="C862" s="59" t="s">
        <v>28</v>
      </c>
      <c r="D862" s="59" t="s">
        <v>370</v>
      </c>
      <c r="E862" s="59" t="s">
        <v>378</v>
      </c>
      <c r="F862" s="59" t="s">
        <v>449</v>
      </c>
      <c r="G862" s="59" t="s">
        <v>450</v>
      </c>
      <c r="H862" s="60">
        <v>216</v>
      </c>
      <c r="I862" s="60">
        <v>256</v>
      </c>
      <c r="J862" s="61">
        <v>0</v>
      </c>
      <c r="K862" s="61">
        <v>-1192.6300000000001</v>
      </c>
    </row>
    <row r="863" spans="1:11" ht="18.75" hidden="1" customHeight="1" thickBot="1">
      <c r="A863" s="59" t="s">
        <v>448</v>
      </c>
      <c r="B863" s="59" t="s">
        <v>28</v>
      </c>
      <c r="C863" s="59" t="s">
        <v>28</v>
      </c>
      <c r="D863" s="59" t="s">
        <v>370</v>
      </c>
      <c r="E863" s="59" t="s">
        <v>378</v>
      </c>
      <c r="F863" s="59" t="s">
        <v>449</v>
      </c>
      <c r="G863" s="59" t="s">
        <v>450</v>
      </c>
      <c r="H863" s="60">
        <v>221</v>
      </c>
      <c r="I863" s="60">
        <v>93</v>
      </c>
      <c r="J863" s="61">
        <v>0</v>
      </c>
      <c r="K863" s="61">
        <v>-0.9</v>
      </c>
    </row>
    <row r="864" spans="1:11" ht="18.75" hidden="1" customHeight="1" thickBot="1">
      <c r="A864" s="59" t="s">
        <v>448</v>
      </c>
      <c r="B864" s="59" t="s">
        <v>28</v>
      </c>
      <c r="C864" s="59" t="s">
        <v>28</v>
      </c>
      <c r="D864" s="59" t="s">
        <v>370</v>
      </c>
      <c r="E864" s="59" t="s">
        <v>378</v>
      </c>
      <c r="F864" s="59" t="s">
        <v>449</v>
      </c>
      <c r="G864" s="59" t="s">
        <v>450</v>
      </c>
      <c r="H864" s="60">
        <v>221</v>
      </c>
      <c r="I864" s="60">
        <v>94</v>
      </c>
      <c r="J864" s="61">
        <v>0</v>
      </c>
      <c r="K864" s="61">
        <v>-2.54</v>
      </c>
    </row>
    <row r="865" spans="1:11" ht="18.75" hidden="1" customHeight="1" thickBot="1">
      <c r="A865" s="59" t="s">
        <v>448</v>
      </c>
      <c r="B865" s="59" t="s">
        <v>28</v>
      </c>
      <c r="C865" s="59" t="s">
        <v>28</v>
      </c>
      <c r="D865" s="59" t="s">
        <v>370</v>
      </c>
      <c r="E865" s="59" t="s">
        <v>378</v>
      </c>
      <c r="F865" s="59" t="s">
        <v>449</v>
      </c>
      <c r="G865" s="59" t="s">
        <v>450</v>
      </c>
      <c r="H865" s="60">
        <v>221</v>
      </c>
      <c r="I865" s="60">
        <v>95</v>
      </c>
      <c r="J865" s="61">
        <v>0</v>
      </c>
      <c r="K865" s="61">
        <v>-4.84</v>
      </c>
    </row>
    <row r="866" spans="1:11" ht="18.75" hidden="1" customHeight="1" thickBot="1">
      <c r="A866" s="59" t="s">
        <v>448</v>
      </c>
      <c r="B866" s="59" t="s">
        <v>28</v>
      </c>
      <c r="C866" s="59" t="s">
        <v>28</v>
      </c>
      <c r="D866" s="59" t="s">
        <v>370</v>
      </c>
      <c r="E866" s="59" t="s">
        <v>378</v>
      </c>
      <c r="F866" s="59" t="s">
        <v>449</v>
      </c>
      <c r="G866" s="59" t="s">
        <v>450</v>
      </c>
      <c r="H866" s="60">
        <v>221</v>
      </c>
      <c r="I866" s="60">
        <v>97</v>
      </c>
      <c r="J866" s="61">
        <v>0</v>
      </c>
      <c r="K866" s="61">
        <v>-1.02</v>
      </c>
    </row>
    <row r="867" spans="1:11" ht="18.75" hidden="1" customHeight="1" thickBot="1">
      <c r="A867" s="59" t="s">
        <v>448</v>
      </c>
      <c r="B867" s="59" t="s">
        <v>28</v>
      </c>
      <c r="C867" s="59" t="s">
        <v>28</v>
      </c>
      <c r="D867" s="59" t="s">
        <v>370</v>
      </c>
      <c r="E867" s="59" t="s">
        <v>378</v>
      </c>
      <c r="F867" s="59" t="s">
        <v>449</v>
      </c>
      <c r="G867" s="59" t="s">
        <v>450</v>
      </c>
      <c r="H867" s="60">
        <v>221</v>
      </c>
      <c r="I867" s="60">
        <v>109</v>
      </c>
      <c r="J867" s="61">
        <v>0</v>
      </c>
      <c r="K867" s="61">
        <v>-37.49</v>
      </c>
    </row>
    <row r="868" spans="1:11" ht="18.75" hidden="1" customHeight="1" thickBot="1">
      <c r="A868" s="59" t="s">
        <v>448</v>
      </c>
      <c r="B868" s="59" t="s">
        <v>28</v>
      </c>
      <c r="C868" s="59" t="s">
        <v>28</v>
      </c>
      <c r="D868" s="59" t="s">
        <v>370</v>
      </c>
      <c r="E868" s="59" t="s">
        <v>378</v>
      </c>
      <c r="F868" s="59" t="s">
        <v>449</v>
      </c>
      <c r="G868" s="59" t="s">
        <v>450</v>
      </c>
      <c r="H868" s="60">
        <v>221</v>
      </c>
      <c r="I868" s="60">
        <v>113</v>
      </c>
      <c r="J868" s="61">
        <v>0</v>
      </c>
      <c r="K868" s="61">
        <v>-0.77</v>
      </c>
    </row>
    <row r="869" spans="1:11" ht="18.75" hidden="1" customHeight="1" thickBot="1">
      <c r="A869" s="59" t="s">
        <v>448</v>
      </c>
      <c r="B869" s="59" t="s">
        <v>28</v>
      </c>
      <c r="C869" s="59" t="s">
        <v>28</v>
      </c>
      <c r="D869" s="59" t="s">
        <v>370</v>
      </c>
      <c r="E869" s="59" t="s">
        <v>378</v>
      </c>
      <c r="F869" s="59" t="s">
        <v>449</v>
      </c>
      <c r="G869" s="59" t="s">
        <v>450</v>
      </c>
      <c r="H869" s="60">
        <v>221</v>
      </c>
      <c r="I869" s="60">
        <v>211</v>
      </c>
      <c r="J869" s="61">
        <v>0</v>
      </c>
      <c r="K869" s="61">
        <v>-406.26</v>
      </c>
    </row>
    <row r="870" spans="1:11" ht="18.75" hidden="1" customHeight="1" thickBot="1">
      <c r="A870" s="59" t="s">
        <v>448</v>
      </c>
      <c r="B870" s="59" t="s">
        <v>28</v>
      </c>
      <c r="C870" s="59" t="s">
        <v>28</v>
      </c>
      <c r="D870" s="59" t="s">
        <v>370</v>
      </c>
      <c r="E870" s="59" t="s">
        <v>378</v>
      </c>
      <c r="F870" s="59" t="s">
        <v>449</v>
      </c>
      <c r="G870" s="59" t="s">
        <v>450</v>
      </c>
      <c r="H870" s="60">
        <v>221</v>
      </c>
      <c r="I870" s="60">
        <v>215</v>
      </c>
      <c r="J870" s="61">
        <v>0</v>
      </c>
      <c r="K870" s="61">
        <v>-1952.76</v>
      </c>
    </row>
    <row r="871" spans="1:11" ht="18.75" hidden="1" customHeight="1" thickBot="1">
      <c r="A871" s="59" t="s">
        <v>448</v>
      </c>
      <c r="B871" s="59" t="s">
        <v>28</v>
      </c>
      <c r="C871" s="59" t="s">
        <v>28</v>
      </c>
      <c r="D871" s="59" t="s">
        <v>370</v>
      </c>
      <c r="E871" s="59" t="s">
        <v>378</v>
      </c>
      <c r="F871" s="59" t="s">
        <v>449</v>
      </c>
      <c r="G871" s="59" t="s">
        <v>450</v>
      </c>
      <c r="H871" s="60">
        <v>221</v>
      </c>
      <c r="I871" s="60">
        <v>240</v>
      </c>
      <c r="J871" s="61">
        <v>0</v>
      </c>
      <c r="K871" s="61">
        <v>-540.82000000000005</v>
      </c>
    </row>
    <row r="872" spans="1:11" ht="18.75" hidden="1" customHeight="1" thickBot="1">
      <c r="A872" s="59" t="s">
        <v>448</v>
      </c>
      <c r="B872" s="59" t="s">
        <v>28</v>
      </c>
      <c r="C872" s="59" t="s">
        <v>28</v>
      </c>
      <c r="D872" s="59" t="s">
        <v>370</v>
      </c>
      <c r="E872" s="59" t="s">
        <v>378</v>
      </c>
      <c r="F872" s="59" t="s">
        <v>449</v>
      </c>
      <c r="G872" s="59" t="s">
        <v>450</v>
      </c>
      <c r="H872" s="60">
        <v>221</v>
      </c>
      <c r="I872" s="60">
        <v>244</v>
      </c>
      <c r="J872" s="61">
        <v>0</v>
      </c>
      <c r="K872" s="61">
        <v>-667.89</v>
      </c>
    </row>
    <row r="873" spans="1:11" ht="18.75" hidden="1" customHeight="1" thickBot="1">
      <c r="A873" s="59" t="s">
        <v>448</v>
      </c>
      <c r="B873" s="59" t="s">
        <v>28</v>
      </c>
      <c r="C873" s="59" t="s">
        <v>28</v>
      </c>
      <c r="D873" s="59" t="s">
        <v>370</v>
      </c>
      <c r="E873" s="59" t="s">
        <v>378</v>
      </c>
      <c r="F873" s="59" t="s">
        <v>449</v>
      </c>
      <c r="G873" s="59" t="s">
        <v>450</v>
      </c>
      <c r="H873" s="60">
        <v>221</v>
      </c>
      <c r="I873" s="60">
        <v>358</v>
      </c>
      <c r="J873" s="61">
        <v>0</v>
      </c>
      <c r="K873" s="61">
        <v>-3632.62</v>
      </c>
    </row>
    <row r="874" spans="1:11" ht="18.75" hidden="1" customHeight="1" thickBot="1">
      <c r="A874" s="59" t="s">
        <v>448</v>
      </c>
      <c r="B874" s="59" t="s">
        <v>28</v>
      </c>
      <c r="C874" s="59" t="s">
        <v>28</v>
      </c>
      <c r="D874" s="59" t="s">
        <v>370</v>
      </c>
      <c r="E874" s="59" t="s">
        <v>378</v>
      </c>
      <c r="F874" s="59" t="s">
        <v>449</v>
      </c>
      <c r="G874" s="59" t="s">
        <v>450</v>
      </c>
      <c r="H874" s="60">
        <v>221</v>
      </c>
      <c r="I874" s="60">
        <v>360</v>
      </c>
      <c r="J874" s="61">
        <v>0</v>
      </c>
      <c r="K874" s="61">
        <v>-6150.02</v>
      </c>
    </row>
    <row r="875" spans="1:11" ht="18.75" hidden="1" customHeight="1" thickBot="1">
      <c r="A875" s="59" t="s">
        <v>448</v>
      </c>
      <c r="B875" s="59" t="s">
        <v>28</v>
      </c>
      <c r="C875" s="59" t="s">
        <v>28</v>
      </c>
      <c r="D875" s="59" t="s">
        <v>370</v>
      </c>
      <c r="E875" s="59" t="s">
        <v>378</v>
      </c>
      <c r="F875" s="59" t="s">
        <v>449</v>
      </c>
      <c r="G875" s="59" t="s">
        <v>450</v>
      </c>
      <c r="H875" s="60">
        <v>222</v>
      </c>
      <c r="I875" s="60">
        <v>211</v>
      </c>
      <c r="J875" s="61">
        <v>0</v>
      </c>
      <c r="K875" s="61">
        <v>-4.75</v>
      </c>
    </row>
    <row r="876" spans="1:11" ht="18.75" hidden="1" customHeight="1" thickBot="1">
      <c r="A876" s="59" t="s">
        <v>448</v>
      </c>
      <c r="B876" s="59" t="s">
        <v>28</v>
      </c>
      <c r="C876" s="59" t="s">
        <v>28</v>
      </c>
      <c r="D876" s="59" t="s">
        <v>370</v>
      </c>
      <c r="E876" s="59" t="s">
        <v>378</v>
      </c>
      <c r="F876" s="59" t="s">
        <v>449</v>
      </c>
      <c r="G876" s="59" t="s">
        <v>450</v>
      </c>
      <c r="H876" s="60">
        <v>222</v>
      </c>
      <c r="I876" s="60">
        <v>215</v>
      </c>
      <c r="J876" s="61">
        <v>0</v>
      </c>
      <c r="K876" s="61">
        <v>-5.58</v>
      </c>
    </row>
    <row r="877" spans="1:11" ht="18.75" hidden="1" customHeight="1" thickBot="1">
      <c r="A877" s="59" t="s">
        <v>448</v>
      </c>
      <c r="B877" s="59" t="s">
        <v>28</v>
      </c>
      <c r="C877" s="59" t="s">
        <v>28</v>
      </c>
      <c r="D877" s="59" t="s">
        <v>370</v>
      </c>
      <c r="E877" s="59" t="s">
        <v>378</v>
      </c>
      <c r="F877" s="59" t="s">
        <v>449</v>
      </c>
      <c r="G877" s="59" t="s">
        <v>450</v>
      </c>
      <c r="H877" s="60">
        <v>222</v>
      </c>
      <c r="I877" s="60">
        <v>220</v>
      </c>
      <c r="J877" s="61">
        <v>0</v>
      </c>
      <c r="K877" s="61">
        <v>-132.66</v>
      </c>
    </row>
    <row r="878" spans="1:11" ht="18.75" hidden="1" customHeight="1" thickBot="1">
      <c r="A878" s="59" t="s">
        <v>448</v>
      </c>
      <c r="B878" s="59" t="s">
        <v>28</v>
      </c>
      <c r="C878" s="59" t="s">
        <v>28</v>
      </c>
      <c r="D878" s="59" t="s">
        <v>370</v>
      </c>
      <c r="E878" s="59" t="s">
        <v>378</v>
      </c>
      <c r="F878" s="59" t="s">
        <v>449</v>
      </c>
      <c r="G878" s="59" t="s">
        <v>450</v>
      </c>
      <c r="H878" s="60">
        <v>222</v>
      </c>
      <c r="I878" s="60">
        <v>240</v>
      </c>
      <c r="J878" s="61">
        <v>0</v>
      </c>
      <c r="K878" s="61">
        <v>-872.92</v>
      </c>
    </row>
    <row r="879" spans="1:11" ht="18.75" hidden="1" customHeight="1" thickBot="1">
      <c r="A879" s="59" t="s">
        <v>448</v>
      </c>
      <c r="B879" s="59" t="s">
        <v>28</v>
      </c>
      <c r="C879" s="59" t="s">
        <v>28</v>
      </c>
      <c r="D879" s="59" t="s">
        <v>370</v>
      </c>
      <c r="E879" s="59" t="s">
        <v>378</v>
      </c>
      <c r="F879" s="59" t="s">
        <v>449</v>
      </c>
      <c r="G879" s="59" t="s">
        <v>450</v>
      </c>
      <c r="H879" s="60">
        <v>230</v>
      </c>
      <c r="I879" s="60">
        <v>211</v>
      </c>
      <c r="J879" s="61">
        <v>0</v>
      </c>
      <c r="K879" s="61">
        <v>-22.31</v>
      </c>
    </row>
    <row r="880" spans="1:11" ht="18.75" hidden="1" customHeight="1" thickBot="1">
      <c r="A880" s="59" t="s">
        <v>448</v>
      </c>
      <c r="B880" s="59" t="s">
        <v>28</v>
      </c>
      <c r="C880" s="59" t="s">
        <v>28</v>
      </c>
      <c r="D880" s="59" t="s">
        <v>370</v>
      </c>
      <c r="E880" s="59" t="s">
        <v>378</v>
      </c>
      <c r="F880" s="59" t="s">
        <v>449</v>
      </c>
      <c r="G880" s="59" t="s">
        <v>450</v>
      </c>
      <c r="H880" s="60">
        <v>230</v>
      </c>
      <c r="I880" s="60">
        <v>215</v>
      </c>
      <c r="J880" s="61">
        <v>0</v>
      </c>
      <c r="K880" s="61">
        <v>-231.96</v>
      </c>
    </row>
    <row r="881" spans="1:11" ht="18.75" hidden="1" customHeight="1" thickBot="1">
      <c r="A881" s="59" t="s">
        <v>448</v>
      </c>
      <c r="B881" s="59" t="s">
        <v>28</v>
      </c>
      <c r="C881" s="59" t="s">
        <v>28</v>
      </c>
      <c r="D881" s="59" t="s">
        <v>370</v>
      </c>
      <c r="E881" s="59" t="s">
        <v>378</v>
      </c>
      <c r="F881" s="59" t="s">
        <v>449</v>
      </c>
      <c r="G881" s="59" t="s">
        <v>450</v>
      </c>
      <c r="H881" s="60">
        <v>230</v>
      </c>
      <c r="I881" s="60">
        <v>220</v>
      </c>
      <c r="J881" s="61">
        <v>0</v>
      </c>
      <c r="K881" s="61">
        <v>-12.81</v>
      </c>
    </row>
    <row r="882" spans="1:11" ht="18.75" hidden="1" customHeight="1" thickBot="1">
      <c r="A882" s="59" t="s">
        <v>448</v>
      </c>
      <c r="B882" s="59" t="s">
        <v>28</v>
      </c>
      <c r="C882" s="59" t="s">
        <v>28</v>
      </c>
      <c r="D882" s="59" t="s">
        <v>370</v>
      </c>
      <c r="E882" s="59" t="s">
        <v>378</v>
      </c>
      <c r="F882" s="59" t="s">
        <v>449</v>
      </c>
      <c r="G882" s="59" t="s">
        <v>450</v>
      </c>
      <c r="H882" s="60">
        <v>230</v>
      </c>
      <c r="I882" s="60">
        <v>240</v>
      </c>
      <c r="J882" s="61">
        <v>0</v>
      </c>
      <c r="K882" s="61">
        <v>-115.51</v>
      </c>
    </row>
    <row r="883" spans="1:11" ht="18.75" hidden="1" customHeight="1" thickBot="1">
      <c r="A883" s="59" t="s">
        <v>448</v>
      </c>
      <c r="B883" s="59" t="s">
        <v>28</v>
      </c>
      <c r="C883" s="59" t="s">
        <v>28</v>
      </c>
      <c r="D883" s="59" t="s">
        <v>370</v>
      </c>
      <c r="E883" s="59" t="s">
        <v>378</v>
      </c>
      <c r="F883" s="59" t="s">
        <v>449</v>
      </c>
      <c r="G883" s="59" t="s">
        <v>450</v>
      </c>
      <c r="H883" s="60">
        <v>230</v>
      </c>
      <c r="I883" s="60">
        <v>244</v>
      </c>
      <c r="J883" s="61">
        <v>0</v>
      </c>
      <c r="K883" s="61">
        <v>-5179.12</v>
      </c>
    </row>
    <row r="884" spans="1:11" ht="18.75" hidden="1" customHeight="1" thickBot="1">
      <c r="A884" s="59" t="s">
        <v>448</v>
      </c>
      <c r="B884" s="59" t="s">
        <v>28</v>
      </c>
      <c r="C884" s="59" t="s">
        <v>28</v>
      </c>
      <c r="D884" s="59" t="s">
        <v>370</v>
      </c>
      <c r="E884" s="59" t="s">
        <v>378</v>
      </c>
      <c r="F884" s="59" t="s">
        <v>449</v>
      </c>
      <c r="G884" s="59" t="s">
        <v>450</v>
      </c>
      <c r="H884" s="60">
        <v>230</v>
      </c>
      <c r="I884" s="60">
        <v>330</v>
      </c>
      <c r="J884" s="61">
        <v>0</v>
      </c>
      <c r="K884" s="61">
        <v>-7758.67</v>
      </c>
    </row>
    <row r="885" spans="1:11" ht="18.75" hidden="1" customHeight="1" thickBot="1">
      <c r="A885" s="59" t="s">
        <v>448</v>
      </c>
      <c r="B885" s="59" t="s">
        <v>28</v>
      </c>
      <c r="C885" s="59" t="s">
        <v>28</v>
      </c>
      <c r="D885" s="59" t="s">
        <v>370</v>
      </c>
      <c r="E885" s="59" t="s">
        <v>378</v>
      </c>
      <c r="F885" s="59" t="s">
        <v>449</v>
      </c>
      <c r="G885" s="59" t="s">
        <v>450</v>
      </c>
      <c r="H885" s="60">
        <v>230</v>
      </c>
      <c r="I885" s="60">
        <v>358</v>
      </c>
      <c r="J885" s="61">
        <v>0</v>
      </c>
      <c r="K885" s="61">
        <v>-10421.77</v>
      </c>
    </row>
    <row r="886" spans="1:11" ht="18.75" customHeight="1" thickBot="1">
      <c r="A886" s="59" t="s">
        <v>448</v>
      </c>
      <c r="B886" s="59" t="s">
        <v>28</v>
      </c>
      <c r="C886" s="59" t="s">
        <v>28</v>
      </c>
      <c r="D886" s="59" t="s">
        <v>370</v>
      </c>
      <c r="E886" s="59" t="s">
        <v>380</v>
      </c>
      <c r="F886" s="59" t="s">
        <v>449</v>
      </c>
      <c r="G886" s="59" t="s">
        <v>450</v>
      </c>
      <c r="H886" s="60">
        <v>0</v>
      </c>
      <c r="I886" s="60">
        <v>0</v>
      </c>
      <c r="J886" s="61">
        <v>0</v>
      </c>
      <c r="K886" s="61">
        <v>10383.120000000001</v>
      </c>
    </row>
    <row r="887" spans="1:11" ht="18.75" customHeight="1" thickBot="1">
      <c r="A887" s="59" t="s">
        <v>448</v>
      </c>
      <c r="B887" s="59" t="s">
        <v>28</v>
      </c>
      <c r="C887" s="59" t="s">
        <v>28</v>
      </c>
      <c r="D887" s="59" t="s">
        <v>370</v>
      </c>
      <c r="E887" s="59" t="s">
        <v>380</v>
      </c>
      <c r="F887" s="59" t="s">
        <v>449</v>
      </c>
      <c r="G887" s="59" t="s">
        <v>450</v>
      </c>
      <c r="H887" s="60">
        <v>10</v>
      </c>
      <c r="I887" s="60">
        <v>11</v>
      </c>
      <c r="J887" s="61">
        <v>0</v>
      </c>
      <c r="K887" s="61">
        <v>0.65</v>
      </c>
    </row>
    <row r="888" spans="1:11" ht="18.75" customHeight="1" thickBot="1">
      <c r="A888" s="59" t="s">
        <v>448</v>
      </c>
      <c r="B888" s="59" t="s">
        <v>28</v>
      </c>
      <c r="C888" s="59" t="s">
        <v>28</v>
      </c>
      <c r="D888" s="59" t="s">
        <v>370</v>
      </c>
      <c r="E888" s="59" t="s">
        <v>380</v>
      </c>
      <c r="F888" s="59" t="s">
        <v>449</v>
      </c>
      <c r="G888" s="59" t="s">
        <v>450</v>
      </c>
      <c r="H888" s="60">
        <v>10</v>
      </c>
      <c r="I888" s="60">
        <v>15</v>
      </c>
      <c r="J888" s="61">
        <v>0</v>
      </c>
      <c r="K888" s="61">
        <v>430</v>
      </c>
    </row>
    <row r="889" spans="1:11" ht="18.75" customHeight="1" thickBot="1">
      <c r="A889" s="59" t="s">
        <v>448</v>
      </c>
      <c r="B889" s="59" t="s">
        <v>28</v>
      </c>
      <c r="C889" s="59" t="s">
        <v>28</v>
      </c>
      <c r="D889" s="59" t="s">
        <v>370</v>
      </c>
      <c r="E889" s="59" t="s">
        <v>380</v>
      </c>
      <c r="F889" s="59" t="s">
        <v>449</v>
      </c>
      <c r="G889" s="59" t="s">
        <v>450</v>
      </c>
      <c r="H889" s="60">
        <v>10</v>
      </c>
      <c r="I889" s="60">
        <v>22</v>
      </c>
      <c r="J889" s="61">
        <v>0</v>
      </c>
      <c r="K889" s="61">
        <v>179.31</v>
      </c>
    </row>
    <row r="890" spans="1:11" ht="18.75" customHeight="1" thickBot="1">
      <c r="A890" s="59" t="s">
        <v>448</v>
      </c>
      <c r="B890" s="59" t="s">
        <v>28</v>
      </c>
      <c r="C890" s="59" t="s">
        <v>28</v>
      </c>
      <c r="D890" s="59" t="s">
        <v>370</v>
      </c>
      <c r="E890" s="59" t="s">
        <v>380</v>
      </c>
      <c r="F890" s="59" t="s">
        <v>449</v>
      </c>
      <c r="G890" s="59" t="s">
        <v>450</v>
      </c>
      <c r="H890" s="60">
        <v>10</v>
      </c>
      <c r="I890" s="60">
        <v>93</v>
      </c>
      <c r="J890" s="61">
        <v>0</v>
      </c>
      <c r="K890" s="61">
        <v>15.69</v>
      </c>
    </row>
    <row r="891" spans="1:11" ht="18.75" customHeight="1" thickBot="1">
      <c r="A891" s="59" t="s">
        <v>448</v>
      </c>
      <c r="B891" s="59" t="s">
        <v>28</v>
      </c>
      <c r="C891" s="59" t="s">
        <v>28</v>
      </c>
      <c r="D891" s="59" t="s">
        <v>370</v>
      </c>
      <c r="E891" s="59" t="s">
        <v>380</v>
      </c>
      <c r="F891" s="59" t="s">
        <v>449</v>
      </c>
      <c r="G891" s="59" t="s">
        <v>450</v>
      </c>
      <c r="H891" s="60">
        <v>10</v>
      </c>
      <c r="I891" s="60">
        <v>94</v>
      </c>
      <c r="J891" s="61">
        <v>0</v>
      </c>
      <c r="K891" s="61">
        <v>259.13</v>
      </c>
    </row>
    <row r="892" spans="1:11" ht="18.75" customHeight="1" thickBot="1">
      <c r="A892" s="59" t="s">
        <v>448</v>
      </c>
      <c r="B892" s="59" t="s">
        <v>28</v>
      </c>
      <c r="C892" s="59" t="s">
        <v>28</v>
      </c>
      <c r="D892" s="59" t="s">
        <v>370</v>
      </c>
      <c r="E892" s="59" t="s">
        <v>380</v>
      </c>
      <c r="F892" s="59" t="s">
        <v>449</v>
      </c>
      <c r="G892" s="59" t="s">
        <v>450</v>
      </c>
      <c r="H892" s="60">
        <v>10</v>
      </c>
      <c r="I892" s="60">
        <v>97</v>
      </c>
      <c r="J892" s="61">
        <v>0</v>
      </c>
      <c r="K892" s="61">
        <v>18.61</v>
      </c>
    </row>
    <row r="893" spans="1:11" ht="18.75" customHeight="1" thickBot="1">
      <c r="A893" s="59" t="s">
        <v>448</v>
      </c>
      <c r="B893" s="59" t="s">
        <v>28</v>
      </c>
      <c r="C893" s="59" t="s">
        <v>28</v>
      </c>
      <c r="D893" s="59" t="s">
        <v>370</v>
      </c>
      <c r="E893" s="59" t="s">
        <v>380</v>
      </c>
      <c r="F893" s="59" t="s">
        <v>449</v>
      </c>
      <c r="G893" s="59" t="s">
        <v>450</v>
      </c>
      <c r="H893" s="60">
        <v>10</v>
      </c>
      <c r="I893" s="60">
        <v>107</v>
      </c>
      <c r="J893" s="61">
        <v>0</v>
      </c>
      <c r="K893" s="61">
        <v>18.23</v>
      </c>
    </row>
    <row r="894" spans="1:11" ht="18.75" customHeight="1" thickBot="1">
      <c r="A894" s="59" t="s">
        <v>448</v>
      </c>
      <c r="B894" s="59" t="s">
        <v>28</v>
      </c>
      <c r="C894" s="59" t="s">
        <v>28</v>
      </c>
      <c r="D894" s="59" t="s">
        <v>370</v>
      </c>
      <c r="E894" s="59" t="s">
        <v>380</v>
      </c>
      <c r="F894" s="59" t="s">
        <v>449</v>
      </c>
      <c r="G894" s="59" t="s">
        <v>450</v>
      </c>
      <c r="H894" s="60">
        <v>10</v>
      </c>
      <c r="I894" s="60">
        <v>109</v>
      </c>
      <c r="J894" s="61">
        <v>0</v>
      </c>
      <c r="K894" s="61">
        <v>21.02</v>
      </c>
    </row>
    <row r="895" spans="1:11" ht="18.75" customHeight="1" thickBot="1">
      <c r="A895" s="59" t="s">
        <v>448</v>
      </c>
      <c r="B895" s="59" t="s">
        <v>28</v>
      </c>
      <c r="C895" s="59" t="s">
        <v>28</v>
      </c>
      <c r="D895" s="59" t="s">
        <v>370</v>
      </c>
      <c r="E895" s="59" t="s">
        <v>380</v>
      </c>
      <c r="F895" s="59" t="s">
        <v>449</v>
      </c>
      <c r="G895" s="59" t="s">
        <v>450</v>
      </c>
      <c r="H895" s="60">
        <v>10</v>
      </c>
      <c r="I895" s="60">
        <v>111</v>
      </c>
      <c r="J895" s="61">
        <v>0</v>
      </c>
      <c r="K895" s="61">
        <v>3.49</v>
      </c>
    </row>
    <row r="896" spans="1:11" ht="18.75" customHeight="1" thickBot="1">
      <c r="A896" s="59" t="s">
        <v>448</v>
      </c>
      <c r="B896" s="59" t="s">
        <v>28</v>
      </c>
      <c r="C896" s="59" t="s">
        <v>28</v>
      </c>
      <c r="D896" s="59" t="s">
        <v>370</v>
      </c>
      <c r="E896" s="59" t="s">
        <v>380</v>
      </c>
      <c r="F896" s="59" t="s">
        <v>449</v>
      </c>
      <c r="G896" s="59" t="s">
        <v>450</v>
      </c>
      <c r="H896" s="60">
        <v>10</v>
      </c>
      <c r="I896" s="60">
        <v>113</v>
      </c>
      <c r="J896" s="61">
        <v>0</v>
      </c>
      <c r="K896" s="61">
        <v>124.9</v>
      </c>
    </row>
    <row r="897" spans="1:11" ht="18.75" customHeight="1" thickBot="1">
      <c r="A897" s="59" t="s">
        <v>448</v>
      </c>
      <c r="B897" s="59" t="s">
        <v>28</v>
      </c>
      <c r="C897" s="59" t="s">
        <v>28</v>
      </c>
      <c r="D897" s="59" t="s">
        <v>370</v>
      </c>
      <c r="E897" s="59" t="s">
        <v>380</v>
      </c>
      <c r="F897" s="59" t="s">
        <v>449</v>
      </c>
      <c r="G897" s="59" t="s">
        <v>450</v>
      </c>
      <c r="H897" s="60">
        <v>10</v>
      </c>
      <c r="I897" s="60">
        <v>116</v>
      </c>
      <c r="J897" s="61">
        <v>0</v>
      </c>
      <c r="K897" s="61">
        <v>1.64</v>
      </c>
    </row>
    <row r="898" spans="1:11" ht="18.75" customHeight="1" thickBot="1">
      <c r="A898" s="59" t="s">
        <v>448</v>
      </c>
      <c r="B898" s="59" t="s">
        <v>28</v>
      </c>
      <c r="C898" s="59" t="s">
        <v>28</v>
      </c>
      <c r="D898" s="59" t="s">
        <v>370</v>
      </c>
      <c r="E898" s="59" t="s">
        <v>380</v>
      </c>
      <c r="F898" s="59" t="s">
        <v>449</v>
      </c>
      <c r="G898" s="59" t="s">
        <v>450</v>
      </c>
      <c r="H898" s="60">
        <v>10</v>
      </c>
      <c r="I898" s="60">
        <v>150</v>
      </c>
      <c r="J898" s="61">
        <v>0</v>
      </c>
      <c r="K898" s="61">
        <v>47.96</v>
      </c>
    </row>
    <row r="899" spans="1:11" ht="18.75" customHeight="1" thickBot="1">
      <c r="A899" s="59" t="s">
        <v>448</v>
      </c>
      <c r="B899" s="59" t="s">
        <v>28</v>
      </c>
      <c r="C899" s="59" t="s">
        <v>28</v>
      </c>
      <c r="D899" s="59" t="s">
        <v>370</v>
      </c>
      <c r="E899" s="59" t="s">
        <v>380</v>
      </c>
      <c r="F899" s="59" t="s">
        <v>449</v>
      </c>
      <c r="G899" s="59" t="s">
        <v>450</v>
      </c>
      <c r="H899" s="60">
        <v>20</v>
      </c>
      <c r="I899" s="60">
        <v>11</v>
      </c>
      <c r="J899" s="61">
        <v>0</v>
      </c>
      <c r="K899" s="61">
        <v>1.24</v>
      </c>
    </row>
    <row r="900" spans="1:11" ht="18.75" customHeight="1" thickBot="1">
      <c r="A900" s="59" t="s">
        <v>448</v>
      </c>
      <c r="B900" s="59" t="s">
        <v>28</v>
      </c>
      <c r="C900" s="59" t="s">
        <v>28</v>
      </c>
      <c r="D900" s="59" t="s">
        <v>370</v>
      </c>
      <c r="E900" s="59" t="s">
        <v>380</v>
      </c>
      <c r="F900" s="59" t="s">
        <v>449</v>
      </c>
      <c r="G900" s="59" t="s">
        <v>450</v>
      </c>
      <c r="H900" s="60">
        <v>20</v>
      </c>
      <c r="I900" s="60">
        <v>15</v>
      </c>
      <c r="J900" s="61">
        <v>0</v>
      </c>
      <c r="K900" s="61">
        <v>494.9</v>
      </c>
    </row>
    <row r="901" spans="1:11" ht="18.75" customHeight="1" thickBot="1">
      <c r="A901" s="59" t="s">
        <v>448</v>
      </c>
      <c r="B901" s="59" t="s">
        <v>28</v>
      </c>
      <c r="C901" s="59" t="s">
        <v>28</v>
      </c>
      <c r="D901" s="59" t="s">
        <v>370</v>
      </c>
      <c r="E901" s="59" t="s">
        <v>380</v>
      </c>
      <c r="F901" s="59" t="s">
        <v>449</v>
      </c>
      <c r="G901" s="59" t="s">
        <v>450</v>
      </c>
      <c r="H901" s="60">
        <v>20</v>
      </c>
      <c r="I901" s="60">
        <v>17</v>
      </c>
      <c r="J901" s="61">
        <v>0</v>
      </c>
      <c r="K901" s="61">
        <v>3.53</v>
      </c>
    </row>
    <row r="902" spans="1:11" ht="18.75" customHeight="1" thickBot="1">
      <c r="A902" s="59" t="s">
        <v>448</v>
      </c>
      <c r="B902" s="59" t="s">
        <v>28</v>
      </c>
      <c r="C902" s="59" t="s">
        <v>28</v>
      </c>
      <c r="D902" s="59" t="s">
        <v>370</v>
      </c>
      <c r="E902" s="59" t="s">
        <v>380</v>
      </c>
      <c r="F902" s="59" t="s">
        <v>449</v>
      </c>
      <c r="G902" s="59" t="s">
        <v>450</v>
      </c>
      <c r="H902" s="60">
        <v>20</v>
      </c>
      <c r="I902" s="60">
        <v>22</v>
      </c>
      <c r="J902" s="61">
        <v>0</v>
      </c>
      <c r="K902" s="61">
        <v>881.07</v>
      </c>
    </row>
    <row r="903" spans="1:11" ht="18.75" customHeight="1" thickBot="1">
      <c r="A903" s="59" t="s">
        <v>448</v>
      </c>
      <c r="B903" s="59" t="s">
        <v>28</v>
      </c>
      <c r="C903" s="59" t="s">
        <v>28</v>
      </c>
      <c r="D903" s="59" t="s">
        <v>370</v>
      </c>
      <c r="E903" s="59" t="s">
        <v>380</v>
      </c>
      <c r="F903" s="59" t="s">
        <v>449</v>
      </c>
      <c r="G903" s="59" t="s">
        <v>450</v>
      </c>
      <c r="H903" s="60">
        <v>20</v>
      </c>
      <c r="I903" s="60">
        <v>93</v>
      </c>
      <c r="J903" s="61">
        <v>0</v>
      </c>
      <c r="K903" s="61">
        <v>4.29</v>
      </c>
    </row>
    <row r="904" spans="1:11" ht="18.75" customHeight="1" thickBot="1">
      <c r="A904" s="59" t="s">
        <v>448</v>
      </c>
      <c r="B904" s="59" t="s">
        <v>28</v>
      </c>
      <c r="C904" s="59" t="s">
        <v>28</v>
      </c>
      <c r="D904" s="59" t="s">
        <v>370</v>
      </c>
      <c r="E904" s="59" t="s">
        <v>380</v>
      </c>
      <c r="F904" s="59" t="s">
        <v>449</v>
      </c>
      <c r="G904" s="59" t="s">
        <v>450</v>
      </c>
      <c r="H904" s="60">
        <v>20</v>
      </c>
      <c r="I904" s="60">
        <v>94</v>
      </c>
      <c r="J904" s="61">
        <v>0</v>
      </c>
      <c r="K904" s="61">
        <v>169.83</v>
      </c>
    </row>
    <row r="905" spans="1:11" ht="18.75" customHeight="1" thickBot="1">
      <c r="A905" s="59" t="s">
        <v>448</v>
      </c>
      <c r="B905" s="59" t="s">
        <v>28</v>
      </c>
      <c r="C905" s="59" t="s">
        <v>28</v>
      </c>
      <c r="D905" s="59" t="s">
        <v>370</v>
      </c>
      <c r="E905" s="59" t="s">
        <v>380</v>
      </c>
      <c r="F905" s="59" t="s">
        <v>449</v>
      </c>
      <c r="G905" s="59" t="s">
        <v>450</v>
      </c>
      <c r="H905" s="60">
        <v>20</v>
      </c>
      <c r="I905" s="60">
        <v>97</v>
      </c>
      <c r="J905" s="61">
        <v>0</v>
      </c>
      <c r="K905" s="61">
        <v>12.92</v>
      </c>
    </row>
    <row r="906" spans="1:11" ht="18.75" customHeight="1" thickBot="1">
      <c r="A906" s="59" t="s">
        <v>448</v>
      </c>
      <c r="B906" s="59" t="s">
        <v>28</v>
      </c>
      <c r="C906" s="59" t="s">
        <v>28</v>
      </c>
      <c r="D906" s="59" t="s">
        <v>370</v>
      </c>
      <c r="E906" s="59" t="s">
        <v>380</v>
      </c>
      <c r="F906" s="59" t="s">
        <v>449</v>
      </c>
      <c r="G906" s="59" t="s">
        <v>450</v>
      </c>
      <c r="H906" s="60">
        <v>20</v>
      </c>
      <c r="I906" s="60">
        <v>107</v>
      </c>
      <c r="J906" s="61">
        <v>0</v>
      </c>
      <c r="K906" s="61">
        <v>16.03</v>
      </c>
    </row>
    <row r="907" spans="1:11" ht="18.75" customHeight="1" thickBot="1">
      <c r="A907" s="59" t="s">
        <v>448</v>
      </c>
      <c r="B907" s="59" t="s">
        <v>28</v>
      </c>
      <c r="C907" s="59" t="s">
        <v>28</v>
      </c>
      <c r="D907" s="59" t="s">
        <v>370</v>
      </c>
      <c r="E907" s="59" t="s">
        <v>380</v>
      </c>
      <c r="F907" s="59" t="s">
        <v>449</v>
      </c>
      <c r="G907" s="59" t="s">
        <v>450</v>
      </c>
      <c r="H907" s="60">
        <v>20</v>
      </c>
      <c r="I907" s="60">
        <v>109</v>
      </c>
      <c r="J907" s="61">
        <v>0</v>
      </c>
      <c r="K907" s="61">
        <v>18.47</v>
      </c>
    </row>
    <row r="908" spans="1:11" ht="18.75" customHeight="1" thickBot="1">
      <c r="A908" s="59" t="s">
        <v>448</v>
      </c>
      <c r="B908" s="59" t="s">
        <v>28</v>
      </c>
      <c r="C908" s="59" t="s">
        <v>28</v>
      </c>
      <c r="D908" s="59" t="s">
        <v>370</v>
      </c>
      <c r="E908" s="59" t="s">
        <v>380</v>
      </c>
      <c r="F908" s="59" t="s">
        <v>449</v>
      </c>
      <c r="G908" s="59" t="s">
        <v>450</v>
      </c>
      <c r="H908" s="60">
        <v>20</v>
      </c>
      <c r="I908" s="60">
        <v>111</v>
      </c>
      <c r="J908" s="61">
        <v>0</v>
      </c>
      <c r="K908" s="61">
        <v>4</v>
      </c>
    </row>
    <row r="909" spans="1:11" ht="18.75" customHeight="1" thickBot="1">
      <c r="A909" s="59" t="s">
        <v>448</v>
      </c>
      <c r="B909" s="59" t="s">
        <v>28</v>
      </c>
      <c r="C909" s="59" t="s">
        <v>28</v>
      </c>
      <c r="D909" s="59" t="s">
        <v>370</v>
      </c>
      <c r="E909" s="59" t="s">
        <v>380</v>
      </c>
      <c r="F909" s="59" t="s">
        <v>449</v>
      </c>
      <c r="G909" s="59" t="s">
        <v>450</v>
      </c>
      <c r="H909" s="60">
        <v>20</v>
      </c>
      <c r="I909" s="60">
        <v>113</v>
      </c>
      <c r="J909" s="61">
        <v>0</v>
      </c>
      <c r="K909" s="61">
        <v>134.93</v>
      </c>
    </row>
    <row r="910" spans="1:11" ht="18.75" customHeight="1" thickBot="1">
      <c r="A910" s="59" t="s">
        <v>448</v>
      </c>
      <c r="B910" s="59" t="s">
        <v>28</v>
      </c>
      <c r="C910" s="59" t="s">
        <v>28</v>
      </c>
      <c r="D910" s="59" t="s">
        <v>370</v>
      </c>
      <c r="E910" s="59" t="s">
        <v>380</v>
      </c>
      <c r="F910" s="59" t="s">
        <v>449</v>
      </c>
      <c r="G910" s="59" t="s">
        <v>450</v>
      </c>
      <c r="H910" s="60">
        <v>20</v>
      </c>
      <c r="I910" s="60">
        <v>150</v>
      </c>
      <c r="J910" s="61">
        <v>0</v>
      </c>
      <c r="K910" s="61">
        <v>31.36</v>
      </c>
    </row>
    <row r="911" spans="1:11" ht="18.75" customHeight="1" thickBot="1">
      <c r="A911" s="59" t="s">
        <v>448</v>
      </c>
      <c r="B911" s="59" t="s">
        <v>28</v>
      </c>
      <c r="C911" s="59" t="s">
        <v>28</v>
      </c>
      <c r="D911" s="59" t="s">
        <v>370</v>
      </c>
      <c r="E911" s="59" t="s">
        <v>380</v>
      </c>
      <c r="F911" s="59" t="s">
        <v>449</v>
      </c>
      <c r="G911" s="59" t="s">
        <v>450</v>
      </c>
      <c r="H911" s="60">
        <v>20</v>
      </c>
      <c r="I911" s="60">
        <v>211</v>
      </c>
      <c r="J911" s="61">
        <v>0</v>
      </c>
      <c r="K911" s="61">
        <v>1.26</v>
      </c>
    </row>
    <row r="912" spans="1:11" ht="18.75" customHeight="1" thickBot="1">
      <c r="A912" s="59" t="s">
        <v>448</v>
      </c>
      <c r="B912" s="59" t="s">
        <v>28</v>
      </c>
      <c r="C912" s="59" t="s">
        <v>28</v>
      </c>
      <c r="D912" s="59" t="s">
        <v>370</v>
      </c>
      <c r="E912" s="59" t="s">
        <v>380</v>
      </c>
      <c r="F912" s="59" t="s">
        <v>449</v>
      </c>
      <c r="G912" s="59" t="s">
        <v>450</v>
      </c>
      <c r="H912" s="60">
        <v>211</v>
      </c>
      <c r="I912" s="60">
        <v>93</v>
      </c>
      <c r="J912" s="61">
        <v>0</v>
      </c>
      <c r="K912" s="61">
        <v>31.87</v>
      </c>
    </row>
    <row r="913" spans="1:11" ht="18.75" customHeight="1" thickBot="1">
      <c r="A913" s="59" t="s">
        <v>448</v>
      </c>
      <c r="B913" s="59" t="s">
        <v>28</v>
      </c>
      <c r="C913" s="59" t="s">
        <v>28</v>
      </c>
      <c r="D913" s="59" t="s">
        <v>370</v>
      </c>
      <c r="E913" s="59" t="s">
        <v>380</v>
      </c>
      <c r="F913" s="59" t="s">
        <v>449</v>
      </c>
      <c r="G913" s="59" t="s">
        <v>450</v>
      </c>
      <c r="H913" s="60">
        <v>211</v>
      </c>
      <c r="I913" s="60">
        <v>94</v>
      </c>
      <c r="J913" s="61">
        <v>0</v>
      </c>
      <c r="K913" s="61">
        <v>136.36000000000001</v>
      </c>
    </row>
    <row r="914" spans="1:11" ht="18.75" customHeight="1" thickBot="1">
      <c r="A914" s="59" t="s">
        <v>448</v>
      </c>
      <c r="B914" s="59" t="s">
        <v>28</v>
      </c>
      <c r="C914" s="59" t="s">
        <v>28</v>
      </c>
      <c r="D914" s="59" t="s">
        <v>370</v>
      </c>
      <c r="E914" s="59" t="s">
        <v>380</v>
      </c>
      <c r="F914" s="59" t="s">
        <v>449</v>
      </c>
      <c r="G914" s="59" t="s">
        <v>450</v>
      </c>
      <c r="H914" s="60">
        <v>211</v>
      </c>
      <c r="I914" s="60">
        <v>95</v>
      </c>
      <c r="J914" s="61">
        <v>0</v>
      </c>
      <c r="K914" s="61">
        <v>26.38</v>
      </c>
    </row>
    <row r="915" spans="1:11" ht="18.75" customHeight="1" thickBot="1">
      <c r="A915" s="59" t="s">
        <v>448</v>
      </c>
      <c r="B915" s="59" t="s">
        <v>28</v>
      </c>
      <c r="C915" s="59" t="s">
        <v>28</v>
      </c>
      <c r="D915" s="59" t="s">
        <v>370</v>
      </c>
      <c r="E915" s="59" t="s">
        <v>380</v>
      </c>
      <c r="F915" s="59" t="s">
        <v>449</v>
      </c>
      <c r="G915" s="59" t="s">
        <v>450</v>
      </c>
      <c r="H915" s="60">
        <v>211</v>
      </c>
      <c r="I915" s="60">
        <v>97</v>
      </c>
      <c r="J915" s="61">
        <v>0</v>
      </c>
      <c r="K915" s="61">
        <v>119.23</v>
      </c>
    </row>
    <row r="916" spans="1:11" ht="18.75" customHeight="1" thickBot="1">
      <c r="A916" s="59" t="s">
        <v>448</v>
      </c>
      <c r="B916" s="59" t="s">
        <v>28</v>
      </c>
      <c r="C916" s="59" t="s">
        <v>28</v>
      </c>
      <c r="D916" s="59" t="s">
        <v>370</v>
      </c>
      <c r="E916" s="59" t="s">
        <v>380</v>
      </c>
      <c r="F916" s="59" t="s">
        <v>449</v>
      </c>
      <c r="G916" s="59" t="s">
        <v>450</v>
      </c>
      <c r="H916" s="60">
        <v>211</v>
      </c>
      <c r="I916" s="60">
        <v>98</v>
      </c>
      <c r="J916" s="61">
        <v>0</v>
      </c>
      <c r="K916" s="61">
        <v>12.03</v>
      </c>
    </row>
    <row r="917" spans="1:11" ht="18.75" customHeight="1" thickBot="1">
      <c r="A917" s="59" t="s">
        <v>448</v>
      </c>
      <c r="B917" s="59" t="s">
        <v>28</v>
      </c>
      <c r="C917" s="59" t="s">
        <v>28</v>
      </c>
      <c r="D917" s="59" t="s">
        <v>370</v>
      </c>
      <c r="E917" s="59" t="s">
        <v>380</v>
      </c>
      <c r="F917" s="59" t="s">
        <v>449</v>
      </c>
      <c r="G917" s="59" t="s">
        <v>450</v>
      </c>
      <c r="H917" s="60">
        <v>211</v>
      </c>
      <c r="I917" s="60">
        <v>107</v>
      </c>
      <c r="J917" s="61">
        <v>0</v>
      </c>
      <c r="K917" s="61">
        <v>103.72</v>
      </c>
    </row>
    <row r="918" spans="1:11" ht="18.75" customHeight="1" thickBot="1">
      <c r="A918" s="59" t="s">
        <v>448</v>
      </c>
      <c r="B918" s="59" t="s">
        <v>28</v>
      </c>
      <c r="C918" s="59" t="s">
        <v>28</v>
      </c>
      <c r="D918" s="59" t="s">
        <v>370</v>
      </c>
      <c r="E918" s="59" t="s">
        <v>380</v>
      </c>
      <c r="F918" s="59" t="s">
        <v>449</v>
      </c>
      <c r="G918" s="59" t="s">
        <v>450</v>
      </c>
      <c r="H918" s="60">
        <v>211</v>
      </c>
      <c r="I918" s="60">
        <v>109</v>
      </c>
      <c r="J918" s="61">
        <v>0</v>
      </c>
      <c r="K918" s="61">
        <v>498.58</v>
      </c>
    </row>
    <row r="919" spans="1:11" ht="18.75" customHeight="1" thickBot="1">
      <c r="A919" s="59" t="s">
        <v>448</v>
      </c>
      <c r="B919" s="59" t="s">
        <v>28</v>
      </c>
      <c r="C919" s="59" t="s">
        <v>28</v>
      </c>
      <c r="D919" s="59" t="s">
        <v>370</v>
      </c>
      <c r="E919" s="59" t="s">
        <v>380</v>
      </c>
      <c r="F919" s="59" t="s">
        <v>449</v>
      </c>
      <c r="G919" s="59" t="s">
        <v>450</v>
      </c>
      <c r="H919" s="60">
        <v>211</v>
      </c>
      <c r="I919" s="60">
        <v>110</v>
      </c>
      <c r="J919" s="61">
        <v>0</v>
      </c>
      <c r="K919" s="61">
        <v>4.18</v>
      </c>
    </row>
    <row r="920" spans="1:11" ht="18.75" customHeight="1" thickBot="1">
      <c r="A920" s="59" t="s">
        <v>448</v>
      </c>
      <c r="B920" s="59" t="s">
        <v>28</v>
      </c>
      <c r="C920" s="59" t="s">
        <v>28</v>
      </c>
      <c r="D920" s="59" t="s">
        <v>370</v>
      </c>
      <c r="E920" s="59" t="s">
        <v>380</v>
      </c>
      <c r="F920" s="59" t="s">
        <v>449</v>
      </c>
      <c r="G920" s="59" t="s">
        <v>450</v>
      </c>
      <c r="H920" s="60">
        <v>211</v>
      </c>
      <c r="I920" s="60">
        <v>111</v>
      </c>
      <c r="J920" s="61">
        <v>0</v>
      </c>
      <c r="K920" s="61">
        <v>81.56</v>
      </c>
    </row>
    <row r="921" spans="1:11" ht="18.75" customHeight="1" thickBot="1">
      <c r="A921" s="59" t="s">
        <v>448</v>
      </c>
      <c r="B921" s="59" t="s">
        <v>28</v>
      </c>
      <c r="C921" s="59" t="s">
        <v>28</v>
      </c>
      <c r="D921" s="59" t="s">
        <v>370</v>
      </c>
      <c r="E921" s="59" t="s">
        <v>380</v>
      </c>
      <c r="F921" s="59" t="s">
        <v>449</v>
      </c>
      <c r="G921" s="59" t="s">
        <v>450</v>
      </c>
      <c r="H921" s="60">
        <v>211</v>
      </c>
      <c r="I921" s="60">
        <v>113</v>
      </c>
      <c r="J921" s="61">
        <v>0</v>
      </c>
      <c r="K921" s="61">
        <v>226.89</v>
      </c>
    </row>
    <row r="922" spans="1:11" ht="18.75" customHeight="1" thickBot="1">
      <c r="A922" s="59" t="s">
        <v>448</v>
      </c>
      <c r="B922" s="59" t="s">
        <v>28</v>
      </c>
      <c r="C922" s="59" t="s">
        <v>28</v>
      </c>
      <c r="D922" s="59" t="s">
        <v>370</v>
      </c>
      <c r="E922" s="59" t="s">
        <v>380</v>
      </c>
      <c r="F922" s="59" t="s">
        <v>449</v>
      </c>
      <c r="G922" s="59" t="s">
        <v>450</v>
      </c>
      <c r="H922" s="60">
        <v>211</v>
      </c>
      <c r="I922" s="60">
        <v>116</v>
      </c>
      <c r="J922" s="61">
        <v>0</v>
      </c>
      <c r="K922" s="61">
        <v>86.47</v>
      </c>
    </row>
    <row r="923" spans="1:11" ht="18.75" customHeight="1" thickBot="1">
      <c r="A923" s="59" t="s">
        <v>448</v>
      </c>
      <c r="B923" s="59" t="s">
        <v>28</v>
      </c>
      <c r="C923" s="59" t="s">
        <v>28</v>
      </c>
      <c r="D923" s="59" t="s">
        <v>370</v>
      </c>
      <c r="E923" s="59" t="s">
        <v>380</v>
      </c>
      <c r="F923" s="59" t="s">
        <v>449</v>
      </c>
      <c r="G923" s="59" t="s">
        <v>450</v>
      </c>
      <c r="H923" s="60">
        <v>211</v>
      </c>
      <c r="I923" s="60">
        <v>122</v>
      </c>
      <c r="J923" s="61">
        <v>0</v>
      </c>
      <c r="K923" s="61">
        <v>17.43</v>
      </c>
    </row>
    <row r="924" spans="1:11" ht="18.75" customHeight="1" thickBot="1">
      <c r="A924" s="59" t="s">
        <v>448</v>
      </c>
      <c r="B924" s="59" t="s">
        <v>28</v>
      </c>
      <c r="C924" s="59" t="s">
        <v>28</v>
      </c>
      <c r="D924" s="59" t="s">
        <v>370</v>
      </c>
      <c r="E924" s="59" t="s">
        <v>380</v>
      </c>
      <c r="F924" s="59" t="s">
        <v>449</v>
      </c>
      <c r="G924" s="59" t="s">
        <v>450</v>
      </c>
      <c r="H924" s="60">
        <v>211</v>
      </c>
      <c r="I924" s="60">
        <v>131</v>
      </c>
      <c r="J924" s="61">
        <v>0</v>
      </c>
      <c r="K924" s="61">
        <v>48.03</v>
      </c>
    </row>
    <row r="925" spans="1:11" ht="18.75" customHeight="1" thickBot="1">
      <c r="A925" s="59" t="s">
        <v>448</v>
      </c>
      <c r="B925" s="59" t="s">
        <v>28</v>
      </c>
      <c r="C925" s="59" t="s">
        <v>28</v>
      </c>
      <c r="D925" s="59" t="s">
        <v>370</v>
      </c>
      <c r="E925" s="59" t="s">
        <v>380</v>
      </c>
      <c r="F925" s="59" t="s">
        <v>449</v>
      </c>
      <c r="G925" s="59" t="s">
        <v>450</v>
      </c>
      <c r="H925" s="60">
        <v>211</v>
      </c>
      <c r="I925" s="60">
        <v>150</v>
      </c>
      <c r="J925" s="61">
        <v>0</v>
      </c>
      <c r="K925" s="61">
        <v>24.11</v>
      </c>
    </row>
    <row r="926" spans="1:11" ht="18.75" customHeight="1" thickBot="1">
      <c r="A926" s="59" t="s">
        <v>448</v>
      </c>
      <c r="B926" s="59" t="s">
        <v>28</v>
      </c>
      <c r="C926" s="59" t="s">
        <v>28</v>
      </c>
      <c r="D926" s="59" t="s">
        <v>370</v>
      </c>
      <c r="E926" s="59" t="s">
        <v>380</v>
      </c>
      <c r="F926" s="59" t="s">
        <v>449</v>
      </c>
      <c r="G926" s="59" t="s">
        <v>450</v>
      </c>
      <c r="H926" s="60">
        <v>211</v>
      </c>
      <c r="I926" s="60">
        <v>204</v>
      </c>
      <c r="J926" s="61">
        <v>0</v>
      </c>
      <c r="K926" s="61">
        <v>123.45</v>
      </c>
    </row>
    <row r="927" spans="1:11" ht="18.75" customHeight="1" thickBot="1">
      <c r="A927" s="59" t="s">
        <v>448</v>
      </c>
      <c r="B927" s="59" t="s">
        <v>28</v>
      </c>
      <c r="C927" s="59" t="s">
        <v>28</v>
      </c>
      <c r="D927" s="59" t="s">
        <v>370</v>
      </c>
      <c r="E927" s="59" t="s">
        <v>380</v>
      </c>
      <c r="F927" s="59" t="s">
        <v>449</v>
      </c>
      <c r="G927" s="59" t="s">
        <v>450</v>
      </c>
      <c r="H927" s="60">
        <v>211</v>
      </c>
      <c r="I927" s="60">
        <v>211</v>
      </c>
      <c r="J927" s="61">
        <v>0</v>
      </c>
      <c r="K927" s="61">
        <v>31815.62</v>
      </c>
    </row>
    <row r="928" spans="1:11" ht="18.75" customHeight="1" thickBot="1">
      <c r="A928" s="59" t="s">
        <v>448</v>
      </c>
      <c r="B928" s="59" t="s">
        <v>28</v>
      </c>
      <c r="C928" s="59" t="s">
        <v>28</v>
      </c>
      <c r="D928" s="59" t="s">
        <v>370</v>
      </c>
      <c r="E928" s="59" t="s">
        <v>380</v>
      </c>
      <c r="F928" s="59" t="s">
        <v>449</v>
      </c>
      <c r="G928" s="59" t="s">
        <v>450</v>
      </c>
      <c r="H928" s="60">
        <v>211</v>
      </c>
      <c r="I928" s="60">
        <v>212</v>
      </c>
      <c r="J928" s="61">
        <v>0</v>
      </c>
      <c r="K928" s="61">
        <v>3.81</v>
      </c>
    </row>
    <row r="929" spans="1:11" ht="18.75" customHeight="1" thickBot="1">
      <c r="A929" s="59" t="s">
        <v>448</v>
      </c>
      <c r="B929" s="59" t="s">
        <v>28</v>
      </c>
      <c r="C929" s="59" t="s">
        <v>28</v>
      </c>
      <c r="D929" s="59" t="s">
        <v>370</v>
      </c>
      <c r="E929" s="59" t="s">
        <v>380</v>
      </c>
      <c r="F929" s="59" t="s">
        <v>449</v>
      </c>
      <c r="G929" s="59" t="s">
        <v>450</v>
      </c>
      <c r="H929" s="60">
        <v>211</v>
      </c>
      <c r="I929" s="60">
        <v>213</v>
      </c>
      <c r="J929" s="61">
        <v>0</v>
      </c>
      <c r="K929" s="61">
        <v>283.22000000000003</v>
      </c>
    </row>
    <row r="930" spans="1:11" ht="18.75" customHeight="1" thickBot="1">
      <c r="A930" s="59" t="s">
        <v>448</v>
      </c>
      <c r="B930" s="59" t="s">
        <v>28</v>
      </c>
      <c r="C930" s="59" t="s">
        <v>28</v>
      </c>
      <c r="D930" s="59" t="s">
        <v>370</v>
      </c>
      <c r="E930" s="59" t="s">
        <v>380</v>
      </c>
      <c r="F930" s="59" t="s">
        <v>449</v>
      </c>
      <c r="G930" s="59" t="s">
        <v>450</v>
      </c>
      <c r="H930" s="60">
        <v>211</v>
      </c>
      <c r="I930" s="60">
        <v>214</v>
      </c>
      <c r="J930" s="61">
        <v>0</v>
      </c>
      <c r="K930" s="61">
        <v>9.57</v>
      </c>
    </row>
    <row r="931" spans="1:11" ht="18.75" customHeight="1" thickBot="1">
      <c r="A931" s="59" t="s">
        <v>448</v>
      </c>
      <c r="B931" s="59" t="s">
        <v>28</v>
      </c>
      <c r="C931" s="59" t="s">
        <v>28</v>
      </c>
      <c r="D931" s="59" t="s">
        <v>370</v>
      </c>
      <c r="E931" s="59" t="s">
        <v>380</v>
      </c>
      <c r="F931" s="59" t="s">
        <v>449</v>
      </c>
      <c r="G931" s="59" t="s">
        <v>450</v>
      </c>
      <c r="H931" s="60">
        <v>211</v>
      </c>
      <c r="I931" s="60">
        <v>215</v>
      </c>
      <c r="J931" s="61">
        <v>0</v>
      </c>
      <c r="K931" s="61">
        <v>43410.58</v>
      </c>
    </row>
    <row r="932" spans="1:11" ht="18.75" customHeight="1" thickBot="1">
      <c r="A932" s="59" t="s">
        <v>448</v>
      </c>
      <c r="B932" s="59" t="s">
        <v>28</v>
      </c>
      <c r="C932" s="59" t="s">
        <v>28</v>
      </c>
      <c r="D932" s="59" t="s">
        <v>370</v>
      </c>
      <c r="E932" s="59" t="s">
        <v>380</v>
      </c>
      <c r="F932" s="59" t="s">
        <v>449</v>
      </c>
      <c r="G932" s="59" t="s">
        <v>450</v>
      </c>
      <c r="H932" s="60">
        <v>211</v>
      </c>
      <c r="I932" s="60">
        <v>217</v>
      </c>
      <c r="J932" s="61">
        <v>0</v>
      </c>
      <c r="K932" s="61">
        <v>144.59</v>
      </c>
    </row>
    <row r="933" spans="1:11" ht="18.75" customHeight="1" thickBot="1">
      <c r="A933" s="59" t="s">
        <v>448</v>
      </c>
      <c r="B933" s="59" t="s">
        <v>28</v>
      </c>
      <c r="C933" s="59" t="s">
        <v>28</v>
      </c>
      <c r="D933" s="59" t="s">
        <v>370</v>
      </c>
      <c r="E933" s="59" t="s">
        <v>380</v>
      </c>
      <c r="F933" s="59" t="s">
        <v>449</v>
      </c>
      <c r="G933" s="59" t="s">
        <v>450</v>
      </c>
      <c r="H933" s="60">
        <v>211</v>
      </c>
      <c r="I933" s="60">
        <v>223</v>
      </c>
      <c r="J933" s="61">
        <v>0</v>
      </c>
      <c r="K933" s="61">
        <v>54.24</v>
      </c>
    </row>
    <row r="934" spans="1:11" ht="18.75" customHeight="1" thickBot="1">
      <c r="A934" s="59" t="s">
        <v>448</v>
      </c>
      <c r="B934" s="59" t="s">
        <v>28</v>
      </c>
      <c r="C934" s="59" t="s">
        <v>28</v>
      </c>
      <c r="D934" s="59" t="s">
        <v>370</v>
      </c>
      <c r="E934" s="59" t="s">
        <v>380</v>
      </c>
      <c r="F934" s="59" t="s">
        <v>449</v>
      </c>
      <c r="G934" s="59" t="s">
        <v>450</v>
      </c>
      <c r="H934" s="60">
        <v>211</v>
      </c>
      <c r="I934" s="60">
        <v>225</v>
      </c>
      <c r="J934" s="61">
        <v>0</v>
      </c>
      <c r="K934" s="61">
        <v>14.44</v>
      </c>
    </row>
    <row r="935" spans="1:11" ht="18.75" customHeight="1" thickBot="1">
      <c r="A935" s="59" t="s">
        <v>448</v>
      </c>
      <c r="B935" s="59" t="s">
        <v>28</v>
      </c>
      <c r="C935" s="59" t="s">
        <v>28</v>
      </c>
      <c r="D935" s="59" t="s">
        <v>370</v>
      </c>
      <c r="E935" s="59" t="s">
        <v>380</v>
      </c>
      <c r="F935" s="59" t="s">
        <v>449</v>
      </c>
      <c r="G935" s="59" t="s">
        <v>450</v>
      </c>
      <c r="H935" s="60">
        <v>211</v>
      </c>
      <c r="I935" s="60">
        <v>227</v>
      </c>
      <c r="J935" s="61">
        <v>0</v>
      </c>
      <c r="K935" s="61">
        <v>240.15</v>
      </c>
    </row>
    <row r="936" spans="1:11" ht="18.75" customHeight="1" thickBot="1">
      <c r="A936" s="59" t="s">
        <v>448</v>
      </c>
      <c r="B936" s="59" t="s">
        <v>28</v>
      </c>
      <c r="C936" s="59" t="s">
        <v>28</v>
      </c>
      <c r="D936" s="59" t="s">
        <v>370</v>
      </c>
      <c r="E936" s="59" t="s">
        <v>380</v>
      </c>
      <c r="F936" s="59" t="s">
        <v>449</v>
      </c>
      <c r="G936" s="59" t="s">
        <v>450</v>
      </c>
      <c r="H936" s="60">
        <v>211</v>
      </c>
      <c r="I936" s="60">
        <v>229</v>
      </c>
      <c r="J936" s="61">
        <v>0</v>
      </c>
      <c r="K936" s="61">
        <v>772.97</v>
      </c>
    </row>
    <row r="937" spans="1:11" ht="18.75" customHeight="1" thickBot="1">
      <c r="A937" s="59" t="s">
        <v>448</v>
      </c>
      <c r="B937" s="59" t="s">
        <v>28</v>
      </c>
      <c r="C937" s="59" t="s">
        <v>28</v>
      </c>
      <c r="D937" s="59" t="s">
        <v>370</v>
      </c>
      <c r="E937" s="59" t="s">
        <v>380</v>
      </c>
      <c r="F937" s="59" t="s">
        <v>449</v>
      </c>
      <c r="G937" s="59" t="s">
        <v>450</v>
      </c>
      <c r="H937" s="60">
        <v>211</v>
      </c>
      <c r="I937" s="60">
        <v>240</v>
      </c>
      <c r="J937" s="61">
        <v>0</v>
      </c>
      <c r="K937" s="61">
        <v>18147.52</v>
      </c>
    </row>
    <row r="938" spans="1:11" ht="18.75" customHeight="1" thickBot="1">
      <c r="A938" s="59" t="s">
        <v>448</v>
      </c>
      <c r="B938" s="59" t="s">
        <v>28</v>
      </c>
      <c r="C938" s="59" t="s">
        <v>28</v>
      </c>
      <c r="D938" s="59" t="s">
        <v>370</v>
      </c>
      <c r="E938" s="59" t="s">
        <v>380</v>
      </c>
      <c r="F938" s="59" t="s">
        <v>449</v>
      </c>
      <c r="G938" s="59" t="s">
        <v>450</v>
      </c>
      <c r="H938" s="60">
        <v>211</v>
      </c>
      <c r="I938" s="60">
        <v>244</v>
      </c>
      <c r="J938" s="61">
        <v>0</v>
      </c>
      <c r="K938" s="61">
        <v>2599.92</v>
      </c>
    </row>
    <row r="939" spans="1:11" ht="18.75" customHeight="1" thickBot="1">
      <c r="A939" s="59" t="s">
        <v>448</v>
      </c>
      <c r="B939" s="59" t="s">
        <v>28</v>
      </c>
      <c r="C939" s="59" t="s">
        <v>28</v>
      </c>
      <c r="D939" s="59" t="s">
        <v>370</v>
      </c>
      <c r="E939" s="59" t="s">
        <v>380</v>
      </c>
      <c r="F939" s="59" t="s">
        <v>449</v>
      </c>
      <c r="G939" s="59" t="s">
        <v>450</v>
      </c>
      <c r="H939" s="60">
        <v>211</v>
      </c>
      <c r="I939" s="60">
        <v>356</v>
      </c>
      <c r="J939" s="61">
        <v>0</v>
      </c>
      <c r="K939" s="61">
        <v>2154.27</v>
      </c>
    </row>
    <row r="940" spans="1:11" ht="18.75" customHeight="1" thickBot="1">
      <c r="A940" s="59" t="s">
        <v>448</v>
      </c>
      <c r="B940" s="59" t="s">
        <v>28</v>
      </c>
      <c r="C940" s="59" t="s">
        <v>28</v>
      </c>
      <c r="D940" s="59" t="s">
        <v>370</v>
      </c>
      <c r="E940" s="59" t="s">
        <v>380</v>
      </c>
      <c r="F940" s="59" t="s">
        <v>449</v>
      </c>
      <c r="G940" s="59" t="s">
        <v>450</v>
      </c>
      <c r="H940" s="60">
        <v>211</v>
      </c>
      <c r="I940" s="60">
        <v>359</v>
      </c>
      <c r="J940" s="61">
        <v>0</v>
      </c>
      <c r="K940" s="61">
        <v>5524.6</v>
      </c>
    </row>
    <row r="941" spans="1:11" ht="18.75" customHeight="1" thickBot="1">
      <c r="A941" s="59" t="s">
        <v>448</v>
      </c>
      <c r="B941" s="59" t="s">
        <v>28</v>
      </c>
      <c r="C941" s="59" t="s">
        <v>28</v>
      </c>
      <c r="D941" s="59" t="s">
        <v>370</v>
      </c>
      <c r="E941" s="59" t="s">
        <v>380</v>
      </c>
      <c r="F941" s="59" t="s">
        <v>449</v>
      </c>
      <c r="G941" s="59" t="s">
        <v>450</v>
      </c>
      <c r="H941" s="60">
        <v>212</v>
      </c>
      <c r="I941" s="60">
        <v>94</v>
      </c>
      <c r="J941" s="61">
        <v>0</v>
      </c>
      <c r="K941" s="61">
        <v>43.46</v>
      </c>
    </row>
    <row r="942" spans="1:11" ht="18.75" customHeight="1" thickBot="1">
      <c r="A942" s="59" t="s">
        <v>448</v>
      </c>
      <c r="B942" s="59" t="s">
        <v>28</v>
      </c>
      <c r="C942" s="59" t="s">
        <v>28</v>
      </c>
      <c r="D942" s="59" t="s">
        <v>370</v>
      </c>
      <c r="E942" s="59" t="s">
        <v>380</v>
      </c>
      <c r="F942" s="59" t="s">
        <v>449</v>
      </c>
      <c r="G942" s="59" t="s">
        <v>450</v>
      </c>
      <c r="H942" s="60">
        <v>212</v>
      </c>
      <c r="I942" s="60">
        <v>97</v>
      </c>
      <c r="J942" s="61">
        <v>0</v>
      </c>
      <c r="K942" s="61">
        <v>13.77</v>
      </c>
    </row>
    <row r="943" spans="1:11" ht="18.75" customHeight="1" thickBot="1">
      <c r="A943" s="59" t="s">
        <v>448</v>
      </c>
      <c r="B943" s="59" t="s">
        <v>28</v>
      </c>
      <c r="C943" s="59" t="s">
        <v>28</v>
      </c>
      <c r="D943" s="59" t="s">
        <v>370</v>
      </c>
      <c r="E943" s="59" t="s">
        <v>380</v>
      </c>
      <c r="F943" s="59" t="s">
        <v>449</v>
      </c>
      <c r="G943" s="59" t="s">
        <v>450</v>
      </c>
      <c r="H943" s="60">
        <v>212</v>
      </c>
      <c r="I943" s="60">
        <v>98</v>
      </c>
      <c r="J943" s="61">
        <v>0</v>
      </c>
      <c r="K943" s="61">
        <v>19.77</v>
      </c>
    </row>
    <row r="944" spans="1:11" ht="18.75" customHeight="1" thickBot="1">
      <c r="A944" s="59" t="s">
        <v>448</v>
      </c>
      <c r="B944" s="59" t="s">
        <v>28</v>
      </c>
      <c r="C944" s="59" t="s">
        <v>28</v>
      </c>
      <c r="D944" s="59" t="s">
        <v>370</v>
      </c>
      <c r="E944" s="59" t="s">
        <v>380</v>
      </c>
      <c r="F944" s="59" t="s">
        <v>449</v>
      </c>
      <c r="G944" s="59" t="s">
        <v>450</v>
      </c>
      <c r="H944" s="60">
        <v>212</v>
      </c>
      <c r="I944" s="60">
        <v>107</v>
      </c>
      <c r="J944" s="61">
        <v>0</v>
      </c>
      <c r="K944" s="61">
        <v>8.6</v>
      </c>
    </row>
    <row r="945" spans="1:11" ht="18.75" customHeight="1" thickBot="1">
      <c r="A945" s="59" t="s">
        <v>448</v>
      </c>
      <c r="B945" s="59" t="s">
        <v>28</v>
      </c>
      <c r="C945" s="59" t="s">
        <v>28</v>
      </c>
      <c r="D945" s="59" t="s">
        <v>370</v>
      </c>
      <c r="E945" s="59" t="s">
        <v>380</v>
      </c>
      <c r="F945" s="59" t="s">
        <v>449</v>
      </c>
      <c r="G945" s="59" t="s">
        <v>450</v>
      </c>
      <c r="H945" s="60">
        <v>212</v>
      </c>
      <c r="I945" s="60">
        <v>109</v>
      </c>
      <c r="J945" s="61">
        <v>0</v>
      </c>
      <c r="K945" s="61">
        <v>137.78</v>
      </c>
    </row>
    <row r="946" spans="1:11" ht="18.75" customHeight="1" thickBot="1">
      <c r="A946" s="59" t="s">
        <v>448</v>
      </c>
      <c r="B946" s="59" t="s">
        <v>28</v>
      </c>
      <c r="C946" s="59" t="s">
        <v>28</v>
      </c>
      <c r="D946" s="59" t="s">
        <v>370</v>
      </c>
      <c r="E946" s="59" t="s">
        <v>380</v>
      </c>
      <c r="F946" s="59" t="s">
        <v>449</v>
      </c>
      <c r="G946" s="59" t="s">
        <v>450</v>
      </c>
      <c r="H946" s="60">
        <v>212</v>
      </c>
      <c r="I946" s="60">
        <v>113</v>
      </c>
      <c r="J946" s="61">
        <v>0</v>
      </c>
      <c r="K946" s="61">
        <v>19.3</v>
      </c>
    </row>
    <row r="947" spans="1:11" ht="18.75" customHeight="1" thickBot="1">
      <c r="A947" s="59" t="s">
        <v>448</v>
      </c>
      <c r="B947" s="59" t="s">
        <v>28</v>
      </c>
      <c r="C947" s="59" t="s">
        <v>28</v>
      </c>
      <c r="D947" s="59" t="s">
        <v>370</v>
      </c>
      <c r="E947" s="59" t="s">
        <v>380</v>
      </c>
      <c r="F947" s="59" t="s">
        <v>449</v>
      </c>
      <c r="G947" s="59" t="s">
        <v>450</v>
      </c>
      <c r="H947" s="60">
        <v>212</v>
      </c>
      <c r="I947" s="60">
        <v>116</v>
      </c>
      <c r="J947" s="61">
        <v>0</v>
      </c>
      <c r="K947" s="61">
        <v>8.0399999999999991</v>
      </c>
    </row>
    <row r="948" spans="1:11" ht="18.75" customHeight="1" thickBot="1">
      <c r="A948" s="59" t="s">
        <v>448</v>
      </c>
      <c r="B948" s="59" t="s">
        <v>28</v>
      </c>
      <c r="C948" s="59" t="s">
        <v>28</v>
      </c>
      <c r="D948" s="59" t="s">
        <v>370</v>
      </c>
      <c r="E948" s="59" t="s">
        <v>380</v>
      </c>
      <c r="F948" s="59" t="s">
        <v>449</v>
      </c>
      <c r="G948" s="59" t="s">
        <v>450</v>
      </c>
      <c r="H948" s="60">
        <v>212</v>
      </c>
      <c r="I948" s="60">
        <v>150</v>
      </c>
      <c r="J948" s="61">
        <v>0</v>
      </c>
      <c r="K948" s="61">
        <v>3.83</v>
      </c>
    </row>
    <row r="949" spans="1:11" ht="18.75" customHeight="1" thickBot="1">
      <c r="A949" s="59" t="s">
        <v>448</v>
      </c>
      <c r="B949" s="59" t="s">
        <v>28</v>
      </c>
      <c r="C949" s="59" t="s">
        <v>28</v>
      </c>
      <c r="D949" s="59" t="s">
        <v>370</v>
      </c>
      <c r="E949" s="59" t="s">
        <v>380</v>
      </c>
      <c r="F949" s="59" t="s">
        <v>449</v>
      </c>
      <c r="G949" s="59" t="s">
        <v>450</v>
      </c>
      <c r="H949" s="60">
        <v>212</v>
      </c>
      <c r="I949" s="60">
        <v>211</v>
      </c>
      <c r="J949" s="61">
        <v>0</v>
      </c>
      <c r="K949" s="61">
        <v>6391.27</v>
      </c>
    </row>
    <row r="950" spans="1:11" ht="18.75" customHeight="1" thickBot="1">
      <c r="A950" s="59" t="s">
        <v>448</v>
      </c>
      <c r="B950" s="59" t="s">
        <v>28</v>
      </c>
      <c r="C950" s="59" t="s">
        <v>28</v>
      </c>
      <c r="D950" s="59" t="s">
        <v>370</v>
      </c>
      <c r="E950" s="59" t="s">
        <v>380</v>
      </c>
      <c r="F950" s="59" t="s">
        <v>449</v>
      </c>
      <c r="G950" s="59" t="s">
        <v>450</v>
      </c>
      <c r="H950" s="60">
        <v>212</v>
      </c>
      <c r="I950" s="60">
        <v>215</v>
      </c>
      <c r="J950" s="61">
        <v>0</v>
      </c>
      <c r="K950" s="61">
        <v>23909.71</v>
      </c>
    </row>
    <row r="951" spans="1:11" ht="18.75" customHeight="1" thickBot="1">
      <c r="A951" s="59" t="s">
        <v>448</v>
      </c>
      <c r="B951" s="59" t="s">
        <v>28</v>
      </c>
      <c r="C951" s="59" t="s">
        <v>28</v>
      </c>
      <c r="D951" s="59" t="s">
        <v>370</v>
      </c>
      <c r="E951" s="59" t="s">
        <v>380</v>
      </c>
      <c r="F951" s="59" t="s">
        <v>449</v>
      </c>
      <c r="G951" s="59" t="s">
        <v>450</v>
      </c>
      <c r="H951" s="60">
        <v>212</v>
      </c>
      <c r="I951" s="60">
        <v>217</v>
      </c>
      <c r="J951" s="61">
        <v>0</v>
      </c>
      <c r="K951" s="61">
        <v>39.44</v>
      </c>
    </row>
    <row r="952" spans="1:11" ht="18.75" customHeight="1" thickBot="1">
      <c r="A952" s="59" t="s">
        <v>448</v>
      </c>
      <c r="B952" s="59" t="s">
        <v>28</v>
      </c>
      <c r="C952" s="59" t="s">
        <v>28</v>
      </c>
      <c r="D952" s="59" t="s">
        <v>370</v>
      </c>
      <c r="E952" s="59" t="s">
        <v>380</v>
      </c>
      <c r="F952" s="59" t="s">
        <v>449</v>
      </c>
      <c r="G952" s="59" t="s">
        <v>450</v>
      </c>
      <c r="H952" s="60">
        <v>212</v>
      </c>
      <c r="I952" s="60">
        <v>223</v>
      </c>
      <c r="J952" s="61">
        <v>0</v>
      </c>
      <c r="K952" s="61">
        <v>131.34</v>
      </c>
    </row>
    <row r="953" spans="1:11" ht="18.75" customHeight="1" thickBot="1">
      <c r="A953" s="59" t="s">
        <v>448</v>
      </c>
      <c r="B953" s="59" t="s">
        <v>28</v>
      </c>
      <c r="C953" s="59" t="s">
        <v>28</v>
      </c>
      <c r="D953" s="59" t="s">
        <v>370</v>
      </c>
      <c r="E953" s="59" t="s">
        <v>380</v>
      </c>
      <c r="F953" s="59" t="s">
        <v>449</v>
      </c>
      <c r="G953" s="59" t="s">
        <v>450</v>
      </c>
      <c r="H953" s="60">
        <v>212</v>
      </c>
      <c r="I953" s="60">
        <v>225</v>
      </c>
      <c r="J953" s="61">
        <v>0</v>
      </c>
      <c r="K953" s="61">
        <v>177.45</v>
      </c>
    </row>
    <row r="954" spans="1:11" ht="18.75" customHeight="1" thickBot="1">
      <c r="A954" s="59" t="s">
        <v>448</v>
      </c>
      <c r="B954" s="59" t="s">
        <v>28</v>
      </c>
      <c r="C954" s="59" t="s">
        <v>28</v>
      </c>
      <c r="D954" s="59" t="s">
        <v>370</v>
      </c>
      <c r="E954" s="59" t="s">
        <v>380</v>
      </c>
      <c r="F954" s="59" t="s">
        <v>449</v>
      </c>
      <c r="G954" s="59" t="s">
        <v>450</v>
      </c>
      <c r="H954" s="60">
        <v>212</v>
      </c>
      <c r="I954" s="60">
        <v>227</v>
      </c>
      <c r="J954" s="61">
        <v>0</v>
      </c>
      <c r="K954" s="61">
        <v>484.07</v>
      </c>
    </row>
    <row r="955" spans="1:11" ht="18.75" customHeight="1" thickBot="1">
      <c r="A955" s="59" t="s">
        <v>448</v>
      </c>
      <c r="B955" s="59" t="s">
        <v>28</v>
      </c>
      <c r="C955" s="59" t="s">
        <v>28</v>
      </c>
      <c r="D955" s="59" t="s">
        <v>370</v>
      </c>
      <c r="E955" s="59" t="s">
        <v>380</v>
      </c>
      <c r="F955" s="59" t="s">
        <v>449</v>
      </c>
      <c r="G955" s="59" t="s">
        <v>450</v>
      </c>
      <c r="H955" s="60">
        <v>212</v>
      </c>
      <c r="I955" s="60">
        <v>229</v>
      </c>
      <c r="J955" s="61">
        <v>0</v>
      </c>
      <c r="K955" s="61">
        <v>185.37</v>
      </c>
    </row>
    <row r="956" spans="1:11" ht="18.75" customHeight="1" thickBot="1">
      <c r="A956" s="59" t="s">
        <v>448</v>
      </c>
      <c r="B956" s="59" t="s">
        <v>28</v>
      </c>
      <c r="C956" s="59" t="s">
        <v>28</v>
      </c>
      <c r="D956" s="59" t="s">
        <v>370</v>
      </c>
      <c r="E956" s="59" t="s">
        <v>380</v>
      </c>
      <c r="F956" s="59" t="s">
        <v>449</v>
      </c>
      <c r="G956" s="59" t="s">
        <v>450</v>
      </c>
      <c r="H956" s="60">
        <v>212</v>
      </c>
      <c r="I956" s="60">
        <v>240</v>
      </c>
      <c r="J956" s="61">
        <v>0</v>
      </c>
      <c r="K956" s="61">
        <v>12666.77</v>
      </c>
    </row>
    <row r="957" spans="1:11" ht="18.75" customHeight="1" thickBot="1">
      <c r="A957" s="59" t="s">
        <v>448</v>
      </c>
      <c r="B957" s="59" t="s">
        <v>28</v>
      </c>
      <c r="C957" s="59" t="s">
        <v>28</v>
      </c>
      <c r="D957" s="59" t="s">
        <v>370</v>
      </c>
      <c r="E957" s="59" t="s">
        <v>380</v>
      </c>
      <c r="F957" s="59" t="s">
        <v>449</v>
      </c>
      <c r="G957" s="59" t="s">
        <v>450</v>
      </c>
      <c r="H957" s="60">
        <v>212</v>
      </c>
      <c r="I957" s="60">
        <v>244</v>
      </c>
      <c r="J957" s="61">
        <v>0</v>
      </c>
      <c r="K957" s="61">
        <v>2602.73</v>
      </c>
    </row>
    <row r="958" spans="1:11" ht="18.75" customHeight="1" thickBot="1">
      <c r="A958" s="59" t="s">
        <v>448</v>
      </c>
      <c r="B958" s="59" t="s">
        <v>28</v>
      </c>
      <c r="C958" s="59" t="s">
        <v>28</v>
      </c>
      <c r="D958" s="59" t="s">
        <v>370</v>
      </c>
      <c r="E958" s="59" t="s">
        <v>380</v>
      </c>
      <c r="F958" s="59" t="s">
        <v>449</v>
      </c>
      <c r="G958" s="59" t="s">
        <v>450</v>
      </c>
      <c r="H958" s="60">
        <v>212</v>
      </c>
      <c r="I958" s="60">
        <v>248</v>
      </c>
      <c r="J958" s="61">
        <v>0</v>
      </c>
      <c r="K958" s="61">
        <v>1349.99</v>
      </c>
    </row>
    <row r="959" spans="1:11" ht="18.75" customHeight="1" thickBot="1">
      <c r="A959" s="59" t="s">
        <v>448</v>
      </c>
      <c r="B959" s="59" t="s">
        <v>28</v>
      </c>
      <c r="C959" s="59" t="s">
        <v>28</v>
      </c>
      <c r="D959" s="59" t="s">
        <v>370</v>
      </c>
      <c r="E959" s="59" t="s">
        <v>380</v>
      </c>
      <c r="F959" s="59" t="s">
        <v>449</v>
      </c>
      <c r="G959" s="59" t="s">
        <v>450</v>
      </c>
      <c r="H959" s="60">
        <v>212</v>
      </c>
      <c r="I959" s="60">
        <v>251</v>
      </c>
      <c r="J959" s="61">
        <v>0</v>
      </c>
      <c r="K959" s="61">
        <v>650.49</v>
      </c>
    </row>
    <row r="960" spans="1:11" ht="18.75" customHeight="1" thickBot="1">
      <c r="A960" s="59" t="s">
        <v>448</v>
      </c>
      <c r="B960" s="59" t="s">
        <v>28</v>
      </c>
      <c r="C960" s="59" t="s">
        <v>28</v>
      </c>
      <c r="D960" s="59" t="s">
        <v>370</v>
      </c>
      <c r="E960" s="59" t="s">
        <v>380</v>
      </c>
      <c r="F960" s="59" t="s">
        <v>449</v>
      </c>
      <c r="G960" s="59" t="s">
        <v>450</v>
      </c>
      <c r="H960" s="60">
        <v>212</v>
      </c>
      <c r="I960" s="60">
        <v>358</v>
      </c>
      <c r="J960" s="61">
        <v>0</v>
      </c>
      <c r="K960" s="61">
        <v>3528.22</v>
      </c>
    </row>
    <row r="961" spans="1:11" ht="18.75" customHeight="1" thickBot="1">
      <c r="A961" s="59" t="s">
        <v>448</v>
      </c>
      <c r="B961" s="59" t="s">
        <v>28</v>
      </c>
      <c r="C961" s="59" t="s">
        <v>28</v>
      </c>
      <c r="D961" s="59" t="s">
        <v>370</v>
      </c>
      <c r="E961" s="59" t="s">
        <v>380</v>
      </c>
      <c r="F961" s="59" t="s">
        <v>449</v>
      </c>
      <c r="G961" s="59" t="s">
        <v>450</v>
      </c>
      <c r="H961" s="60">
        <v>216</v>
      </c>
      <c r="I961" s="60">
        <v>93</v>
      </c>
      <c r="J961" s="61">
        <v>0</v>
      </c>
      <c r="K961" s="61">
        <v>1.49</v>
      </c>
    </row>
    <row r="962" spans="1:11" ht="18.75" customHeight="1" thickBot="1">
      <c r="A962" s="59" t="s">
        <v>448</v>
      </c>
      <c r="B962" s="59" t="s">
        <v>28</v>
      </c>
      <c r="C962" s="59" t="s">
        <v>28</v>
      </c>
      <c r="D962" s="59" t="s">
        <v>370</v>
      </c>
      <c r="E962" s="59" t="s">
        <v>380</v>
      </c>
      <c r="F962" s="59" t="s">
        <v>449</v>
      </c>
      <c r="G962" s="59" t="s">
        <v>450</v>
      </c>
      <c r="H962" s="60">
        <v>216</v>
      </c>
      <c r="I962" s="60">
        <v>94</v>
      </c>
      <c r="J962" s="61">
        <v>0</v>
      </c>
      <c r="K962" s="61">
        <v>1.88</v>
      </c>
    </row>
    <row r="963" spans="1:11" ht="18.75" customHeight="1" thickBot="1">
      <c r="A963" s="59" t="s">
        <v>448</v>
      </c>
      <c r="B963" s="59" t="s">
        <v>28</v>
      </c>
      <c r="C963" s="59" t="s">
        <v>28</v>
      </c>
      <c r="D963" s="59" t="s">
        <v>370</v>
      </c>
      <c r="E963" s="59" t="s">
        <v>380</v>
      </c>
      <c r="F963" s="59" t="s">
        <v>449</v>
      </c>
      <c r="G963" s="59" t="s">
        <v>450</v>
      </c>
      <c r="H963" s="60">
        <v>216</v>
      </c>
      <c r="I963" s="60">
        <v>97</v>
      </c>
      <c r="J963" s="61">
        <v>0</v>
      </c>
      <c r="K963" s="61">
        <v>71.7</v>
      </c>
    </row>
    <row r="964" spans="1:11" ht="18.75" customHeight="1" thickBot="1">
      <c r="A964" s="59" t="s">
        <v>448</v>
      </c>
      <c r="B964" s="59" t="s">
        <v>28</v>
      </c>
      <c r="C964" s="59" t="s">
        <v>28</v>
      </c>
      <c r="D964" s="59" t="s">
        <v>370</v>
      </c>
      <c r="E964" s="59" t="s">
        <v>380</v>
      </c>
      <c r="F964" s="59" t="s">
        <v>449</v>
      </c>
      <c r="G964" s="59" t="s">
        <v>450</v>
      </c>
      <c r="H964" s="60">
        <v>216</v>
      </c>
      <c r="I964" s="60">
        <v>107</v>
      </c>
      <c r="J964" s="61">
        <v>0</v>
      </c>
      <c r="K964" s="61">
        <v>3.43</v>
      </c>
    </row>
    <row r="965" spans="1:11" ht="18.75" customHeight="1" thickBot="1">
      <c r="A965" s="59" t="s">
        <v>448</v>
      </c>
      <c r="B965" s="59" t="s">
        <v>28</v>
      </c>
      <c r="C965" s="59" t="s">
        <v>28</v>
      </c>
      <c r="D965" s="59" t="s">
        <v>370</v>
      </c>
      <c r="E965" s="59" t="s">
        <v>380</v>
      </c>
      <c r="F965" s="59" t="s">
        <v>449</v>
      </c>
      <c r="G965" s="59" t="s">
        <v>450</v>
      </c>
      <c r="H965" s="60">
        <v>216</v>
      </c>
      <c r="I965" s="60">
        <v>109</v>
      </c>
      <c r="J965" s="61">
        <v>0</v>
      </c>
      <c r="K965" s="61">
        <v>60.19</v>
      </c>
    </row>
    <row r="966" spans="1:11" ht="18.75" customHeight="1" thickBot="1">
      <c r="A966" s="59" t="s">
        <v>448</v>
      </c>
      <c r="B966" s="59" t="s">
        <v>28</v>
      </c>
      <c r="C966" s="59" t="s">
        <v>28</v>
      </c>
      <c r="D966" s="59" t="s">
        <v>370</v>
      </c>
      <c r="E966" s="59" t="s">
        <v>380</v>
      </c>
      <c r="F966" s="59" t="s">
        <v>449</v>
      </c>
      <c r="G966" s="59" t="s">
        <v>450</v>
      </c>
      <c r="H966" s="60">
        <v>216</v>
      </c>
      <c r="I966" s="60">
        <v>113</v>
      </c>
      <c r="J966" s="61">
        <v>0</v>
      </c>
      <c r="K966" s="61">
        <v>22.81</v>
      </c>
    </row>
    <row r="967" spans="1:11" ht="18.75" customHeight="1" thickBot="1">
      <c r="A967" s="59" t="s">
        <v>448</v>
      </c>
      <c r="B967" s="59" t="s">
        <v>28</v>
      </c>
      <c r="C967" s="59" t="s">
        <v>28</v>
      </c>
      <c r="D967" s="59" t="s">
        <v>370</v>
      </c>
      <c r="E967" s="59" t="s">
        <v>380</v>
      </c>
      <c r="F967" s="59" t="s">
        <v>449</v>
      </c>
      <c r="G967" s="59" t="s">
        <v>450</v>
      </c>
      <c r="H967" s="60">
        <v>216</v>
      </c>
      <c r="I967" s="60">
        <v>211</v>
      </c>
      <c r="J967" s="61">
        <v>0</v>
      </c>
      <c r="K967" s="61">
        <v>545.38</v>
      </c>
    </row>
    <row r="968" spans="1:11" ht="18.75" customHeight="1" thickBot="1">
      <c r="A968" s="59" t="s">
        <v>448</v>
      </c>
      <c r="B968" s="59" t="s">
        <v>28</v>
      </c>
      <c r="C968" s="59" t="s">
        <v>28</v>
      </c>
      <c r="D968" s="59" t="s">
        <v>370</v>
      </c>
      <c r="E968" s="59" t="s">
        <v>380</v>
      </c>
      <c r="F968" s="59" t="s">
        <v>449</v>
      </c>
      <c r="G968" s="59" t="s">
        <v>450</v>
      </c>
      <c r="H968" s="60">
        <v>216</v>
      </c>
      <c r="I968" s="60">
        <v>215</v>
      </c>
      <c r="J968" s="61">
        <v>0</v>
      </c>
      <c r="K968" s="61">
        <v>732.2</v>
      </c>
    </row>
    <row r="969" spans="1:11" ht="18.75" customHeight="1" thickBot="1">
      <c r="A969" s="59" t="s">
        <v>448</v>
      </c>
      <c r="B969" s="59" t="s">
        <v>28</v>
      </c>
      <c r="C969" s="59" t="s">
        <v>28</v>
      </c>
      <c r="D969" s="59" t="s">
        <v>370</v>
      </c>
      <c r="E969" s="59" t="s">
        <v>380</v>
      </c>
      <c r="F969" s="59" t="s">
        <v>449</v>
      </c>
      <c r="G969" s="59" t="s">
        <v>450</v>
      </c>
      <c r="H969" s="60">
        <v>216</v>
      </c>
      <c r="I969" s="60">
        <v>240</v>
      </c>
      <c r="J969" s="61">
        <v>0</v>
      </c>
      <c r="K969" s="61">
        <v>0.09</v>
      </c>
    </row>
    <row r="970" spans="1:11" ht="18.75" customHeight="1" thickBot="1">
      <c r="A970" s="59" t="s">
        <v>448</v>
      </c>
      <c r="B970" s="59" t="s">
        <v>28</v>
      </c>
      <c r="C970" s="59" t="s">
        <v>28</v>
      </c>
      <c r="D970" s="59" t="s">
        <v>370</v>
      </c>
      <c r="E970" s="59" t="s">
        <v>380</v>
      </c>
      <c r="F970" s="59" t="s">
        <v>449</v>
      </c>
      <c r="G970" s="59" t="s">
        <v>450</v>
      </c>
      <c r="H970" s="60">
        <v>216</v>
      </c>
      <c r="I970" s="60">
        <v>256</v>
      </c>
      <c r="J970" s="61">
        <v>0</v>
      </c>
      <c r="K970" s="61">
        <v>1192.6300000000001</v>
      </c>
    </row>
    <row r="971" spans="1:11" ht="18.75" customHeight="1" thickBot="1">
      <c r="A971" s="59" t="s">
        <v>448</v>
      </c>
      <c r="B971" s="59" t="s">
        <v>28</v>
      </c>
      <c r="C971" s="59" t="s">
        <v>28</v>
      </c>
      <c r="D971" s="59" t="s">
        <v>370</v>
      </c>
      <c r="E971" s="59" t="s">
        <v>380</v>
      </c>
      <c r="F971" s="59" t="s">
        <v>449</v>
      </c>
      <c r="G971" s="59" t="s">
        <v>450</v>
      </c>
      <c r="H971" s="60">
        <v>221</v>
      </c>
      <c r="I971" s="60">
        <v>93</v>
      </c>
      <c r="J971" s="61">
        <v>0</v>
      </c>
      <c r="K971" s="61">
        <v>2.7</v>
      </c>
    </row>
    <row r="972" spans="1:11" ht="18.75" customHeight="1" thickBot="1">
      <c r="A972" s="59" t="s">
        <v>448</v>
      </c>
      <c r="B972" s="59" t="s">
        <v>28</v>
      </c>
      <c r="C972" s="59" t="s">
        <v>28</v>
      </c>
      <c r="D972" s="59" t="s">
        <v>370</v>
      </c>
      <c r="E972" s="59" t="s">
        <v>380</v>
      </c>
      <c r="F972" s="59" t="s">
        <v>449</v>
      </c>
      <c r="G972" s="59" t="s">
        <v>450</v>
      </c>
      <c r="H972" s="60">
        <v>221</v>
      </c>
      <c r="I972" s="60">
        <v>94</v>
      </c>
      <c r="J972" s="61">
        <v>0</v>
      </c>
      <c r="K972" s="61">
        <v>2.58</v>
      </c>
    </row>
    <row r="973" spans="1:11" ht="18.75" customHeight="1" thickBot="1">
      <c r="A973" s="59" t="s">
        <v>448</v>
      </c>
      <c r="B973" s="59" t="s">
        <v>28</v>
      </c>
      <c r="C973" s="59" t="s">
        <v>28</v>
      </c>
      <c r="D973" s="59" t="s">
        <v>370</v>
      </c>
      <c r="E973" s="59" t="s">
        <v>380</v>
      </c>
      <c r="F973" s="59" t="s">
        <v>449</v>
      </c>
      <c r="G973" s="59" t="s">
        <v>450</v>
      </c>
      <c r="H973" s="60">
        <v>221</v>
      </c>
      <c r="I973" s="60">
        <v>95</v>
      </c>
      <c r="J973" s="61">
        <v>0</v>
      </c>
      <c r="K973" s="61">
        <v>4.84</v>
      </c>
    </row>
    <row r="974" spans="1:11" ht="18.75" customHeight="1" thickBot="1">
      <c r="A974" s="59" t="s">
        <v>448</v>
      </c>
      <c r="B974" s="59" t="s">
        <v>28</v>
      </c>
      <c r="C974" s="59" t="s">
        <v>28</v>
      </c>
      <c r="D974" s="59" t="s">
        <v>370</v>
      </c>
      <c r="E974" s="59" t="s">
        <v>380</v>
      </c>
      <c r="F974" s="59" t="s">
        <v>449</v>
      </c>
      <c r="G974" s="59" t="s">
        <v>450</v>
      </c>
      <c r="H974" s="60">
        <v>221</v>
      </c>
      <c r="I974" s="60">
        <v>97</v>
      </c>
      <c r="J974" s="61">
        <v>0</v>
      </c>
      <c r="K974" s="61">
        <v>3.01</v>
      </c>
    </row>
    <row r="975" spans="1:11" ht="18.75" customHeight="1" thickBot="1">
      <c r="A975" s="59" t="s">
        <v>448</v>
      </c>
      <c r="B975" s="59" t="s">
        <v>28</v>
      </c>
      <c r="C975" s="59" t="s">
        <v>28</v>
      </c>
      <c r="D975" s="59" t="s">
        <v>370</v>
      </c>
      <c r="E975" s="59" t="s">
        <v>380</v>
      </c>
      <c r="F975" s="59" t="s">
        <v>449</v>
      </c>
      <c r="G975" s="59" t="s">
        <v>450</v>
      </c>
      <c r="H975" s="60">
        <v>221</v>
      </c>
      <c r="I975" s="60">
        <v>107</v>
      </c>
      <c r="J975" s="61">
        <v>0</v>
      </c>
      <c r="K975" s="61">
        <v>2.75</v>
      </c>
    </row>
    <row r="976" spans="1:11" ht="18.75" customHeight="1" thickBot="1">
      <c r="A976" s="59" t="s">
        <v>448</v>
      </c>
      <c r="B976" s="59" t="s">
        <v>28</v>
      </c>
      <c r="C976" s="59" t="s">
        <v>28</v>
      </c>
      <c r="D976" s="59" t="s">
        <v>370</v>
      </c>
      <c r="E976" s="59" t="s">
        <v>380</v>
      </c>
      <c r="F976" s="59" t="s">
        <v>449</v>
      </c>
      <c r="G976" s="59" t="s">
        <v>450</v>
      </c>
      <c r="H976" s="60">
        <v>221</v>
      </c>
      <c r="I976" s="60">
        <v>109</v>
      </c>
      <c r="J976" s="61">
        <v>0</v>
      </c>
      <c r="K976" s="61">
        <v>58.14</v>
      </c>
    </row>
    <row r="977" spans="1:11" ht="18.75" customHeight="1" thickBot="1">
      <c r="A977" s="59" t="s">
        <v>448</v>
      </c>
      <c r="B977" s="59" t="s">
        <v>28</v>
      </c>
      <c r="C977" s="59" t="s">
        <v>28</v>
      </c>
      <c r="D977" s="59" t="s">
        <v>370</v>
      </c>
      <c r="E977" s="59" t="s">
        <v>380</v>
      </c>
      <c r="F977" s="59" t="s">
        <v>449</v>
      </c>
      <c r="G977" s="59" t="s">
        <v>450</v>
      </c>
      <c r="H977" s="60">
        <v>221</v>
      </c>
      <c r="I977" s="60">
        <v>113</v>
      </c>
      <c r="J977" s="61">
        <v>0</v>
      </c>
      <c r="K977" s="61">
        <v>3.9</v>
      </c>
    </row>
    <row r="978" spans="1:11" ht="18.75" customHeight="1" thickBot="1">
      <c r="A978" s="59" t="s">
        <v>448</v>
      </c>
      <c r="B978" s="59" t="s">
        <v>28</v>
      </c>
      <c r="C978" s="59" t="s">
        <v>28</v>
      </c>
      <c r="D978" s="59" t="s">
        <v>370</v>
      </c>
      <c r="E978" s="59" t="s">
        <v>380</v>
      </c>
      <c r="F978" s="59" t="s">
        <v>449</v>
      </c>
      <c r="G978" s="59" t="s">
        <v>450</v>
      </c>
      <c r="H978" s="60">
        <v>221</v>
      </c>
      <c r="I978" s="60">
        <v>211</v>
      </c>
      <c r="J978" s="61">
        <v>0</v>
      </c>
      <c r="K978" s="61">
        <v>933.04</v>
      </c>
    </row>
    <row r="979" spans="1:11" ht="18.75" customHeight="1" thickBot="1">
      <c r="A979" s="59" t="s">
        <v>448</v>
      </c>
      <c r="B979" s="59" t="s">
        <v>28</v>
      </c>
      <c r="C979" s="59" t="s">
        <v>28</v>
      </c>
      <c r="D979" s="59" t="s">
        <v>370</v>
      </c>
      <c r="E979" s="59" t="s">
        <v>380</v>
      </c>
      <c r="F979" s="59" t="s">
        <v>449</v>
      </c>
      <c r="G979" s="59" t="s">
        <v>450</v>
      </c>
      <c r="H979" s="60">
        <v>221</v>
      </c>
      <c r="I979" s="60">
        <v>215</v>
      </c>
      <c r="J979" s="61">
        <v>0</v>
      </c>
      <c r="K979" s="61">
        <v>3753.48</v>
      </c>
    </row>
    <row r="980" spans="1:11" ht="18.75" customHeight="1" thickBot="1">
      <c r="A980" s="59" t="s">
        <v>448</v>
      </c>
      <c r="B980" s="59" t="s">
        <v>28</v>
      </c>
      <c r="C980" s="59" t="s">
        <v>28</v>
      </c>
      <c r="D980" s="59" t="s">
        <v>370</v>
      </c>
      <c r="E980" s="59" t="s">
        <v>380</v>
      </c>
      <c r="F980" s="59" t="s">
        <v>449</v>
      </c>
      <c r="G980" s="59" t="s">
        <v>450</v>
      </c>
      <c r="H980" s="60">
        <v>221</v>
      </c>
      <c r="I980" s="60">
        <v>217</v>
      </c>
      <c r="J980" s="61">
        <v>0</v>
      </c>
      <c r="K980" s="61">
        <v>195.54</v>
      </c>
    </row>
    <row r="981" spans="1:11" ht="18.75" customHeight="1" thickBot="1">
      <c r="A981" s="59" t="s">
        <v>448</v>
      </c>
      <c r="B981" s="59" t="s">
        <v>28</v>
      </c>
      <c r="C981" s="59" t="s">
        <v>28</v>
      </c>
      <c r="D981" s="59" t="s">
        <v>370</v>
      </c>
      <c r="E981" s="59" t="s">
        <v>380</v>
      </c>
      <c r="F981" s="59" t="s">
        <v>449</v>
      </c>
      <c r="G981" s="59" t="s">
        <v>450</v>
      </c>
      <c r="H981" s="60">
        <v>221</v>
      </c>
      <c r="I981" s="60">
        <v>220</v>
      </c>
      <c r="J981" s="61">
        <v>0</v>
      </c>
      <c r="K981" s="61">
        <v>369.38</v>
      </c>
    </row>
    <row r="982" spans="1:11" ht="18.75" customHeight="1" thickBot="1">
      <c r="A982" s="59" t="s">
        <v>448</v>
      </c>
      <c r="B982" s="59" t="s">
        <v>28</v>
      </c>
      <c r="C982" s="59" t="s">
        <v>28</v>
      </c>
      <c r="D982" s="59" t="s">
        <v>370</v>
      </c>
      <c r="E982" s="59" t="s">
        <v>380</v>
      </c>
      <c r="F982" s="59" t="s">
        <v>449</v>
      </c>
      <c r="G982" s="59" t="s">
        <v>450</v>
      </c>
      <c r="H982" s="60">
        <v>221</v>
      </c>
      <c r="I982" s="60">
        <v>240</v>
      </c>
      <c r="J982" s="61">
        <v>0</v>
      </c>
      <c r="K982" s="61">
        <v>1698.18</v>
      </c>
    </row>
    <row r="983" spans="1:11" ht="18.75" customHeight="1" thickBot="1">
      <c r="A983" s="59" t="s">
        <v>448</v>
      </c>
      <c r="B983" s="59" t="s">
        <v>28</v>
      </c>
      <c r="C983" s="59" t="s">
        <v>28</v>
      </c>
      <c r="D983" s="59" t="s">
        <v>370</v>
      </c>
      <c r="E983" s="59" t="s">
        <v>380</v>
      </c>
      <c r="F983" s="59" t="s">
        <v>449</v>
      </c>
      <c r="G983" s="59" t="s">
        <v>450</v>
      </c>
      <c r="H983" s="60">
        <v>221</v>
      </c>
      <c r="I983" s="60">
        <v>244</v>
      </c>
      <c r="J983" s="61">
        <v>0</v>
      </c>
      <c r="K983" s="61">
        <v>3636.58</v>
      </c>
    </row>
    <row r="984" spans="1:11" ht="18.75" customHeight="1" thickBot="1">
      <c r="A984" s="59" t="s">
        <v>448</v>
      </c>
      <c r="B984" s="59" t="s">
        <v>28</v>
      </c>
      <c r="C984" s="59" t="s">
        <v>28</v>
      </c>
      <c r="D984" s="59" t="s">
        <v>370</v>
      </c>
      <c r="E984" s="59" t="s">
        <v>380</v>
      </c>
      <c r="F984" s="59" t="s">
        <v>449</v>
      </c>
      <c r="G984" s="59" t="s">
        <v>450</v>
      </c>
      <c r="H984" s="60">
        <v>221</v>
      </c>
      <c r="I984" s="60">
        <v>358</v>
      </c>
      <c r="J984" s="61">
        <v>0</v>
      </c>
      <c r="K984" s="61">
        <v>11356.48</v>
      </c>
    </row>
    <row r="985" spans="1:11" ht="18.75" customHeight="1" thickBot="1">
      <c r="A985" s="59" t="s">
        <v>448</v>
      </c>
      <c r="B985" s="59" t="s">
        <v>28</v>
      </c>
      <c r="C985" s="59" t="s">
        <v>28</v>
      </c>
      <c r="D985" s="59" t="s">
        <v>370</v>
      </c>
      <c r="E985" s="59" t="s">
        <v>380</v>
      </c>
      <c r="F985" s="59" t="s">
        <v>449</v>
      </c>
      <c r="G985" s="59" t="s">
        <v>450</v>
      </c>
      <c r="H985" s="60">
        <v>221</v>
      </c>
      <c r="I985" s="60">
        <v>359</v>
      </c>
      <c r="J985" s="61">
        <v>0</v>
      </c>
      <c r="K985" s="61">
        <v>16998.27</v>
      </c>
    </row>
    <row r="986" spans="1:11" ht="18.75" customHeight="1" thickBot="1">
      <c r="A986" s="59" t="s">
        <v>448</v>
      </c>
      <c r="B986" s="59" t="s">
        <v>28</v>
      </c>
      <c r="C986" s="59" t="s">
        <v>28</v>
      </c>
      <c r="D986" s="59" t="s">
        <v>370</v>
      </c>
      <c r="E986" s="59" t="s">
        <v>380</v>
      </c>
      <c r="F986" s="59" t="s">
        <v>449</v>
      </c>
      <c r="G986" s="59" t="s">
        <v>450</v>
      </c>
      <c r="H986" s="60">
        <v>222</v>
      </c>
      <c r="I986" s="60">
        <v>113</v>
      </c>
      <c r="J986" s="61">
        <v>0</v>
      </c>
      <c r="K986" s="61">
        <v>0.48</v>
      </c>
    </row>
    <row r="987" spans="1:11" ht="18.75" customHeight="1" thickBot="1">
      <c r="A987" s="59" t="s">
        <v>448</v>
      </c>
      <c r="B987" s="59" t="s">
        <v>28</v>
      </c>
      <c r="C987" s="59" t="s">
        <v>28</v>
      </c>
      <c r="D987" s="59" t="s">
        <v>370</v>
      </c>
      <c r="E987" s="59" t="s">
        <v>380</v>
      </c>
      <c r="F987" s="59" t="s">
        <v>449</v>
      </c>
      <c r="G987" s="59" t="s">
        <v>450</v>
      </c>
      <c r="H987" s="60">
        <v>222</v>
      </c>
      <c r="I987" s="60">
        <v>211</v>
      </c>
      <c r="J987" s="61">
        <v>0</v>
      </c>
      <c r="K987" s="61">
        <v>60.35</v>
      </c>
    </row>
    <row r="988" spans="1:11" ht="18.75" customHeight="1" thickBot="1">
      <c r="A988" s="59" t="s">
        <v>448</v>
      </c>
      <c r="B988" s="59" t="s">
        <v>28</v>
      </c>
      <c r="C988" s="59" t="s">
        <v>28</v>
      </c>
      <c r="D988" s="59" t="s">
        <v>370</v>
      </c>
      <c r="E988" s="59" t="s">
        <v>380</v>
      </c>
      <c r="F988" s="59" t="s">
        <v>449</v>
      </c>
      <c r="G988" s="59" t="s">
        <v>450</v>
      </c>
      <c r="H988" s="60">
        <v>222</v>
      </c>
      <c r="I988" s="60">
        <v>215</v>
      </c>
      <c r="J988" s="61">
        <v>0</v>
      </c>
      <c r="K988" s="61">
        <v>211.57</v>
      </c>
    </row>
    <row r="989" spans="1:11" ht="18.75" customHeight="1" thickBot="1">
      <c r="A989" s="59" t="s">
        <v>448</v>
      </c>
      <c r="B989" s="59" t="s">
        <v>28</v>
      </c>
      <c r="C989" s="59" t="s">
        <v>28</v>
      </c>
      <c r="D989" s="59" t="s">
        <v>370</v>
      </c>
      <c r="E989" s="59" t="s">
        <v>380</v>
      </c>
      <c r="F989" s="59" t="s">
        <v>449</v>
      </c>
      <c r="G989" s="59" t="s">
        <v>450</v>
      </c>
      <c r="H989" s="60">
        <v>222</v>
      </c>
      <c r="I989" s="60">
        <v>220</v>
      </c>
      <c r="J989" s="61">
        <v>0</v>
      </c>
      <c r="K989" s="61">
        <v>132.66</v>
      </c>
    </row>
    <row r="990" spans="1:11" ht="18.75" customHeight="1" thickBot="1">
      <c r="A990" s="59" t="s">
        <v>448</v>
      </c>
      <c r="B990" s="59" t="s">
        <v>28</v>
      </c>
      <c r="C990" s="59" t="s">
        <v>28</v>
      </c>
      <c r="D990" s="59" t="s">
        <v>370</v>
      </c>
      <c r="E990" s="59" t="s">
        <v>380</v>
      </c>
      <c r="F990" s="59" t="s">
        <v>449</v>
      </c>
      <c r="G990" s="59" t="s">
        <v>450</v>
      </c>
      <c r="H990" s="60">
        <v>222</v>
      </c>
      <c r="I990" s="60">
        <v>240</v>
      </c>
      <c r="J990" s="61">
        <v>0</v>
      </c>
      <c r="K990" s="61">
        <v>1115.81</v>
      </c>
    </row>
    <row r="991" spans="1:11" ht="18.75" customHeight="1" thickBot="1">
      <c r="A991" s="59" t="s">
        <v>448</v>
      </c>
      <c r="B991" s="59" t="s">
        <v>28</v>
      </c>
      <c r="C991" s="59" t="s">
        <v>28</v>
      </c>
      <c r="D991" s="59" t="s">
        <v>370</v>
      </c>
      <c r="E991" s="59" t="s">
        <v>380</v>
      </c>
      <c r="F991" s="59" t="s">
        <v>449</v>
      </c>
      <c r="G991" s="59" t="s">
        <v>450</v>
      </c>
      <c r="H991" s="60">
        <v>222</v>
      </c>
      <c r="I991" s="60">
        <v>244</v>
      </c>
      <c r="J991" s="61">
        <v>0</v>
      </c>
      <c r="K991" s="61">
        <v>1157.24</v>
      </c>
    </row>
    <row r="992" spans="1:11" ht="18.75" customHeight="1" thickBot="1">
      <c r="A992" s="59" t="s">
        <v>448</v>
      </c>
      <c r="B992" s="59" t="s">
        <v>28</v>
      </c>
      <c r="C992" s="59" t="s">
        <v>28</v>
      </c>
      <c r="D992" s="59" t="s">
        <v>370</v>
      </c>
      <c r="E992" s="59" t="s">
        <v>380</v>
      </c>
      <c r="F992" s="59" t="s">
        <v>449</v>
      </c>
      <c r="G992" s="59" t="s">
        <v>450</v>
      </c>
      <c r="H992" s="60">
        <v>230</v>
      </c>
      <c r="I992" s="60">
        <v>94</v>
      </c>
      <c r="J992" s="61">
        <v>0</v>
      </c>
      <c r="K992" s="61">
        <v>0.67</v>
      </c>
    </row>
    <row r="993" spans="1:11" ht="18.75" customHeight="1" thickBot="1">
      <c r="A993" s="59" t="s">
        <v>448</v>
      </c>
      <c r="B993" s="59" t="s">
        <v>28</v>
      </c>
      <c r="C993" s="59" t="s">
        <v>28</v>
      </c>
      <c r="D993" s="59" t="s">
        <v>370</v>
      </c>
      <c r="E993" s="59" t="s">
        <v>380</v>
      </c>
      <c r="F993" s="59" t="s">
        <v>449</v>
      </c>
      <c r="G993" s="59" t="s">
        <v>450</v>
      </c>
      <c r="H993" s="60">
        <v>230</v>
      </c>
      <c r="I993" s="60">
        <v>97</v>
      </c>
      <c r="J993" s="61">
        <v>0</v>
      </c>
      <c r="K993" s="61">
        <v>11.23</v>
      </c>
    </row>
    <row r="994" spans="1:11" ht="18.75" customHeight="1" thickBot="1">
      <c r="A994" s="59" t="s">
        <v>448</v>
      </c>
      <c r="B994" s="59" t="s">
        <v>28</v>
      </c>
      <c r="C994" s="59" t="s">
        <v>28</v>
      </c>
      <c r="D994" s="59" t="s">
        <v>370</v>
      </c>
      <c r="E994" s="59" t="s">
        <v>380</v>
      </c>
      <c r="F994" s="59" t="s">
        <v>449</v>
      </c>
      <c r="G994" s="59" t="s">
        <v>450</v>
      </c>
      <c r="H994" s="60">
        <v>230</v>
      </c>
      <c r="I994" s="60">
        <v>107</v>
      </c>
      <c r="J994" s="61">
        <v>0</v>
      </c>
      <c r="K994" s="61">
        <v>1.1200000000000001</v>
      </c>
    </row>
    <row r="995" spans="1:11" ht="18.75" customHeight="1" thickBot="1">
      <c r="A995" s="59" t="s">
        <v>448</v>
      </c>
      <c r="B995" s="59" t="s">
        <v>28</v>
      </c>
      <c r="C995" s="59" t="s">
        <v>28</v>
      </c>
      <c r="D995" s="59" t="s">
        <v>370</v>
      </c>
      <c r="E995" s="59" t="s">
        <v>380</v>
      </c>
      <c r="F995" s="59" t="s">
        <v>449</v>
      </c>
      <c r="G995" s="59" t="s">
        <v>450</v>
      </c>
      <c r="H995" s="60">
        <v>230</v>
      </c>
      <c r="I995" s="60">
        <v>113</v>
      </c>
      <c r="J995" s="61">
        <v>0</v>
      </c>
      <c r="K995" s="61">
        <v>2.44</v>
      </c>
    </row>
    <row r="996" spans="1:11" ht="18.75" customHeight="1" thickBot="1">
      <c r="A996" s="59" t="s">
        <v>448</v>
      </c>
      <c r="B996" s="59" t="s">
        <v>28</v>
      </c>
      <c r="C996" s="59" t="s">
        <v>28</v>
      </c>
      <c r="D996" s="59" t="s">
        <v>370</v>
      </c>
      <c r="E996" s="59" t="s">
        <v>380</v>
      </c>
      <c r="F996" s="59" t="s">
        <v>449</v>
      </c>
      <c r="G996" s="59" t="s">
        <v>450</v>
      </c>
      <c r="H996" s="60">
        <v>230</v>
      </c>
      <c r="I996" s="60">
        <v>211</v>
      </c>
      <c r="J996" s="61">
        <v>0</v>
      </c>
      <c r="K996" s="61">
        <v>67.010000000000005</v>
      </c>
    </row>
    <row r="997" spans="1:11" ht="18.75" customHeight="1" thickBot="1">
      <c r="A997" s="59" t="s">
        <v>448</v>
      </c>
      <c r="B997" s="59" t="s">
        <v>28</v>
      </c>
      <c r="C997" s="59" t="s">
        <v>28</v>
      </c>
      <c r="D997" s="59" t="s">
        <v>370</v>
      </c>
      <c r="E997" s="59" t="s">
        <v>380</v>
      </c>
      <c r="F997" s="59" t="s">
        <v>449</v>
      </c>
      <c r="G997" s="59" t="s">
        <v>450</v>
      </c>
      <c r="H997" s="60">
        <v>230</v>
      </c>
      <c r="I997" s="60">
        <v>215</v>
      </c>
      <c r="J997" s="61">
        <v>0</v>
      </c>
      <c r="K997" s="61">
        <v>443.2</v>
      </c>
    </row>
    <row r="998" spans="1:11" ht="18.75" customHeight="1" thickBot="1">
      <c r="A998" s="59" t="s">
        <v>448</v>
      </c>
      <c r="B998" s="59" t="s">
        <v>28</v>
      </c>
      <c r="C998" s="59" t="s">
        <v>28</v>
      </c>
      <c r="D998" s="59" t="s">
        <v>370</v>
      </c>
      <c r="E998" s="59" t="s">
        <v>380</v>
      </c>
      <c r="F998" s="59" t="s">
        <v>449</v>
      </c>
      <c r="G998" s="59" t="s">
        <v>450</v>
      </c>
      <c r="H998" s="60">
        <v>230</v>
      </c>
      <c r="I998" s="60">
        <v>220</v>
      </c>
      <c r="J998" s="61">
        <v>0</v>
      </c>
      <c r="K998" s="61">
        <v>591.94000000000005</v>
      </c>
    </row>
    <row r="999" spans="1:11" ht="18.75" customHeight="1" thickBot="1">
      <c r="A999" s="59" t="s">
        <v>448</v>
      </c>
      <c r="B999" s="59" t="s">
        <v>28</v>
      </c>
      <c r="C999" s="59" t="s">
        <v>28</v>
      </c>
      <c r="D999" s="59" t="s">
        <v>370</v>
      </c>
      <c r="E999" s="59" t="s">
        <v>380</v>
      </c>
      <c r="F999" s="59" t="s">
        <v>449</v>
      </c>
      <c r="G999" s="59" t="s">
        <v>450</v>
      </c>
      <c r="H999" s="60">
        <v>230</v>
      </c>
      <c r="I999" s="60">
        <v>236</v>
      </c>
      <c r="J999" s="61">
        <v>0</v>
      </c>
      <c r="K999" s="61">
        <v>136.71</v>
      </c>
    </row>
    <row r="1000" spans="1:11" ht="18.75" customHeight="1" thickBot="1">
      <c r="A1000" s="59" t="s">
        <v>448</v>
      </c>
      <c r="B1000" s="59" t="s">
        <v>28</v>
      </c>
      <c r="C1000" s="59" t="s">
        <v>28</v>
      </c>
      <c r="D1000" s="59" t="s">
        <v>370</v>
      </c>
      <c r="E1000" s="59" t="s">
        <v>380</v>
      </c>
      <c r="F1000" s="59" t="s">
        <v>449</v>
      </c>
      <c r="G1000" s="59" t="s">
        <v>450</v>
      </c>
      <c r="H1000" s="60">
        <v>230</v>
      </c>
      <c r="I1000" s="60">
        <v>240</v>
      </c>
      <c r="J1000" s="61">
        <v>0</v>
      </c>
      <c r="K1000" s="61">
        <v>227.35</v>
      </c>
    </row>
    <row r="1001" spans="1:11" ht="18.75" customHeight="1" thickBot="1">
      <c r="A1001" s="59" t="s">
        <v>448</v>
      </c>
      <c r="B1001" s="59" t="s">
        <v>28</v>
      </c>
      <c r="C1001" s="59" t="s">
        <v>28</v>
      </c>
      <c r="D1001" s="59" t="s">
        <v>370</v>
      </c>
      <c r="E1001" s="59" t="s">
        <v>380</v>
      </c>
      <c r="F1001" s="59" t="s">
        <v>449</v>
      </c>
      <c r="G1001" s="59" t="s">
        <v>450</v>
      </c>
      <c r="H1001" s="60">
        <v>230</v>
      </c>
      <c r="I1001" s="60">
        <v>244</v>
      </c>
      <c r="J1001" s="61">
        <v>0</v>
      </c>
      <c r="K1001" s="61">
        <v>12572.87</v>
      </c>
    </row>
    <row r="1002" spans="1:11" ht="18.75" customHeight="1" thickBot="1">
      <c r="A1002" s="59" t="s">
        <v>448</v>
      </c>
      <c r="B1002" s="59" t="s">
        <v>28</v>
      </c>
      <c r="C1002" s="59" t="s">
        <v>28</v>
      </c>
      <c r="D1002" s="59" t="s">
        <v>370</v>
      </c>
      <c r="E1002" s="59" t="s">
        <v>380</v>
      </c>
      <c r="F1002" s="59" t="s">
        <v>449</v>
      </c>
      <c r="G1002" s="59" t="s">
        <v>450</v>
      </c>
      <c r="H1002" s="60">
        <v>230</v>
      </c>
      <c r="I1002" s="60">
        <v>248</v>
      </c>
      <c r="J1002" s="61">
        <v>0</v>
      </c>
      <c r="K1002" s="61">
        <v>919.52</v>
      </c>
    </row>
    <row r="1003" spans="1:11" ht="18.75" customHeight="1" thickBot="1">
      <c r="A1003" s="59" t="s">
        <v>448</v>
      </c>
      <c r="B1003" s="59" t="s">
        <v>28</v>
      </c>
      <c r="C1003" s="59" t="s">
        <v>28</v>
      </c>
      <c r="D1003" s="59" t="s">
        <v>370</v>
      </c>
      <c r="E1003" s="59" t="s">
        <v>380</v>
      </c>
      <c r="F1003" s="59" t="s">
        <v>449</v>
      </c>
      <c r="G1003" s="59" t="s">
        <v>450</v>
      </c>
      <c r="H1003" s="60">
        <v>230</v>
      </c>
      <c r="I1003" s="60">
        <v>257</v>
      </c>
      <c r="J1003" s="61">
        <v>0</v>
      </c>
      <c r="K1003" s="61">
        <v>1830.98</v>
      </c>
    </row>
    <row r="1004" spans="1:11" ht="18.75" customHeight="1" thickBot="1">
      <c r="A1004" s="59" t="s">
        <v>448</v>
      </c>
      <c r="B1004" s="59" t="s">
        <v>28</v>
      </c>
      <c r="C1004" s="59" t="s">
        <v>28</v>
      </c>
      <c r="D1004" s="59" t="s">
        <v>370</v>
      </c>
      <c r="E1004" s="59" t="s">
        <v>380</v>
      </c>
      <c r="F1004" s="59" t="s">
        <v>449</v>
      </c>
      <c r="G1004" s="59" t="s">
        <v>450</v>
      </c>
      <c r="H1004" s="60">
        <v>230</v>
      </c>
      <c r="I1004" s="60">
        <v>330</v>
      </c>
      <c r="J1004" s="61">
        <v>0</v>
      </c>
      <c r="K1004" s="61">
        <v>15205.26</v>
      </c>
    </row>
    <row r="1005" spans="1:11" ht="18.75" customHeight="1" thickBot="1">
      <c r="A1005" s="59" t="s">
        <v>448</v>
      </c>
      <c r="B1005" s="59" t="s">
        <v>28</v>
      </c>
      <c r="C1005" s="59" t="s">
        <v>28</v>
      </c>
      <c r="D1005" s="59" t="s">
        <v>370</v>
      </c>
      <c r="E1005" s="59" t="s">
        <v>380</v>
      </c>
      <c r="F1005" s="59" t="s">
        <v>449</v>
      </c>
      <c r="G1005" s="59" t="s">
        <v>450</v>
      </c>
      <c r="H1005" s="60">
        <v>230</v>
      </c>
      <c r="I1005" s="60">
        <v>358</v>
      </c>
      <c r="J1005" s="61">
        <v>0</v>
      </c>
      <c r="K1005" s="61">
        <v>10421.77</v>
      </c>
    </row>
    <row r="1006" spans="1:11" ht="18.75" customHeight="1" thickBot="1">
      <c r="A1006" s="59" t="s">
        <v>448</v>
      </c>
      <c r="B1006" s="59" t="s">
        <v>28</v>
      </c>
      <c r="C1006" s="59" t="s">
        <v>28</v>
      </c>
      <c r="D1006" s="59" t="s">
        <v>370</v>
      </c>
      <c r="E1006" s="59" t="s">
        <v>380</v>
      </c>
      <c r="F1006" s="59" t="s">
        <v>449</v>
      </c>
      <c r="G1006" s="59" t="s">
        <v>450</v>
      </c>
      <c r="H1006" s="60">
        <v>230</v>
      </c>
      <c r="I1006" s="60">
        <v>359</v>
      </c>
      <c r="J1006" s="61">
        <v>0</v>
      </c>
      <c r="K1006" s="61">
        <v>14331.32</v>
      </c>
    </row>
    <row r="1007" spans="1:11" ht="18.75" hidden="1" customHeight="1" thickBot="1">
      <c r="A1007" s="59" t="s">
        <v>448</v>
      </c>
      <c r="B1007" s="59" t="s">
        <v>28</v>
      </c>
      <c r="C1007" s="59" t="s">
        <v>28</v>
      </c>
      <c r="D1007" s="59" t="s">
        <v>370</v>
      </c>
      <c r="E1007" s="59" t="s">
        <v>382</v>
      </c>
      <c r="F1007" s="59" t="s">
        <v>449</v>
      </c>
      <c r="G1007" s="59" t="s">
        <v>450</v>
      </c>
      <c r="H1007" s="60">
        <v>10</v>
      </c>
      <c r="I1007" s="60">
        <v>15</v>
      </c>
      <c r="J1007" s="61">
        <v>0</v>
      </c>
      <c r="K1007" s="61">
        <v>-1.68</v>
      </c>
    </row>
    <row r="1008" spans="1:11" ht="18.75" hidden="1" customHeight="1" thickBot="1">
      <c r="A1008" s="59" t="s">
        <v>448</v>
      </c>
      <c r="B1008" s="59" t="s">
        <v>28</v>
      </c>
      <c r="C1008" s="59" t="s">
        <v>28</v>
      </c>
      <c r="D1008" s="59" t="s">
        <v>370</v>
      </c>
      <c r="E1008" s="59" t="s">
        <v>382</v>
      </c>
      <c r="F1008" s="59" t="s">
        <v>449</v>
      </c>
      <c r="G1008" s="59" t="s">
        <v>450</v>
      </c>
      <c r="H1008" s="60">
        <v>10</v>
      </c>
      <c r="I1008" s="60">
        <v>94</v>
      </c>
      <c r="J1008" s="61">
        <v>0</v>
      </c>
      <c r="K1008" s="61">
        <v>-0.63</v>
      </c>
    </row>
    <row r="1009" spans="1:11" ht="18.75" hidden="1" customHeight="1" thickBot="1">
      <c r="A1009" s="59" t="s">
        <v>448</v>
      </c>
      <c r="B1009" s="59" t="s">
        <v>28</v>
      </c>
      <c r="C1009" s="59" t="s">
        <v>28</v>
      </c>
      <c r="D1009" s="59" t="s">
        <v>370</v>
      </c>
      <c r="E1009" s="59" t="s">
        <v>382</v>
      </c>
      <c r="F1009" s="59" t="s">
        <v>449</v>
      </c>
      <c r="G1009" s="59" t="s">
        <v>450</v>
      </c>
      <c r="H1009" s="60">
        <v>20</v>
      </c>
      <c r="I1009" s="60">
        <v>113</v>
      </c>
      <c r="J1009" s="61">
        <v>0</v>
      </c>
      <c r="K1009" s="61">
        <v>-0.75</v>
      </c>
    </row>
    <row r="1010" spans="1:11" ht="18.75" hidden="1" customHeight="1" thickBot="1">
      <c r="A1010" s="59" t="s">
        <v>448</v>
      </c>
      <c r="B1010" s="59" t="s">
        <v>28</v>
      </c>
      <c r="C1010" s="59" t="s">
        <v>28</v>
      </c>
      <c r="D1010" s="59" t="s">
        <v>370</v>
      </c>
      <c r="E1010" s="59" t="s">
        <v>382</v>
      </c>
      <c r="F1010" s="59" t="s">
        <v>449</v>
      </c>
      <c r="G1010" s="59" t="s">
        <v>450</v>
      </c>
      <c r="H1010" s="60">
        <v>211</v>
      </c>
      <c r="I1010" s="60">
        <v>109</v>
      </c>
      <c r="J1010" s="61">
        <v>0</v>
      </c>
      <c r="K1010" s="61">
        <v>-5.19</v>
      </c>
    </row>
    <row r="1011" spans="1:11" ht="18.75" hidden="1" customHeight="1" thickBot="1">
      <c r="A1011" s="59" t="s">
        <v>448</v>
      </c>
      <c r="B1011" s="59" t="s">
        <v>28</v>
      </c>
      <c r="C1011" s="59" t="s">
        <v>28</v>
      </c>
      <c r="D1011" s="59" t="s">
        <v>370</v>
      </c>
      <c r="E1011" s="59" t="s">
        <v>382</v>
      </c>
      <c r="F1011" s="59" t="s">
        <v>449</v>
      </c>
      <c r="G1011" s="59" t="s">
        <v>450</v>
      </c>
      <c r="H1011" s="60">
        <v>211</v>
      </c>
      <c r="I1011" s="60">
        <v>211</v>
      </c>
      <c r="J1011" s="61">
        <v>0</v>
      </c>
      <c r="K1011" s="61">
        <v>-112.01</v>
      </c>
    </row>
    <row r="1012" spans="1:11" ht="18.75" hidden="1" customHeight="1" thickBot="1">
      <c r="A1012" s="59" t="s">
        <v>448</v>
      </c>
      <c r="B1012" s="59" t="s">
        <v>28</v>
      </c>
      <c r="C1012" s="59" t="s">
        <v>28</v>
      </c>
      <c r="D1012" s="59" t="s">
        <v>370</v>
      </c>
      <c r="E1012" s="59" t="s">
        <v>382</v>
      </c>
      <c r="F1012" s="59" t="s">
        <v>449</v>
      </c>
      <c r="G1012" s="59" t="s">
        <v>450</v>
      </c>
      <c r="H1012" s="60">
        <v>211</v>
      </c>
      <c r="I1012" s="60">
        <v>213</v>
      </c>
      <c r="J1012" s="61">
        <v>0</v>
      </c>
      <c r="K1012" s="61">
        <v>-3.93</v>
      </c>
    </row>
    <row r="1013" spans="1:11" ht="18.75" hidden="1" customHeight="1" thickBot="1">
      <c r="A1013" s="59" t="s">
        <v>448</v>
      </c>
      <c r="B1013" s="59" t="s">
        <v>28</v>
      </c>
      <c r="C1013" s="59" t="s">
        <v>28</v>
      </c>
      <c r="D1013" s="59" t="s">
        <v>370</v>
      </c>
      <c r="E1013" s="59" t="s">
        <v>382</v>
      </c>
      <c r="F1013" s="59" t="s">
        <v>449</v>
      </c>
      <c r="G1013" s="59" t="s">
        <v>450</v>
      </c>
      <c r="H1013" s="60">
        <v>211</v>
      </c>
      <c r="I1013" s="60">
        <v>215</v>
      </c>
      <c r="J1013" s="61">
        <v>0</v>
      </c>
      <c r="K1013" s="61">
        <v>-168.24</v>
      </c>
    </row>
    <row r="1014" spans="1:11" ht="18.75" hidden="1" customHeight="1" thickBot="1">
      <c r="A1014" s="59" t="s">
        <v>448</v>
      </c>
      <c r="B1014" s="59" t="s">
        <v>28</v>
      </c>
      <c r="C1014" s="59" t="s">
        <v>28</v>
      </c>
      <c r="D1014" s="59" t="s">
        <v>370</v>
      </c>
      <c r="E1014" s="59" t="s">
        <v>382</v>
      </c>
      <c r="F1014" s="59" t="s">
        <v>449</v>
      </c>
      <c r="G1014" s="59" t="s">
        <v>450</v>
      </c>
      <c r="H1014" s="60">
        <v>212</v>
      </c>
      <c r="I1014" s="60">
        <v>211</v>
      </c>
      <c r="J1014" s="61">
        <v>0</v>
      </c>
      <c r="K1014" s="61">
        <v>-1.73</v>
      </c>
    </row>
    <row r="1015" spans="1:11" ht="18.75" hidden="1" customHeight="1" thickBot="1">
      <c r="A1015" s="59" t="s">
        <v>448</v>
      </c>
      <c r="B1015" s="59" t="s">
        <v>28</v>
      </c>
      <c r="C1015" s="59" t="s">
        <v>28</v>
      </c>
      <c r="D1015" s="59" t="s">
        <v>370</v>
      </c>
      <c r="E1015" s="59" t="s">
        <v>382</v>
      </c>
      <c r="F1015" s="59" t="s">
        <v>449</v>
      </c>
      <c r="G1015" s="59" t="s">
        <v>450</v>
      </c>
      <c r="H1015" s="60">
        <v>212</v>
      </c>
      <c r="I1015" s="60">
        <v>215</v>
      </c>
      <c r="J1015" s="61">
        <v>0</v>
      </c>
      <c r="K1015" s="61">
        <v>-704.45</v>
      </c>
    </row>
    <row r="1016" spans="1:11" ht="18.75" hidden="1" customHeight="1" thickBot="1">
      <c r="A1016" s="59" t="s">
        <v>448</v>
      </c>
      <c r="B1016" s="59" t="s">
        <v>28</v>
      </c>
      <c r="C1016" s="59" t="s">
        <v>28</v>
      </c>
      <c r="D1016" s="59" t="s">
        <v>370</v>
      </c>
      <c r="E1016" s="59" t="s">
        <v>382</v>
      </c>
      <c r="F1016" s="59" t="s">
        <v>449</v>
      </c>
      <c r="G1016" s="59" t="s">
        <v>450</v>
      </c>
      <c r="H1016" s="60">
        <v>221</v>
      </c>
      <c r="I1016" s="60">
        <v>94</v>
      </c>
      <c r="J1016" s="61">
        <v>0</v>
      </c>
      <c r="K1016" s="61">
        <v>-2.58</v>
      </c>
    </row>
    <row r="1017" spans="1:11" ht="18.75" hidden="1" customHeight="1" thickBot="1">
      <c r="A1017" s="59" t="s">
        <v>448</v>
      </c>
      <c r="B1017" s="59" t="s">
        <v>28</v>
      </c>
      <c r="C1017" s="59" t="s">
        <v>28</v>
      </c>
      <c r="D1017" s="59" t="s">
        <v>370</v>
      </c>
      <c r="E1017" s="59" t="s">
        <v>382</v>
      </c>
      <c r="F1017" s="59" t="s">
        <v>449</v>
      </c>
      <c r="G1017" s="59" t="s">
        <v>450</v>
      </c>
      <c r="H1017" s="60">
        <v>221</v>
      </c>
      <c r="I1017" s="60">
        <v>215</v>
      </c>
      <c r="J1017" s="61">
        <v>0</v>
      </c>
      <c r="K1017" s="61">
        <v>-118.09</v>
      </c>
    </row>
    <row r="1018" spans="1:11" ht="18.75" hidden="1" customHeight="1" thickBot="1">
      <c r="A1018" s="59" t="s">
        <v>448</v>
      </c>
      <c r="B1018" s="59" t="s">
        <v>28</v>
      </c>
      <c r="C1018" s="59" t="s">
        <v>28</v>
      </c>
      <c r="D1018" s="59" t="s">
        <v>370</v>
      </c>
      <c r="E1018" s="59" t="s">
        <v>382</v>
      </c>
      <c r="F1018" s="59" t="s">
        <v>449</v>
      </c>
      <c r="G1018" s="59" t="s">
        <v>450</v>
      </c>
      <c r="H1018" s="60">
        <v>221</v>
      </c>
      <c r="I1018" s="60">
        <v>358</v>
      </c>
      <c r="J1018" s="61">
        <v>0</v>
      </c>
      <c r="K1018" s="61">
        <v>-4708.62</v>
      </c>
    </row>
    <row r="1019" spans="1:11" ht="18.75" hidden="1" customHeight="1" thickBot="1">
      <c r="A1019" s="59" t="s">
        <v>448</v>
      </c>
      <c r="B1019" s="59" t="s">
        <v>28</v>
      </c>
      <c r="C1019" s="59" t="s">
        <v>28</v>
      </c>
      <c r="D1019" s="59" t="s">
        <v>371</v>
      </c>
      <c r="E1019" s="59" t="s">
        <v>378</v>
      </c>
      <c r="F1019" s="59" t="s">
        <v>449</v>
      </c>
      <c r="G1019" s="59" t="s">
        <v>450</v>
      </c>
      <c r="H1019" s="60">
        <v>10</v>
      </c>
      <c r="I1019" s="60">
        <v>15</v>
      </c>
      <c r="J1019" s="61">
        <v>0</v>
      </c>
      <c r="K1019" s="61">
        <v>-29.67</v>
      </c>
    </row>
    <row r="1020" spans="1:11" ht="18.75" hidden="1" customHeight="1" thickBot="1">
      <c r="A1020" s="59" t="s">
        <v>448</v>
      </c>
      <c r="B1020" s="59" t="s">
        <v>28</v>
      </c>
      <c r="C1020" s="59" t="s">
        <v>28</v>
      </c>
      <c r="D1020" s="59" t="s">
        <v>371</v>
      </c>
      <c r="E1020" s="59" t="s">
        <v>378</v>
      </c>
      <c r="F1020" s="59" t="s">
        <v>449</v>
      </c>
      <c r="G1020" s="59" t="s">
        <v>450</v>
      </c>
      <c r="H1020" s="60">
        <v>10</v>
      </c>
      <c r="I1020" s="60">
        <v>22</v>
      </c>
      <c r="J1020" s="61">
        <v>0</v>
      </c>
      <c r="K1020" s="61">
        <v>-12.34</v>
      </c>
    </row>
    <row r="1021" spans="1:11" ht="18.75" hidden="1" customHeight="1" thickBot="1">
      <c r="A1021" s="59" t="s">
        <v>448</v>
      </c>
      <c r="B1021" s="59" t="s">
        <v>28</v>
      </c>
      <c r="C1021" s="59" t="s">
        <v>28</v>
      </c>
      <c r="D1021" s="59" t="s">
        <v>371</v>
      </c>
      <c r="E1021" s="59" t="s">
        <v>378</v>
      </c>
      <c r="F1021" s="59" t="s">
        <v>449</v>
      </c>
      <c r="G1021" s="59" t="s">
        <v>450</v>
      </c>
      <c r="H1021" s="60">
        <v>10</v>
      </c>
      <c r="I1021" s="60">
        <v>94</v>
      </c>
      <c r="J1021" s="61">
        <v>0</v>
      </c>
      <c r="K1021" s="61">
        <v>-28.95</v>
      </c>
    </row>
    <row r="1022" spans="1:11" ht="18.75" hidden="1" customHeight="1" thickBot="1">
      <c r="A1022" s="59" t="s">
        <v>448</v>
      </c>
      <c r="B1022" s="59" t="s">
        <v>28</v>
      </c>
      <c r="C1022" s="59" t="s">
        <v>28</v>
      </c>
      <c r="D1022" s="59" t="s">
        <v>371</v>
      </c>
      <c r="E1022" s="59" t="s">
        <v>378</v>
      </c>
      <c r="F1022" s="59" t="s">
        <v>449</v>
      </c>
      <c r="G1022" s="59" t="s">
        <v>450</v>
      </c>
      <c r="H1022" s="60">
        <v>10</v>
      </c>
      <c r="I1022" s="60">
        <v>97</v>
      </c>
      <c r="J1022" s="61">
        <v>0</v>
      </c>
      <c r="K1022" s="61">
        <v>-1.9</v>
      </c>
    </row>
    <row r="1023" spans="1:11" ht="18.75" hidden="1" customHeight="1" thickBot="1">
      <c r="A1023" s="59" t="s">
        <v>448</v>
      </c>
      <c r="B1023" s="59" t="s">
        <v>28</v>
      </c>
      <c r="C1023" s="59" t="s">
        <v>28</v>
      </c>
      <c r="D1023" s="59" t="s">
        <v>371</v>
      </c>
      <c r="E1023" s="59" t="s">
        <v>378</v>
      </c>
      <c r="F1023" s="59" t="s">
        <v>449</v>
      </c>
      <c r="G1023" s="59" t="s">
        <v>450</v>
      </c>
      <c r="H1023" s="60">
        <v>10</v>
      </c>
      <c r="I1023" s="60">
        <v>107</v>
      </c>
      <c r="J1023" s="61">
        <v>0</v>
      </c>
      <c r="K1023" s="61">
        <v>-1.08</v>
      </c>
    </row>
    <row r="1024" spans="1:11" ht="18.75" hidden="1" customHeight="1" thickBot="1">
      <c r="A1024" s="59" t="s">
        <v>448</v>
      </c>
      <c r="B1024" s="59" t="s">
        <v>28</v>
      </c>
      <c r="C1024" s="59" t="s">
        <v>28</v>
      </c>
      <c r="D1024" s="59" t="s">
        <v>371</v>
      </c>
      <c r="E1024" s="59" t="s">
        <v>378</v>
      </c>
      <c r="F1024" s="59" t="s">
        <v>449</v>
      </c>
      <c r="G1024" s="59" t="s">
        <v>450</v>
      </c>
      <c r="H1024" s="60">
        <v>10</v>
      </c>
      <c r="I1024" s="60">
        <v>109</v>
      </c>
      <c r="J1024" s="61">
        <v>0</v>
      </c>
      <c r="K1024" s="61">
        <v>-1.6</v>
      </c>
    </row>
    <row r="1025" spans="1:11" ht="18.75" hidden="1" customHeight="1" thickBot="1">
      <c r="A1025" s="59" t="s">
        <v>448</v>
      </c>
      <c r="B1025" s="59" t="s">
        <v>28</v>
      </c>
      <c r="C1025" s="59" t="s">
        <v>28</v>
      </c>
      <c r="D1025" s="59" t="s">
        <v>371</v>
      </c>
      <c r="E1025" s="59" t="s">
        <v>378</v>
      </c>
      <c r="F1025" s="59" t="s">
        <v>449</v>
      </c>
      <c r="G1025" s="59" t="s">
        <v>450</v>
      </c>
      <c r="H1025" s="60">
        <v>10</v>
      </c>
      <c r="I1025" s="60">
        <v>113</v>
      </c>
      <c r="J1025" s="61">
        <v>0</v>
      </c>
      <c r="K1025" s="61">
        <v>-8.7899999999999991</v>
      </c>
    </row>
    <row r="1026" spans="1:11" ht="18.75" hidden="1" customHeight="1" thickBot="1">
      <c r="A1026" s="59" t="s">
        <v>448</v>
      </c>
      <c r="B1026" s="59" t="s">
        <v>28</v>
      </c>
      <c r="C1026" s="59" t="s">
        <v>28</v>
      </c>
      <c r="D1026" s="59" t="s">
        <v>371</v>
      </c>
      <c r="E1026" s="59" t="s">
        <v>378</v>
      </c>
      <c r="F1026" s="59" t="s">
        <v>449</v>
      </c>
      <c r="G1026" s="59" t="s">
        <v>450</v>
      </c>
      <c r="H1026" s="60">
        <v>10</v>
      </c>
      <c r="I1026" s="60">
        <v>150</v>
      </c>
      <c r="J1026" s="61">
        <v>0</v>
      </c>
      <c r="K1026" s="61">
        <v>-5.62</v>
      </c>
    </row>
    <row r="1027" spans="1:11" ht="18.75" hidden="1" customHeight="1" thickBot="1">
      <c r="A1027" s="59" t="s">
        <v>448</v>
      </c>
      <c r="B1027" s="59" t="s">
        <v>28</v>
      </c>
      <c r="C1027" s="59" t="s">
        <v>28</v>
      </c>
      <c r="D1027" s="59" t="s">
        <v>371</v>
      </c>
      <c r="E1027" s="59" t="s">
        <v>378</v>
      </c>
      <c r="F1027" s="59" t="s">
        <v>449</v>
      </c>
      <c r="G1027" s="59" t="s">
        <v>450</v>
      </c>
      <c r="H1027" s="60">
        <v>20</v>
      </c>
      <c r="I1027" s="60">
        <v>15</v>
      </c>
      <c r="J1027" s="61">
        <v>0</v>
      </c>
      <c r="K1027" s="61">
        <v>-21.66</v>
      </c>
    </row>
    <row r="1028" spans="1:11" ht="18.75" hidden="1" customHeight="1" thickBot="1">
      <c r="A1028" s="59" t="s">
        <v>448</v>
      </c>
      <c r="B1028" s="59" t="s">
        <v>28</v>
      </c>
      <c r="C1028" s="59" t="s">
        <v>28</v>
      </c>
      <c r="D1028" s="59" t="s">
        <v>371</v>
      </c>
      <c r="E1028" s="59" t="s">
        <v>378</v>
      </c>
      <c r="F1028" s="59" t="s">
        <v>449</v>
      </c>
      <c r="G1028" s="59" t="s">
        <v>450</v>
      </c>
      <c r="H1028" s="60">
        <v>20</v>
      </c>
      <c r="I1028" s="60">
        <v>22</v>
      </c>
      <c r="J1028" s="61">
        <v>0</v>
      </c>
      <c r="K1028" s="61">
        <v>-63.99</v>
      </c>
    </row>
    <row r="1029" spans="1:11" ht="18.75" hidden="1" customHeight="1" thickBot="1">
      <c r="A1029" s="59" t="s">
        <v>448</v>
      </c>
      <c r="B1029" s="59" t="s">
        <v>28</v>
      </c>
      <c r="C1029" s="59" t="s">
        <v>28</v>
      </c>
      <c r="D1029" s="59" t="s">
        <v>371</v>
      </c>
      <c r="E1029" s="59" t="s">
        <v>378</v>
      </c>
      <c r="F1029" s="59" t="s">
        <v>449</v>
      </c>
      <c r="G1029" s="59" t="s">
        <v>450</v>
      </c>
      <c r="H1029" s="60">
        <v>20</v>
      </c>
      <c r="I1029" s="60">
        <v>32</v>
      </c>
      <c r="J1029" s="61">
        <v>0</v>
      </c>
      <c r="K1029" s="61">
        <v>-3.66</v>
      </c>
    </row>
    <row r="1030" spans="1:11" ht="18.75" hidden="1" customHeight="1" thickBot="1">
      <c r="A1030" s="59" t="s">
        <v>448</v>
      </c>
      <c r="B1030" s="59" t="s">
        <v>28</v>
      </c>
      <c r="C1030" s="59" t="s">
        <v>28</v>
      </c>
      <c r="D1030" s="59" t="s">
        <v>371</v>
      </c>
      <c r="E1030" s="59" t="s">
        <v>378</v>
      </c>
      <c r="F1030" s="59" t="s">
        <v>449</v>
      </c>
      <c r="G1030" s="59" t="s">
        <v>450</v>
      </c>
      <c r="H1030" s="60">
        <v>20</v>
      </c>
      <c r="I1030" s="60">
        <v>94</v>
      </c>
      <c r="J1030" s="61">
        <v>0</v>
      </c>
      <c r="K1030" s="61">
        <v>-15.68</v>
      </c>
    </row>
    <row r="1031" spans="1:11" ht="18.75" hidden="1" customHeight="1" thickBot="1">
      <c r="A1031" s="59" t="s">
        <v>448</v>
      </c>
      <c r="B1031" s="59" t="s">
        <v>28</v>
      </c>
      <c r="C1031" s="59" t="s">
        <v>28</v>
      </c>
      <c r="D1031" s="59" t="s">
        <v>371</v>
      </c>
      <c r="E1031" s="59" t="s">
        <v>378</v>
      </c>
      <c r="F1031" s="59" t="s">
        <v>449</v>
      </c>
      <c r="G1031" s="59" t="s">
        <v>450</v>
      </c>
      <c r="H1031" s="60">
        <v>20</v>
      </c>
      <c r="I1031" s="60">
        <v>97</v>
      </c>
      <c r="J1031" s="61">
        <v>0</v>
      </c>
      <c r="K1031" s="61">
        <v>-0.92</v>
      </c>
    </row>
    <row r="1032" spans="1:11" ht="18.75" hidden="1" customHeight="1" thickBot="1">
      <c r="A1032" s="59" t="s">
        <v>448</v>
      </c>
      <c r="B1032" s="59" t="s">
        <v>28</v>
      </c>
      <c r="C1032" s="59" t="s">
        <v>28</v>
      </c>
      <c r="D1032" s="59" t="s">
        <v>371</v>
      </c>
      <c r="E1032" s="59" t="s">
        <v>378</v>
      </c>
      <c r="F1032" s="59" t="s">
        <v>449</v>
      </c>
      <c r="G1032" s="59" t="s">
        <v>450</v>
      </c>
      <c r="H1032" s="60">
        <v>20</v>
      </c>
      <c r="I1032" s="60">
        <v>107</v>
      </c>
      <c r="J1032" s="61">
        <v>0</v>
      </c>
      <c r="K1032" s="61">
        <v>-1.17</v>
      </c>
    </row>
    <row r="1033" spans="1:11" ht="18.75" hidden="1" customHeight="1" thickBot="1">
      <c r="A1033" s="59" t="s">
        <v>448</v>
      </c>
      <c r="B1033" s="59" t="s">
        <v>28</v>
      </c>
      <c r="C1033" s="59" t="s">
        <v>28</v>
      </c>
      <c r="D1033" s="59" t="s">
        <v>371</v>
      </c>
      <c r="E1033" s="59" t="s">
        <v>378</v>
      </c>
      <c r="F1033" s="59" t="s">
        <v>449</v>
      </c>
      <c r="G1033" s="59" t="s">
        <v>450</v>
      </c>
      <c r="H1033" s="60">
        <v>20</v>
      </c>
      <c r="I1033" s="60">
        <v>109</v>
      </c>
      <c r="J1033" s="61">
        <v>0</v>
      </c>
      <c r="K1033" s="61">
        <v>-1.6</v>
      </c>
    </row>
    <row r="1034" spans="1:11" ht="18.75" hidden="1" customHeight="1" thickBot="1">
      <c r="A1034" s="59" t="s">
        <v>448</v>
      </c>
      <c r="B1034" s="59" t="s">
        <v>28</v>
      </c>
      <c r="C1034" s="59" t="s">
        <v>28</v>
      </c>
      <c r="D1034" s="59" t="s">
        <v>371</v>
      </c>
      <c r="E1034" s="59" t="s">
        <v>378</v>
      </c>
      <c r="F1034" s="59" t="s">
        <v>449</v>
      </c>
      <c r="G1034" s="59" t="s">
        <v>450</v>
      </c>
      <c r="H1034" s="60">
        <v>20</v>
      </c>
      <c r="I1034" s="60">
        <v>113</v>
      </c>
      <c r="J1034" s="61">
        <v>0</v>
      </c>
      <c r="K1034" s="61">
        <v>-16.12</v>
      </c>
    </row>
    <row r="1035" spans="1:11" ht="18.75" hidden="1" customHeight="1" thickBot="1">
      <c r="A1035" s="59" t="s">
        <v>448</v>
      </c>
      <c r="B1035" s="59" t="s">
        <v>28</v>
      </c>
      <c r="C1035" s="59" t="s">
        <v>28</v>
      </c>
      <c r="D1035" s="59" t="s">
        <v>371</v>
      </c>
      <c r="E1035" s="59" t="s">
        <v>378</v>
      </c>
      <c r="F1035" s="59" t="s">
        <v>449</v>
      </c>
      <c r="G1035" s="59" t="s">
        <v>450</v>
      </c>
      <c r="H1035" s="60">
        <v>20</v>
      </c>
      <c r="I1035" s="60">
        <v>150</v>
      </c>
      <c r="J1035" s="61">
        <v>0</v>
      </c>
      <c r="K1035" s="61">
        <v>-2.62</v>
      </c>
    </row>
    <row r="1036" spans="1:11" ht="18.75" hidden="1" customHeight="1" thickBot="1">
      <c r="A1036" s="59" t="s">
        <v>448</v>
      </c>
      <c r="B1036" s="59" t="s">
        <v>28</v>
      </c>
      <c r="C1036" s="59" t="s">
        <v>28</v>
      </c>
      <c r="D1036" s="59" t="s">
        <v>371</v>
      </c>
      <c r="E1036" s="59" t="s">
        <v>378</v>
      </c>
      <c r="F1036" s="59" t="s">
        <v>449</v>
      </c>
      <c r="G1036" s="59" t="s">
        <v>450</v>
      </c>
      <c r="H1036" s="60">
        <v>211</v>
      </c>
      <c r="I1036" s="60">
        <v>94</v>
      </c>
      <c r="J1036" s="61">
        <v>0</v>
      </c>
      <c r="K1036" s="61">
        <v>-28.09</v>
      </c>
    </row>
    <row r="1037" spans="1:11" ht="18.75" hidden="1" customHeight="1" thickBot="1">
      <c r="A1037" s="59" t="s">
        <v>448</v>
      </c>
      <c r="B1037" s="59" t="s">
        <v>28</v>
      </c>
      <c r="C1037" s="59" t="s">
        <v>28</v>
      </c>
      <c r="D1037" s="59" t="s">
        <v>371</v>
      </c>
      <c r="E1037" s="59" t="s">
        <v>378</v>
      </c>
      <c r="F1037" s="59" t="s">
        <v>449</v>
      </c>
      <c r="G1037" s="59" t="s">
        <v>450</v>
      </c>
      <c r="H1037" s="60">
        <v>211</v>
      </c>
      <c r="I1037" s="60">
        <v>95</v>
      </c>
      <c r="J1037" s="61">
        <v>0</v>
      </c>
      <c r="K1037" s="61">
        <v>-8.74</v>
      </c>
    </row>
    <row r="1038" spans="1:11" ht="18.75" hidden="1" customHeight="1" thickBot="1">
      <c r="A1038" s="59" t="s">
        <v>448</v>
      </c>
      <c r="B1038" s="59" t="s">
        <v>28</v>
      </c>
      <c r="C1038" s="59" t="s">
        <v>28</v>
      </c>
      <c r="D1038" s="59" t="s">
        <v>371</v>
      </c>
      <c r="E1038" s="59" t="s">
        <v>378</v>
      </c>
      <c r="F1038" s="59" t="s">
        <v>449</v>
      </c>
      <c r="G1038" s="59" t="s">
        <v>450</v>
      </c>
      <c r="H1038" s="60">
        <v>211</v>
      </c>
      <c r="I1038" s="60">
        <v>97</v>
      </c>
      <c r="J1038" s="61">
        <v>0</v>
      </c>
      <c r="K1038" s="61">
        <v>-21.92</v>
      </c>
    </row>
    <row r="1039" spans="1:11" ht="18.75" hidden="1" customHeight="1" thickBot="1">
      <c r="A1039" s="59" t="s">
        <v>448</v>
      </c>
      <c r="B1039" s="59" t="s">
        <v>28</v>
      </c>
      <c r="C1039" s="59" t="s">
        <v>28</v>
      </c>
      <c r="D1039" s="59" t="s">
        <v>371</v>
      </c>
      <c r="E1039" s="59" t="s">
        <v>378</v>
      </c>
      <c r="F1039" s="59" t="s">
        <v>449</v>
      </c>
      <c r="G1039" s="59" t="s">
        <v>450</v>
      </c>
      <c r="H1039" s="60">
        <v>211</v>
      </c>
      <c r="I1039" s="60">
        <v>107</v>
      </c>
      <c r="J1039" s="61">
        <v>0</v>
      </c>
      <c r="K1039" s="61">
        <v>-20.65</v>
      </c>
    </row>
    <row r="1040" spans="1:11" ht="18.75" hidden="1" customHeight="1" thickBot="1">
      <c r="A1040" s="59" t="s">
        <v>448</v>
      </c>
      <c r="B1040" s="59" t="s">
        <v>28</v>
      </c>
      <c r="C1040" s="59" t="s">
        <v>28</v>
      </c>
      <c r="D1040" s="59" t="s">
        <v>371</v>
      </c>
      <c r="E1040" s="59" t="s">
        <v>378</v>
      </c>
      <c r="F1040" s="59" t="s">
        <v>449</v>
      </c>
      <c r="G1040" s="59" t="s">
        <v>450</v>
      </c>
      <c r="H1040" s="60">
        <v>211</v>
      </c>
      <c r="I1040" s="60">
        <v>109</v>
      </c>
      <c r="J1040" s="61">
        <v>0</v>
      </c>
      <c r="K1040" s="61">
        <v>-119</v>
      </c>
    </row>
    <row r="1041" spans="1:11" ht="18.75" hidden="1" customHeight="1" thickBot="1">
      <c r="A1041" s="59" t="s">
        <v>448</v>
      </c>
      <c r="B1041" s="59" t="s">
        <v>28</v>
      </c>
      <c r="C1041" s="59" t="s">
        <v>28</v>
      </c>
      <c r="D1041" s="59" t="s">
        <v>371</v>
      </c>
      <c r="E1041" s="59" t="s">
        <v>378</v>
      </c>
      <c r="F1041" s="59" t="s">
        <v>449</v>
      </c>
      <c r="G1041" s="59" t="s">
        <v>450</v>
      </c>
      <c r="H1041" s="60">
        <v>211</v>
      </c>
      <c r="I1041" s="60">
        <v>110</v>
      </c>
      <c r="J1041" s="61">
        <v>0</v>
      </c>
      <c r="K1041" s="61">
        <v>-2.83</v>
      </c>
    </row>
    <row r="1042" spans="1:11" ht="18.75" hidden="1" customHeight="1" thickBot="1">
      <c r="A1042" s="59" t="s">
        <v>448</v>
      </c>
      <c r="B1042" s="59" t="s">
        <v>28</v>
      </c>
      <c r="C1042" s="59" t="s">
        <v>28</v>
      </c>
      <c r="D1042" s="59" t="s">
        <v>371</v>
      </c>
      <c r="E1042" s="59" t="s">
        <v>378</v>
      </c>
      <c r="F1042" s="59" t="s">
        <v>449</v>
      </c>
      <c r="G1042" s="59" t="s">
        <v>450</v>
      </c>
      <c r="H1042" s="60">
        <v>211</v>
      </c>
      <c r="I1042" s="60">
        <v>113</v>
      </c>
      <c r="J1042" s="61">
        <v>0</v>
      </c>
      <c r="K1042" s="61">
        <v>-17.68</v>
      </c>
    </row>
    <row r="1043" spans="1:11" ht="18.75" hidden="1" customHeight="1" thickBot="1">
      <c r="A1043" s="59" t="s">
        <v>448</v>
      </c>
      <c r="B1043" s="59" t="s">
        <v>28</v>
      </c>
      <c r="C1043" s="59" t="s">
        <v>28</v>
      </c>
      <c r="D1043" s="59" t="s">
        <v>371</v>
      </c>
      <c r="E1043" s="59" t="s">
        <v>378</v>
      </c>
      <c r="F1043" s="59" t="s">
        <v>449</v>
      </c>
      <c r="G1043" s="59" t="s">
        <v>450</v>
      </c>
      <c r="H1043" s="60">
        <v>211</v>
      </c>
      <c r="I1043" s="60">
        <v>116</v>
      </c>
      <c r="J1043" s="61">
        <v>0</v>
      </c>
      <c r="K1043" s="61">
        <v>-10.58</v>
      </c>
    </row>
    <row r="1044" spans="1:11" ht="18.75" hidden="1" customHeight="1" thickBot="1">
      <c r="A1044" s="59" t="s">
        <v>448</v>
      </c>
      <c r="B1044" s="59" t="s">
        <v>28</v>
      </c>
      <c r="C1044" s="59" t="s">
        <v>28</v>
      </c>
      <c r="D1044" s="59" t="s">
        <v>371</v>
      </c>
      <c r="E1044" s="59" t="s">
        <v>378</v>
      </c>
      <c r="F1044" s="59" t="s">
        <v>449</v>
      </c>
      <c r="G1044" s="59" t="s">
        <v>450</v>
      </c>
      <c r="H1044" s="60">
        <v>211</v>
      </c>
      <c r="I1044" s="60">
        <v>150</v>
      </c>
      <c r="J1044" s="61">
        <v>0</v>
      </c>
      <c r="K1044" s="61">
        <v>-9.16</v>
      </c>
    </row>
    <row r="1045" spans="1:11" ht="18.75" hidden="1" customHeight="1" thickBot="1">
      <c r="A1045" s="59" t="s">
        <v>448</v>
      </c>
      <c r="B1045" s="59" t="s">
        <v>28</v>
      </c>
      <c r="C1045" s="59" t="s">
        <v>28</v>
      </c>
      <c r="D1045" s="59" t="s">
        <v>371</v>
      </c>
      <c r="E1045" s="59" t="s">
        <v>378</v>
      </c>
      <c r="F1045" s="59" t="s">
        <v>449</v>
      </c>
      <c r="G1045" s="59" t="s">
        <v>450</v>
      </c>
      <c r="H1045" s="60">
        <v>211</v>
      </c>
      <c r="I1045" s="60">
        <v>165</v>
      </c>
      <c r="J1045" s="61">
        <v>0</v>
      </c>
      <c r="K1045" s="61">
        <v>-5.33</v>
      </c>
    </row>
    <row r="1046" spans="1:11" ht="18.75" hidden="1" customHeight="1" thickBot="1">
      <c r="A1046" s="59" t="s">
        <v>448</v>
      </c>
      <c r="B1046" s="59" t="s">
        <v>28</v>
      </c>
      <c r="C1046" s="59" t="s">
        <v>28</v>
      </c>
      <c r="D1046" s="59" t="s">
        <v>371</v>
      </c>
      <c r="E1046" s="59" t="s">
        <v>378</v>
      </c>
      <c r="F1046" s="59" t="s">
        <v>449</v>
      </c>
      <c r="G1046" s="59" t="s">
        <v>450</v>
      </c>
      <c r="H1046" s="60">
        <v>211</v>
      </c>
      <c r="I1046" s="60">
        <v>204</v>
      </c>
      <c r="J1046" s="61">
        <v>0</v>
      </c>
      <c r="K1046" s="61">
        <v>-74.239999999999995</v>
      </c>
    </row>
    <row r="1047" spans="1:11" ht="18.75" hidden="1" customHeight="1" thickBot="1">
      <c r="A1047" s="59" t="s">
        <v>448</v>
      </c>
      <c r="B1047" s="59" t="s">
        <v>28</v>
      </c>
      <c r="C1047" s="59" t="s">
        <v>28</v>
      </c>
      <c r="D1047" s="59" t="s">
        <v>371</v>
      </c>
      <c r="E1047" s="59" t="s">
        <v>378</v>
      </c>
      <c r="F1047" s="59" t="s">
        <v>449</v>
      </c>
      <c r="G1047" s="59" t="s">
        <v>450</v>
      </c>
      <c r="H1047" s="60">
        <v>211</v>
      </c>
      <c r="I1047" s="60">
        <v>211</v>
      </c>
      <c r="J1047" s="61">
        <v>0</v>
      </c>
      <c r="K1047" s="61">
        <v>-4359.54</v>
      </c>
    </row>
    <row r="1048" spans="1:11" ht="18.75" hidden="1" customHeight="1" thickBot="1">
      <c r="A1048" s="59" t="s">
        <v>448</v>
      </c>
      <c r="B1048" s="59" t="s">
        <v>28</v>
      </c>
      <c r="C1048" s="59" t="s">
        <v>28</v>
      </c>
      <c r="D1048" s="59" t="s">
        <v>371</v>
      </c>
      <c r="E1048" s="59" t="s">
        <v>378</v>
      </c>
      <c r="F1048" s="59" t="s">
        <v>449</v>
      </c>
      <c r="G1048" s="59" t="s">
        <v>450</v>
      </c>
      <c r="H1048" s="60">
        <v>211</v>
      </c>
      <c r="I1048" s="60">
        <v>213</v>
      </c>
      <c r="J1048" s="61">
        <v>0</v>
      </c>
      <c r="K1048" s="61">
        <v>-31.26</v>
      </c>
    </row>
    <row r="1049" spans="1:11" ht="18.75" hidden="1" customHeight="1" thickBot="1">
      <c r="A1049" s="59" t="s">
        <v>448</v>
      </c>
      <c r="B1049" s="59" t="s">
        <v>28</v>
      </c>
      <c r="C1049" s="59" t="s">
        <v>28</v>
      </c>
      <c r="D1049" s="59" t="s">
        <v>371</v>
      </c>
      <c r="E1049" s="59" t="s">
        <v>378</v>
      </c>
      <c r="F1049" s="59" t="s">
        <v>449</v>
      </c>
      <c r="G1049" s="59" t="s">
        <v>450</v>
      </c>
      <c r="H1049" s="60">
        <v>211</v>
      </c>
      <c r="I1049" s="60">
        <v>215</v>
      </c>
      <c r="J1049" s="61">
        <v>0</v>
      </c>
      <c r="K1049" s="61">
        <v>-8792.9</v>
      </c>
    </row>
    <row r="1050" spans="1:11" ht="18.75" hidden="1" customHeight="1" thickBot="1">
      <c r="A1050" s="59" t="s">
        <v>448</v>
      </c>
      <c r="B1050" s="59" t="s">
        <v>28</v>
      </c>
      <c r="C1050" s="59" t="s">
        <v>28</v>
      </c>
      <c r="D1050" s="59" t="s">
        <v>371</v>
      </c>
      <c r="E1050" s="59" t="s">
        <v>378</v>
      </c>
      <c r="F1050" s="59" t="s">
        <v>449</v>
      </c>
      <c r="G1050" s="59" t="s">
        <v>450</v>
      </c>
      <c r="H1050" s="60">
        <v>211</v>
      </c>
      <c r="I1050" s="60">
        <v>229</v>
      </c>
      <c r="J1050" s="61">
        <v>0</v>
      </c>
      <c r="K1050" s="61">
        <v>-17.28</v>
      </c>
    </row>
    <row r="1051" spans="1:11" ht="18.75" hidden="1" customHeight="1" thickBot="1">
      <c r="A1051" s="59" t="s">
        <v>448</v>
      </c>
      <c r="B1051" s="59" t="s">
        <v>28</v>
      </c>
      <c r="C1051" s="59" t="s">
        <v>28</v>
      </c>
      <c r="D1051" s="59" t="s">
        <v>371</v>
      </c>
      <c r="E1051" s="59" t="s">
        <v>378</v>
      </c>
      <c r="F1051" s="59" t="s">
        <v>449</v>
      </c>
      <c r="G1051" s="59" t="s">
        <v>450</v>
      </c>
      <c r="H1051" s="60">
        <v>211</v>
      </c>
      <c r="I1051" s="60">
        <v>240</v>
      </c>
      <c r="J1051" s="61">
        <v>0</v>
      </c>
      <c r="K1051" s="61">
        <v>-7871.4</v>
      </c>
    </row>
    <row r="1052" spans="1:11" ht="18.75" hidden="1" customHeight="1" thickBot="1">
      <c r="A1052" s="59" t="s">
        <v>448</v>
      </c>
      <c r="B1052" s="59" t="s">
        <v>28</v>
      </c>
      <c r="C1052" s="59" t="s">
        <v>28</v>
      </c>
      <c r="D1052" s="59" t="s">
        <v>371</v>
      </c>
      <c r="E1052" s="59" t="s">
        <v>378</v>
      </c>
      <c r="F1052" s="59" t="s">
        <v>449</v>
      </c>
      <c r="G1052" s="59" t="s">
        <v>450</v>
      </c>
      <c r="H1052" s="60">
        <v>211</v>
      </c>
      <c r="I1052" s="60">
        <v>356</v>
      </c>
      <c r="J1052" s="61">
        <v>0</v>
      </c>
      <c r="K1052" s="61">
        <v>-2291.94</v>
      </c>
    </row>
    <row r="1053" spans="1:11" ht="18.75" hidden="1" customHeight="1" thickBot="1">
      <c r="A1053" s="59" t="s">
        <v>448</v>
      </c>
      <c r="B1053" s="59" t="s">
        <v>28</v>
      </c>
      <c r="C1053" s="59" t="s">
        <v>28</v>
      </c>
      <c r="D1053" s="59" t="s">
        <v>371</v>
      </c>
      <c r="E1053" s="59" t="s">
        <v>378</v>
      </c>
      <c r="F1053" s="59" t="s">
        <v>449</v>
      </c>
      <c r="G1053" s="59" t="s">
        <v>450</v>
      </c>
      <c r="H1053" s="60">
        <v>211</v>
      </c>
      <c r="I1053" s="60">
        <v>359</v>
      </c>
      <c r="J1053" s="61">
        <v>0</v>
      </c>
      <c r="K1053" s="61">
        <v>-29402.84</v>
      </c>
    </row>
    <row r="1054" spans="1:11" ht="18.75" hidden="1" customHeight="1" thickBot="1">
      <c r="A1054" s="59" t="s">
        <v>448</v>
      </c>
      <c r="B1054" s="59" t="s">
        <v>28</v>
      </c>
      <c r="C1054" s="59" t="s">
        <v>28</v>
      </c>
      <c r="D1054" s="59" t="s">
        <v>371</v>
      </c>
      <c r="E1054" s="59" t="s">
        <v>378</v>
      </c>
      <c r="F1054" s="59" t="s">
        <v>449</v>
      </c>
      <c r="G1054" s="59" t="s">
        <v>450</v>
      </c>
      <c r="H1054" s="60">
        <v>212</v>
      </c>
      <c r="I1054" s="60">
        <v>94</v>
      </c>
      <c r="J1054" s="61">
        <v>0</v>
      </c>
      <c r="K1054" s="61">
        <v>-8.31</v>
      </c>
    </row>
    <row r="1055" spans="1:11" ht="18.75" hidden="1" customHeight="1" thickBot="1">
      <c r="A1055" s="59" t="s">
        <v>448</v>
      </c>
      <c r="B1055" s="59" t="s">
        <v>28</v>
      </c>
      <c r="C1055" s="59" t="s">
        <v>28</v>
      </c>
      <c r="D1055" s="59" t="s">
        <v>371</v>
      </c>
      <c r="E1055" s="59" t="s">
        <v>378</v>
      </c>
      <c r="F1055" s="59" t="s">
        <v>449</v>
      </c>
      <c r="G1055" s="59" t="s">
        <v>450</v>
      </c>
      <c r="H1055" s="60">
        <v>212</v>
      </c>
      <c r="I1055" s="60">
        <v>97</v>
      </c>
      <c r="J1055" s="61">
        <v>0</v>
      </c>
      <c r="K1055" s="61">
        <v>-10.91</v>
      </c>
    </row>
    <row r="1056" spans="1:11" ht="18.75" hidden="1" customHeight="1" thickBot="1">
      <c r="A1056" s="59" t="s">
        <v>448</v>
      </c>
      <c r="B1056" s="59" t="s">
        <v>28</v>
      </c>
      <c r="C1056" s="59" t="s">
        <v>28</v>
      </c>
      <c r="D1056" s="59" t="s">
        <v>371</v>
      </c>
      <c r="E1056" s="59" t="s">
        <v>378</v>
      </c>
      <c r="F1056" s="59" t="s">
        <v>449</v>
      </c>
      <c r="G1056" s="59" t="s">
        <v>450</v>
      </c>
      <c r="H1056" s="60">
        <v>212</v>
      </c>
      <c r="I1056" s="60">
        <v>107</v>
      </c>
      <c r="J1056" s="61">
        <v>0</v>
      </c>
      <c r="K1056" s="61">
        <v>-7.83</v>
      </c>
    </row>
    <row r="1057" spans="1:11" ht="18.75" hidden="1" customHeight="1" thickBot="1">
      <c r="A1057" s="59" t="s">
        <v>448</v>
      </c>
      <c r="B1057" s="59" t="s">
        <v>28</v>
      </c>
      <c r="C1057" s="59" t="s">
        <v>28</v>
      </c>
      <c r="D1057" s="59" t="s">
        <v>371</v>
      </c>
      <c r="E1057" s="59" t="s">
        <v>378</v>
      </c>
      <c r="F1057" s="59" t="s">
        <v>449</v>
      </c>
      <c r="G1057" s="59" t="s">
        <v>450</v>
      </c>
      <c r="H1057" s="60">
        <v>212</v>
      </c>
      <c r="I1057" s="60">
        <v>109</v>
      </c>
      <c r="J1057" s="61">
        <v>0</v>
      </c>
      <c r="K1057" s="61">
        <v>-48.27</v>
      </c>
    </row>
    <row r="1058" spans="1:11" ht="18.75" hidden="1" customHeight="1" thickBot="1">
      <c r="A1058" s="59" t="s">
        <v>448</v>
      </c>
      <c r="B1058" s="59" t="s">
        <v>28</v>
      </c>
      <c r="C1058" s="59" t="s">
        <v>28</v>
      </c>
      <c r="D1058" s="59" t="s">
        <v>371</v>
      </c>
      <c r="E1058" s="59" t="s">
        <v>378</v>
      </c>
      <c r="F1058" s="59" t="s">
        <v>449</v>
      </c>
      <c r="G1058" s="59" t="s">
        <v>450</v>
      </c>
      <c r="H1058" s="60">
        <v>212</v>
      </c>
      <c r="I1058" s="60">
        <v>111</v>
      </c>
      <c r="J1058" s="61">
        <v>0</v>
      </c>
      <c r="K1058" s="61">
        <v>-3.47</v>
      </c>
    </row>
    <row r="1059" spans="1:11" ht="18.75" hidden="1" customHeight="1" thickBot="1">
      <c r="A1059" s="59" t="s">
        <v>448</v>
      </c>
      <c r="B1059" s="59" t="s">
        <v>28</v>
      </c>
      <c r="C1059" s="59" t="s">
        <v>28</v>
      </c>
      <c r="D1059" s="59" t="s">
        <v>371</v>
      </c>
      <c r="E1059" s="59" t="s">
        <v>378</v>
      </c>
      <c r="F1059" s="59" t="s">
        <v>449</v>
      </c>
      <c r="G1059" s="59" t="s">
        <v>450</v>
      </c>
      <c r="H1059" s="60">
        <v>212</v>
      </c>
      <c r="I1059" s="60">
        <v>113</v>
      </c>
      <c r="J1059" s="61">
        <v>0</v>
      </c>
      <c r="K1059" s="61">
        <v>-15.47</v>
      </c>
    </row>
    <row r="1060" spans="1:11" ht="18.75" hidden="1" customHeight="1" thickBot="1">
      <c r="A1060" s="59" t="s">
        <v>448</v>
      </c>
      <c r="B1060" s="59" t="s">
        <v>28</v>
      </c>
      <c r="C1060" s="59" t="s">
        <v>28</v>
      </c>
      <c r="D1060" s="59" t="s">
        <v>371</v>
      </c>
      <c r="E1060" s="59" t="s">
        <v>378</v>
      </c>
      <c r="F1060" s="59" t="s">
        <v>449</v>
      </c>
      <c r="G1060" s="59" t="s">
        <v>450</v>
      </c>
      <c r="H1060" s="60">
        <v>212</v>
      </c>
      <c r="I1060" s="60">
        <v>116</v>
      </c>
      <c r="J1060" s="61">
        <v>0</v>
      </c>
      <c r="K1060" s="61">
        <v>-3.56</v>
      </c>
    </row>
    <row r="1061" spans="1:11" ht="18.75" hidden="1" customHeight="1" thickBot="1">
      <c r="A1061" s="59" t="s">
        <v>448</v>
      </c>
      <c r="B1061" s="59" t="s">
        <v>28</v>
      </c>
      <c r="C1061" s="59" t="s">
        <v>28</v>
      </c>
      <c r="D1061" s="59" t="s">
        <v>371</v>
      </c>
      <c r="E1061" s="59" t="s">
        <v>378</v>
      </c>
      <c r="F1061" s="59" t="s">
        <v>449</v>
      </c>
      <c r="G1061" s="59" t="s">
        <v>450</v>
      </c>
      <c r="H1061" s="60">
        <v>212</v>
      </c>
      <c r="I1061" s="60">
        <v>211</v>
      </c>
      <c r="J1061" s="61">
        <v>0</v>
      </c>
      <c r="K1061" s="61">
        <v>-1252.79</v>
      </c>
    </row>
    <row r="1062" spans="1:11" ht="18.75" hidden="1" customHeight="1" thickBot="1">
      <c r="A1062" s="59" t="s">
        <v>448</v>
      </c>
      <c r="B1062" s="59" t="s">
        <v>28</v>
      </c>
      <c r="C1062" s="59" t="s">
        <v>28</v>
      </c>
      <c r="D1062" s="59" t="s">
        <v>371</v>
      </c>
      <c r="E1062" s="59" t="s">
        <v>378</v>
      </c>
      <c r="F1062" s="59" t="s">
        <v>449</v>
      </c>
      <c r="G1062" s="59" t="s">
        <v>450</v>
      </c>
      <c r="H1062" s="60">
        <v>212</v>
      </c>
      <c r="I1062" s="60">
        <v>215</v>
      </c>
      <c r="J1062" s="61">
        <v>0</v>
      </c>
      <c r="K1062" s="61">
        <v>-5229.32</v>
      </c>
    </row>
    <row r="1063" spans="1:11" ht="18.75" hidden="1" customHeight="1" thickBot="1">
      <c r="A1063" s="59" t="s">
        <v>448</v>
      </c>
      <c r="B1063" s="59" t="s">
        <v>28</v>
      </c>
      <c r="C1063" s="59" t="s">
        <v>28</v>
      </c>
      <c r="D1063" s="59" t="s">
        <v>371</v>
      </c>
      <c r="E1063" s="59" t="s">
        <v>378</v>
      </c>
      <c r="F1063" s="59" t="s">
        <v>449</v>
      </c>
      <c r="G1063" s="59" t="s">
        <v>450</v>
      </c>
      <c r="H1063" s="60">
        <v>212</v>
      </c>
      <c r="I1063" s="60">
        <v>217</v>
      </c>
      <c r="J1063" s="61">
        <v>0</v>
      </c>
      <c r="K1063" s="61">
        <v>-305.07</v>
      </c>
    </row>
    <row r="1064" spans="1:11" ht="18.75" hidden="1" customHeight="1" thickBot="1">
      <c r="A1064" s="59" t="s">
        <v>448</v>
      </c>
      <c r="B1064" s="59" t="s">
        <v>28</v>
      </c>
      <c r="C1064" s="59" t="s">
        <v>28</v>
      </c>
      <c r="D1064" s="59" t="s">
        <v>371</v>
      </c>
      <c r="E1064" s="59" t="s">
        <v>378</v>
      </c>
      <c r="F1064" s="59" t="s">
        <v>449</v>
      </c>
      <c r="G1064" s="59" t="s">
        <v>450</v>
      </c>
      <c r="H1064" s="60">
        <v>212</v>
      </c>
      <c r="I1064" s="60">
        <v>229</v>
      </c>
      <c r="J1064" s="61">
        <v>0</v>
      </c>
      <c r="K1064" s="61">
        <v>-150.51</v>
      </c>
    </row>
    <row r="1065" spans="1:11" ht="18.75" hidden="1" customHeight="1" thickBot="1">
      <c r="A1065" s="59" t="s">
        <v>448</v>
      </c>
      <c r="B1065" s="59" t="s">
        <v>28</v>
      </c>
      <c r="C1065" s="59" t="s">
        <v>28</v>
      </c>
      <c r="D1065" s="59" t="s">
        <v>371</v>
      </c>
      <c r="E1065" s="59" t="s">
        <v>378</v>
      </c>
      <c r="F1065" s="59" t="s">
        <v>449</v>
      </c>
      <c r="G1065" s="59" t="s">
        <v>450</v>
      </c>
      <c r="H1065" s="60">
        <v>212</v>
      </c>
      <c r="I1065" s="60">
        <v>240</v>
      </c>
      <c r="J1065" s="61">
        <v>0</v>
      </c>
      <c r="K1065" s="61">
        <v>-3400.19</v>
      </c>
    </row>
    <row r="1066" spans="1:11" ht="18.75" hidden="1" customHeight="1" thickBot="1">
      <c r="A1066" s="59" t="s">
        <v>448</v>
      </c>
      <c r="B1066" s="59" t="s">
        <v>28</v>
      </c>
      <c r="C1066" s="59" t="s">
        <v>28</v>
      </c>
      <c r="D1066" s="59" t="s">
        <v>371</v>
      </c>
      <c r="E1066" s="59" t="s">
        <v>378</v>
      </c>
      <c r="F1066" s="59" t="s">
        <v>449</v>
      </c>
      <c r="G1066" s="59" t="s">
        <v>450</v>
      </c>
      <c r="H1066" s="60">
        <v>212</v>
      </c>
      <c r="I1066" s="60">
        <v>244</v>
      </c>
      <c r="J1066" s="61">
        <v>0</v>
      </c>
      <c r="K1066" s="61">
        <v>-1116.51</v>
      </c>
    </row>
    <row r="1067" spans="1:11" ht="18.75" hidden="1" customHeight="1" thickBot="1">
      <c r="A1067" s="59" t="s">
        <v>448</v>
      </c>
      <c r="B1067" s="59" t="s">
        <v>28</v>
      </c>
      <c r="C1067" s="59" t="s">
        <v>28</v>
      </c>
      <c r="D1067" s="59" t="s">
        <v>371</v>
      </c>
      <c r="E1067" s="59" t="s">
        <v>378</v>
      </c>
      <c r="F1067" s="59" t="s">
        <v>449</v>
      </c>
      <c r="G1067" s="59" t="s">
        <v>450</v>
      </c>
      <c r="H1067" s="60">
        <v>216</v>
      </c>
      <c r="I1067" s="60">
        <v>97</v>
      </c>
      <c r="J1067" s="61">
        <v>0</v>
      </c>
      <c r="K1067" s="61">
        <v>-9</v>
      </c>
    </row>
    <row r="1068" spans="1:11" ht="18.75" hidden="1" customHeight="1" thickBot="1">
      <c r="A1068" s="59" t="s">
        <v>448</v>
      </c>
      <c r="B1068" s="59" t="s">
        <v>28</v>
      </c>
      <c r="C1068" s="59" t="s">
        <v>28</v>
      </c>
      <c r="D1068" s="59" t="s">
        <v>371</v>
      </c>
      <c r="E1068" s="59" t="s">
        <v>378</v>
      </c>
      <c r="F1068" s="59" t="s">
        <v>449</v>
      </c>
      <c r="G1068" s="59" t="s">
        <v>450</v>
      </c>
      <c r="H1068" s="60">
        <v>216</v>
      </c>
      <c r="I1068" s="60">
        <v>211</v>
      </c>
      <c r="J1068" s="61">
        <v>0</v>
      </c>
      <c r="K1068" s="61">
        <v>-175.85</v>
      </c>
    </row>
    <row r="1069" spans="1:11" ht="18.75" hidden="1" customHeight="1" thickBot="1">
      <c r="A1069" s="59" t="s">
        <v>448</v>
      </c>
      <c r="B1069" s="59" t="s">
        <v>28</v>
      </c>
      <c r="C1069" s="59" t="s">
        <v>28</v>
      </c>
      <c r="D1069" s="59" t="s">
        <v>371</v>
      </c>
      <c r="E1069" s="59" t="s">
        <v>378</v>
      </c>
      <c r="F1069" s="59" t="s">
        <v>449</v>
      </c>
      <c r="G1069" s="59" t="s">
        <v>450</v>
      </c>
      <c r="H1069" s="60">
        <v>216</v>
      </c>
      <c r="I1069" s="60">
        <v>215</v>
      </c>
      <c r="J1069" s="61">
        <v>0</v>
      </c>
      <c r="K1069" s="61">
        <v>-35.869999999999997</v>
      </c>
    </row>
    <row r="1070" spans="1:11" ht="18.75" hidden="1" customHeight="1" thickBot="1">
      <c r="A1070" s="59" t="s">
        <v>448</v>
      </c>
      <c r="B1070" s="59" t="s">
        <v>28</v>
      </c>
      <c r="C1070" s="59" t="s">
        <v>28</v>
      </c>
      <c r="D1070" s="59" t="s">
        <v>371</v>
      </c>
      <c r="E1070" s="59" t="s">
        <v>378</v>
      </c>
      <c r="F1070" s="59" t="s">
        <v>449</v>
      </c>
      <c r="G1070" s="59" t="s">
        <v>450</v>
      </c>
      <c r="H1070" s="60">
        <v>221</v>
      </c>
      <c r="I1070" s="60">
        <v>94</v>
      </c>
      <c r="J1070" s="61">
        <v>0</v>
      </c>
      <c r="K1070" s="61">
        <v>-3.37</v>
      </c>
    </row>
    <row r="1071" spans="1:11" ht="18.75" hidden="1" customHeight="1" thickBot="1">
      <c r="A1071" s="59" t="s">
        <v>448</v>
      </c>
      <c r="B1071" s="59" t="s">
        <v>28</v>
      </c>
      <c r="C1071" s="59" t="s">
        <v>28</v>
      </c>
      <c r="D1071" s="59" t="s">
        <v>371</v>
      </c>
      <c r="E1071" s="59" t="s">
        <v>378</v>
      </c>
      <c r="F1071" s="59" t="s">
        <v>449</v>
      </c>
      <c r="G1071" s="59" t="s">
        <v>450</v>
      </c>
      <c r="H1071" s="60">
        <v>221</v>
      </c>
      <c r="I1071" s="60">
        <v>95</v>
      </c>
      <c r="J1071" s="61">
        <v>0</v>
      </c>
      <c r="K1071" s="61">
        <v>-4.5599999999999996</v>
      </c>
    </row>
    <row r="1072" spans="1:11" ht="18.75" hidden="1" customHeight="1" thickBot="1">
      <c r="A1072" s="59" t="s">
        <v>448</v>
      </c>
      <c r="B1072" s="59" t="s">
        <v>28</v>
      </c>
      <c r="C1072" s="59" t="s">
        <v>28</v>
      </c>
      <c r="D1072" s="59" t="s">
        <v>371</v>
      </c>
      <c r="E1072" s="59" t="s">
        <v>378</v>
      </c>
      <c r="F1072" s="59" t="s">
        <v>449</v>
      </c>
      <c r="G1072" s="59" t="s">
        <v>450</v>
      </c>
      <c r="H1072" s="60">
        <v>221</v>
      </c>
      <c r="I1072" s="60">
        <v>97</v>
      </c>
      <c r="J1072" s="61">
        <v>0</v>
      </c>
      <c r="K1072" s="61">
        <v>-0.96</v>
      </c>
    </row>
    <row r="1073" spans="1:11" ht="18.75" hidden="1" customHeight="1" thickBot="1">
      <c r="A1073" s="59" t="s">
        <v>448</v>
      </c>
      <c r="B1073" s="59" t="s">
        <v>28</v>
      </c>
      <c r="C1073" s="59" t="s">
        <v>28</v>
      </c>
      <c r="D1073" s="59" t="s">
        <v>371</v>
      </c>
      <c r="E1073" s="59" t="s">
        <v>378</v>
      </c>
      <c r="F1073" s="59" t="s">
        <v>449</v>
      </c>
      <c r="G1073" s="59" t="s">
        <v>450</v>
      </c>
      <c r="H1073" s="60">
        <v>221</v>
      </c>
      <c r="I1073" s="60">
        <v>107</v>
      </c>
      <c r="J1073" s="61">
        <v>0</v>
      </c>
      <c r="K1073" s="61">
        <v>-1.1100000000000001</v>
      </c>
    </row>
    <row r="1074" spans="1:11" ht="18.75" hidden="1" customHeight="1" thickBot="1">
      <c r="A1074" s="59" t="s">
        <v>448</v>
      </c>
      <c r="B1074" s="59" t="s">
        <v>28</v>
      </c>
      <c r="C1074" s="59" t="s">
        <v>28</v>
      </c>
      <c r="D1074" s="59" t="s">
        <v>371</v>
      </c>
      <c r="E1074" s="59" t="s">
        <v>378</v>
      </c>
      <c r="F1074" s="59" t="s">
        <v>449</v>
      </c>
      <c r="G1074" s="59" t="s">
        <v>450</v>
      </c>
      <c r="H1074" s="60">
        <v>221</v>
      </c>
      <c r="I1074" s="60">
        <v>109</v>
      </c>
      <c r="J1074" s="61">
        <v>0</v>
      </c>
      <c r="K1074" s="61">
        <v>-8.3000000000000007</v>
      </c>
    </row>
    <row r="1075" spans="1:11" ht="18.75" hidden="1" customHeight="1" thickBot="1">
      <c r="A1075" s="59" t="s">
        <v>448</v>
      </c>
      <c r="B1075" s="59" t="s">
        <v>28</v>
      </c>
      <c r="C1075" s="59" t="s">
        <v>28</v>
      </c>
      <c r="D1075" s="59" t="s">
        <v>371</v>
      </c>
      <c r="E1075" s="59" t="s">
        <v>378</v>
      </c>
      <c r="F1075" s="59" t="s">
        <v>449</v>
      </c>
      <c r="G1075" s="59" t="s">
        <v>450</v>
      </c>
      <c r="H1075" s="60">
        <v>221</v>
      </c>
      <c r="I1075" s="60">
        <v>113</v>
      </c>
      <c r="J1075" s="61">
        <v>0</v>
      </c>
      <c r="K1075" s="61">
        <v>-2.34</v>
      </c>
    </row>
    <row r="1076" spans="1:11" ht="18.75" hidden="1" customHeight="1" thickBot="1">
      <c r="A1076" s="59" t="s">
        <v>448</v>
      </c>
      <c r="B1076" s="59" t="s">
        <v>28</v>
      </c>
      <c r="C1076" s="59" t="s">
        <v>28</v>
      </c>
      <c r="D1076" s="59" t="s">
        <v>371</v>
      </c>
      <c r="E1076" s="59" t="s">
        <v>378</v>
      </c>
      <c r="F1076" s="59" t="s">
        <v>449</v>
      </c>
      <c r="G1076" s="59" t="s">
        <v>450</v>
      </c>
      <c r="H1076" s="60">
        <v>221</v>
      </c>
      <c r="I1076" s="60">
        <v>211</v>
      </c>
      <c r="J1076" s="61">
        <v>0</v>
      </c>
      <c r="K1076" s="61">
        <v>-119.57</v>
      </c>
    </row>
    <row r="1077" spans="1:11" ht="18.75" hidden="1" customHeight="1" thickBot="1">
      <c r="A1077" s="59" t="s">
        <v>448</v>
      </c>
      <c r="B1077" s="59" t="s">
        <v>28</v>
      </c>
      <c r="C1077" s="59" t="s">
        <v>28</v>
      </c>
      <c r="D1077" s="59" t="s">
        <v>371</v>
      </c>
      <c r="E1077" s="59" t="s">
        <v>378</v>
      </c>
      <c r="F1077" s="59" t="s">
        <v>449</v>
      </c>
      <c r="G1077" s="59" t="s">
        <v>450</v>
      </c>
      <c r="H1077" s="60">
        <v>221</v>
      </c>
      <c r="I1077" s="60">
        <v>215</v>
      </c>
      <c r="J1077" s="61">
        <v>0</v>
      </c>
      <c r="K1077" s="61">
        <v>-1769.22</v>
      </c>
    </row>
    <row r="1078" spans="1:11" ht="18.75" hidden="1" customHeight="1" thickBot="1">
      <c r="A1078" s="59" t="s">
        <v>448</v>
      </c>
      <c r="B1078" s="59" t="s">
        <v>28</v>
      </c>
      <c r="C1078" s="59" t="s">
        <v>28</v>
      </c>
      <c r="D1078" s="59" t="s">
        <v>371</v>
      </c>
      <c r="E1078" s="59" t="s">
        <v>378</v>
      </c>
      <c r="F1078" s="59" t="s">
        <v>449</v>
      </c>
      <c r="G1078" s="59" t="s">
        <v>450</v>
      </c>
      <c r="H1078" s="60">
        <v>221</v>
      </c>
      <c r="I1078" s="60">
        <v>217</v>
      </c>
      <c r="J1078" s="61">
        <v>0</v>
      </c>
      <c r="K1078" s="61">
        <v>-161.78</v>
      </c>
    </row>
    <row r="1079" spans="1:11" ht="18.75" hidden="1" customHeight="1" thickBot="1">
      <c r="A1079" s="59" t="s">
        <v>448</v>
      </c>
      <c r="B1079" s="59" t="s">
        <v>28</v>
      </c>
      <c r="C1079" s="59" t="s">
        <v>28</v>
      </c>
      <c r="D1079" s="59" t="s">
        <v>371</v>
      </c>
      <c r="E1079" s="59" t="s">
        <v>378</v>
      </c>
      <c r="F1079" s="59" t="s">
        <v>449</v>
      </c>
      <c r="G1079" s="59" t="s">
        <v>450</v>
      </c>
      <c r="H1079" s="60">
        <v>221</v>
      </c>
      <c r="I1079" s="60">
        <v>240</v>
      </c>
      <c r="J1079" s="61">
        <v>0</v>
      </c>
      <c r="K1079" s="61">
        <v>-4797.8100000000004</v>
      </c>
    </row>
    <row r="1080" spans="1:11" ht="18.75" hidden="1" customHeight="1" thickBot="1">
      <c r="A1080" s="59" t="s">
        <v>448</v>
      </c>
      <c r="B1080" s="59" t="s">
        <v>28</v>
      </c>
      <c r="C1080" s="59" t="s">
        <v>28</v>
      </c>
      <c r="D1080" s="59" t="s">
        <v>371</v>
      </c>
      <c r="E1080" s="59" t="s">
        <v>378</v>
      </c>
      <c r="F1080" s="59" t="s">
        <v>449</v>
      </c>
      <c r="G1080" s="59" t="s">
        <v>450</v>
      </c>
      <c r="H1080" s="60">
        <v>221</v>
      </c>
      <c r="I1080" s="60">
        <v>244</v>
      </c>
      <c r="J1080" s="61">
        <v>0</v>
      </c>
      <c r="K1080" s="61">
        <v>-2711.9</v>
      </c>
    </row>
    <row r="1081" spans="1:11" ht="18.75" hidden="1" customHeight="1" thickBot="1">
      <c r="A1081" s="59" t="s">
        <v>448</v>
      </c>
      <c r="B1081" s="59" t="s">
        <v>28</v>
      </c>
      <c r="C1081" s="59" t="s">
        <v>28</v>
      </c>
      <c r="D1081" s="59" t="s">
        <v>371</v>
      </c>
      <c r="E1081" s="59" t="s">
        <v>378</v>
      </c>
      <c r="F1081" s="59" t="s">
        <v>449</v>
      </c>
      <c r="G1081" s="59" t="s">
        <v>450</v>
      </c>
      <c r="H1081" s="60">
        <v>221</v>
      </c>
      <c r="I1081" s="60">
        <v>358</v>
      </c>
      <c r="J1081" s="61">
        <v>0</v>
      </c>
      <c r="K1081" s="61">
        <v>-6711.01</v>
      </c>
    </row>
    <row r="1082" spans="1:11" ht="18.75" hidden="1" customHeight="1" thickBot="1">
      <c r="A1082" s="59" t="s">
        <v>448</v>
      </c>
      <c r="B1082" s="59" t="s">
        <v>28</v>
      </c>
      <c r="C1082" s="59" t="s">
        <v>28</v>
      </c>
      <c r="D1082" s="59" t="s">
        <v>371</v>
      </c>
      <c r="E1082" s="59" t="s">
        <v>378</v>
      </c>
      <c r="F1082" s="59" t="s">
        <v>449</v>
      </c>
      <c r="G1082" s="59" t="s">
        <v>450</v>
      </c>
      <c r="H1082" s="60">
        <v>222</v>
      </c>
      <c r="I1082" s="60">
        <v>211</v>
      </c>
      <c r="J1082" s="61">
        <v>0</v>
      </c>
      <c r="K1082" s="61">
        <v>-9.69</v>
      </c>
    </row>
    <row r="1083" spans="1:11" ht="18.75" hidden="1" customHeight="1" thickBot="1">
      <c r="A1083" s="59" t="s">
        <v>448</v>
      </c>
      <c r="B1083" s="59" t="s">
        <v>28</v>
      </c>
      <c r="C1083" s="59" t="s">
        <v>28</v>
      </c>
      <c r="D1083" s="59" t="s">
        <v>371</v>
      </c>
      <c r="E1083" s="59" t="s">
        <v>378</v>
      </c>
      <c r="F1083" s="59" t="s">
        <v>449</v>
      </c>
      <c r="G1083" s="59" t="s">
        <v>450</v>
      </c>
      <c r="H1083" s="60">
        <v>222</v>
      </c>
      <c r="I1083" s="60">
        <v>215</v>
      </c>
      <c r="J1083" s="61">
        <v>0</v>
      </c>
      <c r="K1083" s="61">
        <v>-105.07</v>
      </c>
    </row>
    <row r="1084" spans="1:11" ht="18.75" hidden="1" customHeight="1" thickBot="1">
      <c r="A1084" s="59" t="s">
        <v>448</v>
      </c>
      <c r="B1084" s="59" t="s">
        <v>28</v>
      </c>
      <c r="C1084" s="59" t="s">
        <v>28</v>
      </c>
      <c r="D1084" s="59" t="s">
        <v>371</v>
      </c>
      <c r="E1084" s="59" t="s">
        <v>378</v>
      </c>
      <c r="F1084" s="59" t="s">
        <v>449</v>
      </c>
      <c r="G1084" s="59" t="s">
        <v>450</v>
      </c>
      <c r="H1084" s="60">
        <v>230</v>
      </c>
      <c r="I1084" s="60">
        <v>211</v>
      </c>
      <c r="J1084" s="61">
        <v>0</v>
      </c>
      <c r="K1084" s="61">
        <v>-22.86</v>
      </c>
    </row>
    <row r="1085" spans="1:11" ht="18.75" hidden="1" customHeight="1" thickBot="1">
      <c r="A1085" s="59" t="s">
        <v>448</v>
      </c>
      <c r="B1085" s="59" t="s">
        <v>28</v>
      </c>
      <c r="C1085" s="59" t="s">
        <v>28</v>
      </c>
      <c r="D1085" s="59" t="s">
        <v>371</v>
      </c>
      <c r="E1085" s="59" t="s">
        <v>378</v>
      </c>
      <c r="F1085" s="59" t="s">
        <v>449</v>
      </c>
      <c r="G1085" s="59" t="s">
        <v>450</v>
      </c>
      <c r="H1085" s="60">
        <v>230</v>
      </c>
      <c r="I1085" s="60">
        <v>215</v>
      </c>
      <c r="J1085" s="61">
        <v>0</v>
      </c>
      <c r="K1085" s="61">
        <v>-164.1</v>
      </c>
    </row>
    <row r="1086" spans="1:11" ht="18.75" hidden="1" customHeight="1" thickBot="1">
      <c r="A1086" s="59" t="s">
        <v>448</v>
      </c>
      <c r="B1086" s="59" t="s">
        <v>28</v>
      </c>
      <c r="C1086" s="59" t="s">
        <v>28</v>
      </c>
      <c r="D1086" s="59" t="s">
        <v>371</v>
      </c>
      <c r="E1086" s="59" t="s">
        <v>378</v>
      </c>
      <c r="F1086" s="59" t="s">
        <v>449</v>
      </c>
      <c r="G1086" s="59" t="s">
        <v>450</v>
      </c>
      <c r="H1086" s="60">
        <v>230</v>
      </c>
      <c r="I1086" s="60">
        <v>220</v>
      </c>
      <c r="J1086" s="61">
        <v>0</v>
      </c>
      <c r="K1086" s="61">
        <v>-6.26</v>
      </c>
    </row>
    <row r="1087" spans="1:11" ht="18.75" hidden="1" customHeight="1" thickBot="1">
      <c r="A1087" s="59" t="s">
        <v>448</v>
      </c>
      <c r="B1087" s="59" t="s">
        <v>28</v>
      </c>
      <c r="C1087" s="59" t="s">
        <v>28</v>
      </c>
      <c r="D1087" s="59" t="s">
        <v>371</v>
      </c>
      <c r="E1087" s="59" t="s">
        <v>378</v>
      </c>
      <c r="F1087" s="59" t="s">
        <v>449</v>
      </c>
      <c r="G1087" s="59" t="s">
        <v>450</v>
      </c>
      <c r="H1087" s="60">
        <v>230</v>
      </c>
      <c r="I1087" s="60">
        <v>244</v>
      </c>
      <c r="J1087" s="61">
        <v>0</v>
      </c>
      <c r="K1087" s="61">
        <v>-2001.93</v>
      </c>
    </row>
    <row r="1088" spans="1:11" ht="18.75" hidden="1" customHeight="1" thickBot="1">
      <c r="A1088" s="59" t="s">
        <v>448</v>
      </c>
      <c r="B1088" s="59" t="s">
        <v>28</v>
      </c>
      <c r="C1088" s="59" t="s">
        <v>28</v>
      </c>
      <c r="D1088" s="59" t="s">
        <v>371</v>
      </c>
      <c r="E1088" s="59" t="s">
        <v>378</v>
      </c>
      <c r="F1088" s="59" t="s">
        <v>449</v>
      </c>
      <c r="G1088" s="59" t="s">
        <v>450</v>
      </c>
      <c r="H1088" s="60">
        <v>230</v>
      </c>
      <c r="I1088" s="60">
        <v>330</v>
      </c>
      <c r="J1088" s="61">
        <v>0</v>
      </c>
      <c r="K1088" s="61">
        <v>-11596.06</v>
      </c>
    </row>
    <row r="1089" spans="1:11" ht="18.75" customHeight="1" thickBot="1">
      <c r="A1089" s="59" t="s">
        <v>448</v>
      </c>
      <c r="B1089" s="59" t="s">
        <v>28</v>
      </c>
      <c r="C1089" s="59" t="s">
        <v>28</v>
      </c>
      <c r="D1089" s="59" t="s">
        <v>371</v>
      </c>
      <c r="E1089" s="59" t="s">
        <v>380</v>
      </c>
      <c r="F1089" s="59" t="s">
        <v>449</v>
      </c>
      <c r="G1089" s="59" t="s">
        <v>450</v>
      </c>
      <c r="H1089" s="60">
        <v>0</v>
      </c>
      <c r="I1089" s="60">
        <v>0</v>
      </c>
      <c r="J1089" s="61">
        <v>0</v>
      </c>
      <c r="K1089" s="61">
        <v>14693.14</v>
      </c>
    </row>
    <row r="1090" spans="1:11" ht="18.75" customHeight="1" thickBot="1">
      <c r="A1090" s="59" t="s">
        <v>448</v>
      </c>
      <c r="B1090" s="59" t="s">
        <v>28</v>
      </c>
      <c r="C1090" s="59" t="s">
        <v>28</v>
      </c>
      <c r="D1090" s="59" t="s">
        <v>371</v>
      </c>
      <c r="E1090" s="59" t="s">
        <v>380</v>
      </c>
      <c r="F1090" s="59" t="s">
        <v>449</v>
      </c>
      <c r="G1090" s="59" t="s">
        <v>450</v>
      </c>
      <c r="H1090" s="60">
        <v>10</v>
      </c>
      <c r="I1090" s="60">
        <v>11</v>
      </c>
      <c r="J1090" s="61">
        <v>0</v>
      </c>
      <c r="K1090" s="61">
        <v>0.66</v>
      </c>
    </row>
    <row r="1091" spans="1:11" ht="18.75" customHeight="1" thickBot="1">
      <c r="A1091" s="59" t="s">
        <v>448</v>
      </c>
      <c r="B1091" s="59" t="s">
        <v>28</v>
      </c>
      <c r="C1091" s="59" t="s">
        <v>28</v>
      </c>
      <c r="D1091" s="59" t="s">
        <v>371</v>
      </c>
      <c r="E1091" s="59" t="s">
        <v>380</v>
      </c>
      <c r="F1091" s="59" t="s">
        <v>449</v>
      </c>
      <c r="G1091" s="59" t="s">
        <v>450</v>
      </c>
      <c r="H1091" s="60">
        <v>10</v>
      </c>
      <c r="I1091" s="60">
        <v>15</v>
      </c>
      <c r="J1091" s="61">
        <v>0</v>
      </c>
      <c r="K1091" s="61">
        <v>348.52</v>
      </c>
    </row>
    <row r="1092" spans="1:11" ht="18.75" customHeight="1" thickBot="1">
      <c r="A1092" s="59" t="s">
        <v>448</v>
      </c>
      <c r="B1092" s="59" t="s">
        <v>28</v>
      </c>
      <c r="C1092" s="59" t="s">
        <v>28</v>
      </c>
      <c r="D1092" s="59" t="s">
        <v>371</v>
      </c>
      <c r="E1092" s="59" t="s">
        <v>380</v>
      </c>
      <c r="F1092" s="59" t="s">
        <v>449</v>
      </c>
      <c r="G1092" s="59" t="s">
        <v>450</v>
      </c>
      <c r="H1092" s="60">
        <v>10</v>
      </c>
      <c r="I1092" s="60">
        <v>22</v>
      </c>
      <c r="J1092" s="61">
        <v>0</v>
      </c>
      <c r="K1092" s="61">
        <v>148.63</v>
      </c>
    </row>
    <row r="1093" spans="1:11" ht="18.75" customHeight="1" thickBot="1">
      <c r="A1093" s="59" t="s">
        <v>448</v>
      </c>
      <c r="B1093" s="59" t="s">
        <v>28</v>
      </c>
      <c r="C1093" s="59" t="s">
        <v>28</v>
      </c>
      <c r="D1093" s="59" t="s">
        <v>371</v>
      </c>
      <c r="E1093" s="59" t="s">
        <v>380</v>
      </c>
      <c r="F1093" s="59" t="s">
        <v>449</v>
      </c>
      <c r="G1093" s="59" t="s">
        <v>450</v>
      </c>
      <c r="H1093" s="60">
        <v>10</v>
      </c>
      <c r="I1093" s="60">
        <v>93</v>
      </c>
      <c r="J1093" s="61">
        <v>0</v>
      </c>
      <c r="K1093" s="61">
        <v>8.59</v>
      </c>
    </row>
    <row r="1094" spans="1:11" ht="18.75" customHeight="1" thickBot="1">
      <c r="A1094" s="59" t="s">
        <v>448</v>
      </c>
      <c r="B1094" s="59" t="s">
        <v>28</v>
      </c>
      <c r="C1094" s="59" t="s">
        <v>28</v>
      </c>
      <c r="D1094" s="59" t="s">
        <v>371</v>
      </c>
      <c r="E1094" s="59" t="s">
        <v>380</v>
      </c>
      <c r="F1094" s="59" t="s">
        <v>449</v>
      </c>
      <c r="G1094" s="59" t="s">
        <v>450</v>
      </c>
      <c r="H1094" s="60">
        <v>10</v>
      </c>
      <c r="I1094" s="60">
        <v>94</v>
      </c>
      <c r="J1094" s="61">
        <v>0</v>
      </c>
      <c r="K1094" s="61">
        <v>201.8</v>
      </c>
    </row>
    <row r="1095" spans="1:11" ht="18.75" customHeight="1" thickBot="1">
      <c r="A1095" s="59" t="s">
        <v>448</v>
      </c>
      <c r="B1095" s="59" t="s">
        <v>28</v>
      </c>
      <c r="C1095" s="59" t="s">
        <v>28</v>
      </c>
      <c r="D1095" s="59" t="s">
        <v>371</v>
      </c>
      <c r="E1095" s="59" t="s">
        <v>380</v>
      </c>
      <c r="F1095" s="59" t="s">
        <v>449</v>
      </c>
      <c r="G1095" s="59" t="s">
        <v>450</v>
      </c>
      <c r="H1095" s="60">
        <v>10</v>
      </c>
      <c r="I1095" s="60">
        <v>97</v>
      </c>
      <c r="J1095" s="61">
        <v>0</v>
      </c>
      <c r="K1095" s="61">
        <v>12.99</v>
      </c>
    </row>
    <row r="1096" spans="1:11" ht="18.75" customHeight="1" thickBot="1">
      <c r="A1096" s="59" t="s">
        <v>448</v>
      </c>
      <c r="B1096" s="59" t="s">
        <v>28</v>
      </c>
      <c r="C1096" s="59" t="s">
        <v>28</v>
      </c>
      <c r="D1096" s="59" t="s">
        <v>371</v>
      </c>
      <c r="E1096" s="59" t="s">
        <v>380</v>
      </c>
      <c r="F1096" s="59" t="s">
        <v>449</v>
      </c>
      <c r="G1096" s="59" t="s">
        <v>450</v>
      </c>
      <c r="H1096" s="60">
        <v>10</v>
      </c>
      <c r="I1096" s="60">
        <v>107</v>
      </c>
      <c r="J1096" s="61">
        <v>0</v>
      </c>
      <c r="K1096" s="61">
        <v>10.82</v>
      </c>
    </row>
    <row r="1097" spans="1:11" ht="18.75" customHeight="1" thickBot="1">
      <c r="A1097" s="59" t="s">
        <v>448</v>
      </c>
      <c r="B1097" s="59" t="s">
        <v>28</v>
      </c>
      <c r="C1097" s="59" t="s">
        <v>28</v>
      </c>
      <c r="D1097" s="59" t="s">
        <v>371</v>
      </c>
      <c r="E1097" s="59" t="s">
        <v>380</v>
      </c>
      <c r="F1097" s="59" t="s">
        <v>449</v>
      </c>
      <c r="G1097" s="59" t="s">
        <v>450</v>
      </c>
      <c r="H1097" s="60">
        <v>10</v>
      </c>
      <c r="I1097" s="60">
        <v>109</v>
      </c>
      <c r="J1097" s="61">
        <v>0</v>
      </c>
      <c r="K1097" s="61">
        <v>16.73</v>
      </c>
    </row>
    <row r="1098" spans="1:11" ht="18.75" customHeight="1" thickBot="1">
      <c r="A1098" s="59" t="s">
        <v>448</v>
      </c>
      <c r="B1098" s="59" t="s">
        <v>28</v>
      </c>
      <c r="C1098" s="59" t="s">
        <v>28</v>
      </c>
      <c r="D1098" s="59" t="s">
        <v>371</v>
      </c>
      <c r="E1098" s="59" t="s">
        <v>380</v>
      </c>
      <c r="F1098" s="59" t="s">
        <v>449</v>
      </c>
      <c r="G1098" s="59" t="s">
        <v>450</v>
      </c>
      <c r="H1098" s="60">
        <v>10</v>
      </c>
      <c r="I1098" s="60">
        <v>111</v>
      </c>
      <c r="J1098" s="61">
        <v>0</v>
      </c>
      <c r="K1098" s="61">
        <v>1.94</v>
      </c>
    </row>
    <row r="1099" spans="1:11" ht="18.75" customHeight="1" thickBot="1">
      <c r="A1099" s="59" t="s">
        <v>448</v>
      </c>
      <c r="B1099" s="59" t="s">
        <v>28</v>
      </c>
      <c r="C1099" s="59" t="s">
        <v>28</v>
      </c>
      <c r="D1099" s="59" t="s">
        <v>371</v>
      </c>
      <c r="E1099" s="59" t="s">
        <v>380</v>
      </c>
      <c r="F1099" s="59" t="s">
        <v>449</v>
      </c>
      <c r="G1099" s="59" t="s">
        <v>450</v>
      </c>
      <c r="H1099" s="60">
        <v>10</v>
      </c>
      <c r="I1099" s="60">
        <v>113</v>
      </c>
      <c r="J1099" s="61">
        <v>0</v>
      </c>
      <c r="K1099" s="61">
        <v>132.66999999999999</v>
      </c>
    </row>
    <row r="1100" spans="1:11" ht="18.75" customHeight="1" thickBot="1">
      <c r="A1100" s="59" t="s">
        <v>448</v>
      </c>
      <c r="B1100" s="59" t="s">
        <v>28</v>
      </c>
      <c r="C1100" s="59" t="s">
        <v>28</v>
      </c>
      <c r="D1100" s="59" t="s">
        <v>371</v>
      </c>
      <c r="E1100" s="59" t="s">
        <v>380</v>
      </c>
      <c r="F1100" s="59" t="s">
        <v>449</v>
      </c>
      <c r="G1100" s="59" t="s">
        <v>450</v>
      </c>
      <c r="H1100" s="60">
        <v>10</v>
      </c>
      <c r="I1100" s="60">
        <v>150</v>
      </c>
      <c r="J1100" s="61">
        <v>0</v>
      </c>
      <c r="K1100" s="61">
        <v>42.11</v>
      </c>
    </row>
    <row r="1101" spans="1:11" ht="18.75" customHeight="1" thickBot="1">
      <c r="A1101" s="59" t="s">
        <v>448</v>
      </c>
      <c r="B1101" s="59" t="s">
        <v>28</v>
      </c>
      <c r="C1101" s="59" t="s">
        <v>28</v>
      </c>
      <c r="D1101" s="59" t="s">
        <v>371</v>
      </c>
      <c r="E1101" s="59" t="s">
        <v>380</v>
      </c>
      <c r="F1101" s="59" t="s">
        <v>449</v>
      </c>
      <c r="G1101" s="59" t="s">
        <v>450</v>
      </c>
      <c r="H1101" s="60">
        <v>20</v>
      </c>
      <c r="I1101" s="60">
        <v>11</v>
      </c>
      <c r="J1101" s="61">
        <v>0</v>
      </c>
      <c r="K1101" s="61">
        <v>0.77</v>
      </c>
    </row>
    <row r="1102" spans="1:11" ht="18.75" customHeight="1" thickBot="1">
      <c r="A1102" s="59" t="s">
        <v>448</v>
      </c>
      <c r="B1102" s="59" t="s">
        <v>28</v>
      </c>
      <c r="C1102" s="59" t="s">
        <v>28</v>
      </c>
      <c r="D1102" s="59" t="s">
        <v>371</v>
      </c>
      <c r="E1102" s="59" t="s">
        <v>380</v>
      </c>
      <c r="F1102" s="59" t="s">
        <v>449</v>
      </c>
      <c r="G1102" s="59" t="s">
        <v>450</v>
      </c>
      <c r="H1102" s="60">
        <v>20</v>
      </c>
      <c r="I1102" s="60">
        <v>15</v>
      </c>
      <c r="J1102" s="61">
        <v>0</v>
      </c>
      <c r="K1102" s="61">
        <v>372.06</v>
      </c>
    </row>
    <row r="1103" spans="1:11" ht="18.75" customHeight="1" thickBot="1">
      <c r="A1103" s="59" t="s">
        <v>448</v>
      </c>
      <c r="B1103" s="59" t="s">
        <v>28</v>
      </c>
      <c r="C1103" s="59" t="s">
        <v>28</v>
      </c>
      <c r="D1103" s="59" t="s">
        <v>371</v>
      </c>
      <c r="E1103" s="59" t="s">
        <v>380</v>
      </c>
      <c r="F1103" s="59" t="s">
        <v>449</v>
      </c>
      <c r="G1103" s="59" t="s">
        <v>450</v>
      </c>
      <c r="H1103" s="60">
        <v>20</v>
      </c>
      <c r="I1103" s="60">
        <v>17</v>
      </c>
      <c r="J1103" s="61">
        <v>0</v>
      </c>
      <c r="K1103" s="61">
        <v>0.64</v>
      </c>
    </row>
    <row r="1104" spans="1:11" ht="18.75" customHeight="1" thickBot="1">
      <c r="A1104" s="59" t="s">
        <v>448</v>
      </c>
      <c r="B1104" s="59" t="s">
        <v>28</v>
      </c>
      <c r="C1104" s="59" t="s">
        <v>28</v>
      </c>
      <c r="D1104" s="59" t="s">
        <v>371</v>
      </c>
      <c r="E1104" s="59" t="s">
        <v>380</v>
      </c>
      <c r="F1104" s="59" t="s">
        <v>449</v>
      </c>
      <c r="G1104" s="59" t="s">
        <v>450</v>
      </c>
      <c r="H1104" s="60">
        <v>20</v>
      </c>
      <c r="I1104" s="60">
        <v>22</v>
      </c>
      <c r="J1104" s="61">
        <v>0</v>
      </c>
      <c r="K1104" s="61">
        <v>698.97</v>
      </c>
    </row>
    <row r="1105" spans="1:11" ht="18.75" customHeight="1" thickBot="1">
      <c r="A1105" s="59" t="s">
        <v>448</v>
      </c>
      <c r="B1105" s="59" t="s">
        <v>28</v>
      </c>
      <c r="C1105" s="59" t="s">
        <v>28</v>
      </c>
      <c r="D1105" s="59" t="s">
        <v>371</v>
      </c>
      <c r="E1105" s="59" t="s">
        <v>380</v>
      </c>
      <c r="F1105" s="59" t="s">
        <v>449</v>
      </c>
      <c r="G1105" s="59" t="s">
        <v>450</v>
      </c>
      <c r="H1105" s="60">
        <v>20</v>
      </c>
      <c r="I1105" s="60">
        <v>32</v>
      </c>
      <c r="J1105" s="61">
        <v>0</v>
      </c>
      <c r="K1105" s="61">
        <v>3.66</v>
      </c>
    </row>
    <row r="1106" spans="1:11" ht="18.75" customHeight="1" thickBot="1">
      <c r="A1106" s="59" t="s">
        <v>448</v>
      </c>
      <c r="B1106" s="59" t="s">
        <v>28</v>
      </c>
      <c r="C1106" s="59" t="s">
        <v>28</v>
      </c>
      <c r="D1106" s="59" t="s">
        <v>371</v>
      </c>
      <c r="E1106" s="59" t="s">
        <v>380</v>
      </c>
      <c r="F1106" s="59" t="s">
        <v>449</v>
      </c>
      <c r="G1106" s="59" t="s">
        <v>450</v>
      </c>
      <c r="H1106" s="60">
        <v>20</v>
      </c>
      <c r="I1106" s="60">
        <v>93</v>
      </c>
      <c r="J1106" s="61">
        <v>0</v>
      </c>
      <c r="K1106" s="61">
        <v>1.63</v>
      </c>
    </row>
    <row r="1107" spans="1:11" ht="18.75" customHeight="1" thickBot="1">
      <c r="A1107" s="59" t="s">
        <v>448</v>
      </c>
      <c r="B1107" s="59" t="s">
        <v>28</v>
      </c>
      <c r="C1107" s="59" t="s">
        <v>28</v>
      </c>
      <c r="D1107" s="59" t="s">
        <v>371</v>
      </c>
      <c r="E1107" s="59" t="s">
        <v>380</v>
      </c>
      <c r="F1107" s="59" t="s">
        <v>449</v>
      </c>
      <c r="G1107" s="59" t="s">
        <v>450</v>
      </c>
      <c r="H1107" s="60">
        <v>20</v>
      </c>
      <c r="I1107" s="60">
        <v>94</v>
      </c>
      <c r="J1107" s="61">
        <v>0</v>
      </c>
      <c r="K1107" s="61">
        <v>155.6</v>
      </c>
    </row>
    <row r="1108" spans="1:11" ht="18.75" customHeight="1" thickBot="1">
      <c r="A1108" s="59" t="s">
        <v>448</v>
      </c>
      <c r="B1108" s="59" t="s">
        <v>28</v>
      </c>
      <c r="C1108" s="59" t="s">
        <v>28</v>
      </c>
      <c r="D1108" s="59" t="s">
        <v>371</v>
      </c>
      <c r="E1108" s="59" t="s">
        <v>380</v>
      </c>
      <c r="F1108" s="59" t="s">
        <v>449</v>
      </c>
      <c r="G1108" s="59" t="s">
        <v>450</v>
      </c>
      <c r="H1108" s="60">
        <v>20</v>
      </c>
      <c r="I1108" s="60">
        <v>97</v>
      </c>
      <c r="J1108" s="61">
        <v>0</v>
      </c>
      <c r="K1108" s="61">
        <v>13.73</v>
      </c>
    </row>
    <row r="1109" spans="1:11" ht="18.75" customHeight="1" thickBot="1">
      <c r="A1109" s="59" t="s">
        <v>448</v>
      </c>
      <c r="B1109" s="59" t="s">
        <v>28</v>
      </c>
      <c r="C1109" s="59" t="s">
        <v>28</v>
      </c>
      <c r="D1109" s="59" t="s">
        <v>371</v>
      </c>
      <c r="E1109" s="59" t="s">
        <v>380</v>
      </c>
      <c r="F1109" s="59" t="s">
        <v>449</v>
      </c>
      <c r="G1109" s="59" t="s">
        <v>450</v>
      </c>
      <c r="H1109" s="60">
        <v>20</v>
      </c>
      <c r="I1109" s="60">
        <v>107</v>
      </c>
      <c r="J1109" s="61">
        <v>0</v>
      </c>
      <c r="K1109" s="61">
        <v>4.16</v>
      </c>
    </row>
    <row r="1110" spans="1:11" ht="18.75" customHeight="1" thickBot="1">
      <c r="A1110" s="59" t="s">
        <v>448</v>
      </c>
      <c r="B1110" s="59" t="s">
        <v>28</v>
      </c>
      <c r="C1110" s="59" t="s">
        <v>28</v>
      </c>
      <c r="D1110" s="59" t="s">
        <v>371</v>
      </c>
      <c r="E1110" s="59" t="s">
        <v>380</v>
      </c>
      <c r="F1110" s="59" t="s">
        <v>449</v>
      </c>
      <c r="G1110" s="59" t="s">
        <v>450</v>
      </c>
      <c r="H1110" s="60">
        <v>20</v>
      </c>
      <c r="I1110" s="60">
        <v>109</v>
      </c>
      <c r="J1110" s="61">
        <v>0</v>
      </c>
      <c r="K1110" s="61">
        <v>20.9</v>
      </c>
    </row>
    <row r="1111" spans="1:11" ht="18.75" customHeight="1" thickBot="1">
      <c r="A1111" s="59" t="s">
        <v>448</v>
      </c>
      <c r="B1111" s="59" t="s">
        <v>28</v>
      </c>
      <c r="C1111" s="59" t="s">
        <v>28</v>
      </c>
      <c r="D1111" s="59" t="s">
        <v>371</v>
      </c>
      <c r="E1111" s="59" t="s">
        <v>380</v>
      </c>
      <c r="F1111" s="59" t="s">
        <v>449</v>
      </c>
      <c r="G1111" s="59" t="s">
        <v>450</v>
      </c>
      <c r="H1111" s="60">
        <v>20</v>
      </c>
      <c r="I1111" s="60">
        <v>111</v>
      </c>
      <c r="J1111" s="61">
        <v>0</v>
      </c>
      <c r="K1111" s="61">
        <v>8.98</v>
      </c>
    </row>
    <row r="1112" spans="1:11" ht="18.75" customHeight="1" thickBot="1">
      <c r="A1112" s="59" t="s">
        <v>448</v>
      </c>
      <c r="B1112" s="59" t="s">
        <v>28</v>
      </c>
      <c r="C1112" s="59" t="s">
        <v>28</v>
      </c>
      <c r="D1112" s="59" t="s">
        <v>371</v>
      </c>
      <c r="E1112" s="59" t="s">
        <v>380</v>
      </c>
      <c r="F1112" s="59" t="s">
        <v>449</v>
      </c>
      <c r="G1112" s="59" t="s">
        <v>450</v>
      </c>
      <c r="H1112" s="60">
        <v>20</v>
      </c>
      <c r="I1112" s="60">
        <v>113</v>
      </c>
      <c r="J1112" s="61">
        <v>0</v>
      </c>
      <c r="K1112" s="61">
        <v>140.81</v>
      </c>
    </row>
    <row r="1113" spans="1:11" ht="18.75" customHeight="1" thickBot="1">
      <c r="A1113" s="59" t="s">
        <v>448</v>
      </c>
      <c r="B1113" s="59" t="s">
        <v>28</v>
      </c>
      <c r="C1113" s="59" t="s">
        <v>28</v>
      </c>
      <c r="D1113" s="59" t="s">
        <v>371</v>
      </c>
      <c r="E1113" s="59" t="s">
        <v>380</v>
      </c>
      <c r="F1113" s="59" t="s">
        <v>449</v>
      </c>
      <c r="G1113" s="59" t="s">
        <v>450</v>
      </c>
      <c r="H1113" s="60">
        <v>20</v>
      </c>
      <c r="I1113" s="60">
        <v>150</v>
      </c>
      <c r="J1113" s="61">
        <v>0</v>
      </c>
      <c r="K1113" s="61">
        <v>26.76</v>
      </c>
    </row>
    <row r="1114" spans="1:11" ht="18.75" customHeight="1" thickBot="1">
      <c r="A1114" s="59" t="s">
        <v>448</v>
      </c>
      <c r="B1114" s="59" t="s">
        <v>28</v>
      </c>
      <c r="C1114" s="59" t="s">
        <v>28</v>
      </c>
      <c r="D1114" s="59" t="s">
        <v>371</v>
      </c>
      <c r="E1114" s="59" t="s">
        <v>380</v>
      </c>
      <c r="F1114" s="59" t="s">
        <v>449</v>
      </c>
      <c r="G1114" s="59" t="s">
        <v>450</v>
      </c>
      <c r="H1114" s="60">
        <v>20</v>
      </c>
      <c r="I1114" s="60">
        <v>211</v>
      </c>
      <c r="J1114" s="61">
        <v>0</v>
      </c>
      <c r="K1114" s="61">
        <v>3.8</v>
      </c>
    </row>
    <row r="1115" spans="1:11" ht="18.75" customHeight="1" thickBot="1">
      <c r="A1115" s="59" t="s">
        <v>448</v>
      </c>
      <c r="B1115" s="59" t="s">
        <v>28</v>
      </c>
      <c r="C1115" s="59" t="s">
        <v>28</v>
      </c>
      <c r="D1115" s="59" t="s">
        <v>371</v>
      </c>
      <c r="E1115" s="59" t="s">
        <v>380</v>
      </c>
      <c r="F1115" s="59" t="s">
        <v>449</v>
      </c>
      <c r="G1115" s="59" t="s">
        <v>450</v>
      </c>
      <c r="H1115" s="60">
        <v>211</v>
      </c>
      <c r="I1115" s="60">
        <v>93</v>
      </c>
      <c r="J1115" s="61">
        <v>0</v>
      </c>
      <c r="K1115" s="61">
        <v>23.75</v>
      </c>
    </row>
    <row r="1116" spans="1:11" ht="18.75" customHeight="1" thickBot="1">
      <c r="A1116" s="59" t="s">
        <v>448</v>
      </c>
      <c r="B1116" s="59" t="s">
        <v>28</v>
      </c>
      <c r="C1116" s="59" t="s">
        <v>28</v>
      </c>
      <c r="D1116" s="59" t="s">
        <v>371</v>
      </c>
      <c r="E1116" s="59" t="s">
        <v>380</v>
      </c>
      <c r="F1116" s="59" t="s">
        <v>449</v>
      </c>
      <c r="G1116" s="59" t="s">
        <v>450</v>
      </c>
      <c r="H1116" s="60">
        <v>211</v>
      </c>
      <c r="I1116" s="60">
        <v>94</v>
      </c>
      <c r="J1116" s="61">
        <v>0</v>
      </c>
      <c r="K1116" s="61">
        <v>138.57</v>
      </c>
    </row>
    <row r="1117" spans="1:11" ht="18.75" customHeight="1" thickBot="1">
      <c r="A1117" s="59" t="s">
        <v>448</v>
      </c>
      <c r="B1117" s="59" t="s">
        <v>28</v>
      </c>
      <c r="C1117" s="59" t="s">
        <v>28</v>
      </c>
      <c r="D1117" s="59" t="s">
        <v>371</v>
      </c>
      <c r="E1117" s="59" t="s">
        <v>380</v>
      </c>
      <c r="F1117" s="59" t="s">
        <v>449</v>
      </c>
      <c r="G1117" s="59" t="s">
        <v>450</v>
      </c>
      <c r="H1117" s="60">
        <v>211</v>
      </c>
      <c r="I1117" s="60">
        <v>95</v>
      </c>
      <c r="J1117" s="61">
        <v>0</v>
      </c>
      <c r="K1117" s="61">
        <v>10.38</v>
      </c>
    </row>
    <row r="1118" spans="1:11" ht="18.75" customHeight="1" thickBot="1">
      <c r="A1118" s="59" t="s">
        <v>448</v>
      </c>
      <c r="B1118" s="59" t="s">
        <v>28</v>
      </c>
      <c r="C1118" s="59" t="s">
        <v>28</v>
      </c>
      <c r="D1118" s="59" t="s">
        <v>371</v>
      </c>
      <c r="E1118" s="59" t="s">
        <v>380</v>
      </c>
      <c r="F1118" s="59" t="s">
        <v>449</v>
      </c>
      <c r="G1118" s="59" t="s">
        <v>450</v>
      </c>
      <c r="H1118" s="60">
        <v>211</v>
      </c>
      <c r="I1118" s="60">
        <v>97</v>
      </c>
      <c r="J1118" s="61">
        <v>0</v>
      </c>
      <c r="K1118" s="61">
        <v>98.2</v>
      </c>
    </row>
    <row r="1119" spans="1:11" ht="18.75" customHeight="1" thickBot="1">
      <c r="A1119" s="59" t="s">
        <v>448</v>
      </c>
      <c r="B1119" s="59" t="s">
        <v>28</v>
      </c>
      <c r="C1119" s="59" t="s">
        <v>28</v>
      </c>
      <c r="D1119" s="59" t="s">
        <v>371</v>
      </c>
      <c r="E1119" s="59" t="s">
        <v>380</v>
      </c>
      <c r="F1119" s="59" t="s">
        <v>449</v>
      </c>
      <c r="G1119" s="59" t="s">
        <v>450</v>
      </c>
      <c r="H1119" s="60">
        <v>211</v>
      </c>
      <c r="I1119" s="60">
        <v>98</v>
      </c>
      <c r="J1119" s="61">
        <v>0</v>
      </c>
      <c r="K1119" s="61">
        <v>11.41</v>
      </c>
    </row>
    <row r="1120" spans="1:11" ht="18.75" customHeight="1" thickBot="1">
      <c r="A1120" s="59" t="s">
        <v>448</v>
      </c>
      <c r="B1120" s="59" t="s">
        <v>28</v>
      </c>
      <c r="C1120" s="59" t="s">
        <v>28</v>
      </c>
      <c r="D1120" s="59" t="s">
        <v>371</v>
      </c>
      <c r="E1120" s="59" t="s">
        <v>380</v>
      </c>
      <c r="F1120" s="59" t="s">
        <v>449</v>
      </c>
      <c r="G1120" s="59" t="s">
        <v>450</v>
      </c>
      <c r="H1120" s="60">
        <v>211</v>
      </c>
      <c r="I1120" s="60">
        <v>107</v>
      </c>
      <c r="J1120" s="61">
        <v>0</v>
      </c>
      <c r="K1120" s="61">
        <v>112.59</v>
      </c>
    </row>
    <row r="1121" spans="1:11" ht="18.75" customHeight="1" thickBot="1">
      <c r="A1121" s="59" t="s">
        <v>448</v>
      </c>
      <c r="B1121" s="59" t="s">
        <v>28</v>
      </c>
      <c r="C1121" s="59" t="s">
        <v>28</v>
      </c>
      <c r="D1121" s="59" t="s">
        <v>371</v>
      </c>
      <c r="E1121" s="59" t="s">
        <v>380</v>
      </c>
      <c r="F1121" s="59" t="s">
        <v>449</v>
      </c>
      <c r="G1121" s="59" t="s">
        <v>450</v>
      </c>
      <c r="H1121" s="60">
        <v>211</v>
      </c>
      <c r="I1121" s="60">
        <v>109</v>
      </c>
      <c r="J1121" s="61">
        <v>0</v>
      </c>
      <c r="K1121" s="61">
        <v>412.8</v>
      </c>
    </row>
    <row r="1122" spans="1:11" ht="18.75" customHeight="1" thickBot="1">
      <c r="A1122" s="59" t="s">
        <v>448</v>
      </c>
      <c r="B1122" s="59" t="s">
        <v>28</v>
      </c>
      <c r="C1122" s="59" t="s">
        <v>28</v>
      </c>
      <c r="D1122" s="59" t="s">
        <v>371</v>
      </c>
      <c r="E1122" s="59" t="s">
        <v>380</v>
      </c>
      <c r="F1122" s="59" t="s">
        <v>449</v>
      </c>
      <c r="G1122" s="59" t="s">
        <v>450</v>
      </c>
      <c r="H1122" s="60">
        <v>211</v>
      </c>
      <c r="I1122" s="60">
        <v>110</v>
      </c>
      <c r="J1122" s="61">
        <v>0</v>
      </c>
      <c r="K1122" s="61">
        <v>4.07</v>
      </c>
    </row>
    <row r="1123" spans="1:11" ht="18.75" customHeight="1" thickBot="1">
      <c r="A1123" s="59" t="s">
        <v>448</v>
      </c>
      <c r="B1123" s="59" t="s">
        <v>28</v>
      </c>
      <c r="C1123" s="59" t="s">
        <v>28</v>
      </c>
      <c r="D1123" s="59" t="s">
        <v>371</v>
      </c>
      <c r="E1123" s="59" t="s">
        <v>380</v>
      </c>
      <c r="F1123" s="59" t="s">
        <v>449</v>
      </c>
      <c r="G1123" s="59" t="s">
        <v>450</v>
      </c>
      <c r="H1123" s="60">
        <v>211</v>
      </c>
      <c r="I1123" s="60">
        <v>111</v>
      </c>
      <c r="J1123" s="61">
        <v>0</v>
      </c>
      <c r="K1123" s="61">
        <v>86.09</v>
      </c>
    </row>
    <row r="1124" spans="1:11" ht="18.75" customHeight="1" thickBot="1">
      <c r="A1124" s="59" t="s">
        <v>448</v>
      </c>
      <c r="B1124" s="59" t="s">
        <v>28</v>
      </c>
      <c r="C1124" s="59" t="s">
        <v>28</v>
      </c>
      <c r="D1124" s="59" t="s">
        <v>371</v>
      </c>
      <c r="E1124" s="59" t="s">
        <v>380</v>
      </c>
      <c r="F1124" s="59" t="s">
        <v>449</v>
      </c>
      <c r="G1124" s="59" t="s">
        <v>450</v>
      </c>
      <c r="H1124" s="60">
        <v>211</v>
      </c>
      <c r="I1124" s="60">
        <v>113</v>
      </c>
      <c r="J1124" s="61">
        <v>0</v>
      </c>
      <c r="K1124" s="61">
        <v>194.08</v>
      </c>
    </row>
    <row r="1125" spans="1:11" ht="18.75" customHeight="1" thickBot="1">
      <c r="A1125" s="59" t="s">
        <v>448</v>
      </c>
      <c r="B1125" s="59" t="s">
        <v>28</v>
      </c>
      <c r="C1125" s="59" t="s">
        <v>28</v>
      </c>
      <c r="D1125" s="59" t="s">
        <v>371</v>
      </c>
      <c r="E1125" s="59" t="s">
        <v>380</v>
      </c>
      <c r="F1125" s="59" t="s">
        <v>449</v>
      </c>
      <c r="G1125" s="59" t="s">
        <v>450</v>
      </c>
      <c r="H1125" s="60">
        <v>211</v>
      </c>
      <c r="I1125" s="60">
        <v>116</v>
      </c>
      <c r="J1125" s="61">
        <v>0</v>
      </c>
      <c r="K1125" s="61">
        <v>142.84</v>
      </c>
    </row>
    <row r="1126" spans="1:11" ht="18.75" customHeight="1" thickBot="1">
      <c r="A1126" s="59" t="s">
        <v>448</v>
      </c>
      <c r="B1126" s="59" t="s">
        <v>28</v>
      </c>
      <c r="C1126" s="59" t="s">
        <v>28</v>
      </c>
      <c r="D1126" s="59" t="s">
        <v>371</v>
      </c>
      <c r="E1126" s="59" t="s">
        <v>380</v>
      </c>
      <c r="F1126" s="59" t="s">
        <v>449</v>
      </c>
      <c r="G1126" s="59" t="s">
        <v>450</v>
      </c>
      <c r="H1126" s="60">
        <v>211</v>
      </c>
      <c r="I1126" s="60">
        <v>131</v>
      </c>
      <c r="J1126" s="61">
        <v>0</v>
      </c>
      <c r="K1126" s="61">
        <v>74.53</v>
      </c>
    </row>
    <row r="1127" spans="1:11" ht="18.75" customHeight="1" thickBot="1">
      <c r="A1127" s="59" t="s">
        <v>448</v>
      </c>
      <c r="B1127" s="59" t="s">
        <v>28</v>
      </c>
      <c r="C1127" s="59" t="s">
        <v>28</v>
      </c>
      <c r="D1127" s="59" t="s">
        <v>371</v>
      </c>
      <c r="E1127" s="59" t="s">
        <v>380</v>
      </c>
      <c r="F1127" s="59" t="s">
        <v>449</v>
      </c>
      <c r="G1127" s="59" t="s">
        <v>450</v>
      </c>
      <c r="H1127" s="60">
        <v>211</v>
      </c>
      <c r="I1127" s="60">
        <v>150</v>
      </c>
      <c r="J1127" s="61">
        <v>0</v>
      </c>
      <c r="K1127" s="61">
        <v>37.92</v>
      </c>
    </row>
    <row r="1128" spans="1:11" ht="18.75" customHeight="1" thickBot="1">
      <c r="A1128" s="59" t="s">
        <v>448</v>
      </c>
      <c r="B1128" s="59" t="s">
        <v>28</v>
      </c>
      <c r="C1128" s="59" t="s">
        <v>28</v>
      </c>
      <c r="D1128" s="59" t="s">
        <v>371</v>
      </c>
      <c r="E1128" s="59" t="s">
        <v>380</v>
      </c>
      <c r="F1128" s="59" t="s">
        <v>449</v>
      </c>
      <c r="G1128" s="59" t="s">
        <v>450</v>
      </c>
      <c r="H1128" s="60">
        <v>211</v>
      </c>
      <c r="I1128" s="60">
        <v>204</v>
      </c>
      <c r="J1128" s="61">
        <v>0</v>
      </c>
      <c r="K1128" s="61">
        <v>164.58</v>
      </c>
    </row>
    <row r="1129" spans="1:11" ht="18.75" customHeight="1" thickBot="1">
      <c r="A1129" s="59" t="s">
        <v>448</v>
      </c>
      <c r="B1129" s="59" t="s">
        <v>28</v>
      </c>
      <c r="C1129" s="59" t="s">
        <v>28</v>
      </c>
      <c r="D1129" s="59" t="s">
        <v>371</v>
      </c>
      <c r="E1129" s="59" t="s">
        <v>380</v>
      </c>
      <c r="F1129" s="59" t="s">
        <v>449</v>
      </c>
      <c r="G1129" s="59" t="s">
        <v>450</v>
      </c>
      <c r="H1129" s="60">
        <v>211</v>
      </c>
      <c r="I1129" s="60">
        <v>211</v>
      </c>
      <c r="J1129" s="61">
        <v>0</v>
      </c>
      <c r="K1129" s="61">
        <v>32083.42</v>
      </c>
    </row>
    <row r="1130" spans="1:11" ht="18.75" customHeight="1" thickBot="1">
      <c r="A1130" s="59" t="s">
        <v>448</v>
      </c>
      <c r="B1130" s="59" t="s">
        <v>28</v>
      </c>
      <c r="C1130" s="59" t="s">
        <v>28</v>
      </c>
      <c r="D1130" s="59" t="s">
        <v>371</v>
      </c>
      <c r="E1130" s="59" t="s">
        <v>380</v>
      </c>
      <c r="F1130" s="59" t="s">
        <v>449</v>
      </c>
      <c r="G1130" s="59" t="s">
        <v>450</v>
      </c>
      <c r="H1130" s="60">
        <v>211</v>
      </c>
      <c r="I1130" s="60">
        <v>213</v>
      </c>
      <c r="J1130" s="61">
        <v>0</v>
      </c>
      <c r="K1130" s="61">
        <v>317.52</v>
      </c>
    </row>
    <row r="1131" spans="1:11" ht="18.75" customHeight="1" thickBot="1">
      <c r="A1131" s="59" t="s">
        <v>448</v>
      </c>
      <c r="B1131" s="59" t="s">
        <v>28</v>
      </c>
      <c r="C1131" s="59" t="s">
        <v>28</v>
      </c>
      <c r="D1131" s="59" t="s">
        <v>371</v>
      </c>
      <c r="E1131" s="59" t="s">
        <v>380</v>
      </c>
      <c r="F1131" s="59" t="s">
        <v>449</v>
      </c>
      <c r="G1131" s="59" t="s">
        <v>450</v>
      </c>
      <c r="H1131" s="60">
        <v>211</v>
      </c>
      <c r="I1131" s="60">
        <v>214</v>
      </c>
      <c r="J1131" s="61">
        <v>0</v>
      </c>
      <c r="K1131" s="61">
        <v>4.9400000000000004</v>
      </c>
    </row>
    <row r="1132" spans="1:11" ht="18.75" customHeight="1" thickBot="1">
      <c r="A1132" s="59" t="s">
        <v>448</v>
      </c>
      <c r="B1132" s="59" t="s">
        <v>28</v>
      </c>
      <c r="C1132" s="59" t="s">
        <v>28</v>
      </c>
      <c r="D1132" s="59" t="s">
        <v>371</v>
      </c>
      <c r="E1132" s="59" t="s">
        <v>380</v>
      </c>
      <c r="F1132" s="59" t="s">
        <v>449</v>
      </c>
      <c r="G1132" s="59" t="s">
        <v>450</v>
      </c>
      <c r="H1132" s="60">
        <v>211</v>
      </c>
      <c r="I1132" s="60">
        <v>215</v>
      </c>
      <c r="J1132" s="61">
        <v>0</v>
      </c>
      <c r="K1132" s="61">
        <v>43852.15</v>
      </c>
    </row>
    <row r="1133" spans="1:11" ht="18.75" customHeight="1" thickBot="1">
      <c r="A1133" s="59" t="s">
        <v>448</v>
      </c>
      <c r="B1133" s="59" t="s">
        <v>28</v>
      </c>
      <c r="C1133" s="59" t="s">
        <v>28</v>
      </c>
      <c r="D1133" s="59" t="s">
        <v>371</v>
      </c>
      <c r="E1133" s="59" t="s">
        <v>380</v>
      </c>
      <c r="F1133" s="59" t="s">
        <v>449</v>
      </c>
      <c r="G1133" s="59" t="s">
        <v>450</v>
      </c>
      <c r="H1133" s="60">
        <v>211</v>
      </c>
      <c r="I1133" s="60">
        <v>217</v>
      </c>
      <c r="J1133" s="61">
        <v>0</v>
      </c>
      <c r="K1133" s="61">
        <v>50.36</v>
      </c>
    </row>
    <row r="1134" spans="1:11" ht="18.75" customHeight="1" thickBot="1">
      <c r="A1134" s="59" t="s">
        <v>448</v>
      </c>
      <c r="B1134" s="59" t="s">
        <v>28</v>
      </c>
      <c r="C1134" s="59" t="s">
        <v>28</v>
      </c>
      <c r="D1134" s="59" t="s">
        <v>371</v>
      </c>
      <c r="E1134" s="59" t="s">
        <v>380</v>
      </c>
      <c r="F1134" s="59" t="s">
        <v>449</v>
      </c>
      <c r="G1134" s="59" t="s">
        <v>450</v>
      </c>
      <c r="H1134" s="60">
        <v>211</v>
      </c>
      <c r="I1134" s="60">
        <v>220</v>
      </c>
      <c r="J1134" s="61">
        <v>0</v>
      </c>
      <c r="K1134" s="61">
        <v>34.61</v>
      </c>
    </row>
    <row r="1135" spans="1:11" ht="18.75" customHeight="1" thickBot="1">
      <c r="A1135" s="59" t="s">
        <v>448</v>
      </c>
      <c r="B1135" s="59" t="s">
        <v>28</v>
      </c>
      <c r="C1135" s="59" t="s">
        <v>28</v>
      </c>
      <c r="D1135" s="59" t="s">
        <v>371</v>
      </c>
      <c r="E1135" s="59" t="s">
        <v>380</v>
      </c>
      <c r="F1135" s="59" t="s">
        <v>449</v>
      </c>
      <c r="G1135" s="59" t="s">
        <v>450</v>
      </c>
      <c r="H1135" s="60">
        <v>211</v>
      </c>
      <c r="I1135" s="60">
        <v>223</v>
      </c>
      <c r="J1135" s="61">
        <v>0</v>
      </c>
      <c r="K1135" s="61">
        <v>17.329999999999998</v>
      </c>
    </row>
    <row r="1136" spans="1:11" ht="18.75" customHeight="1" thickBot="1">
      <c r="A1136" s="59" t="s">
        <v>448</v>
      </c>
      <c r="B1136" s="59" t="s">
        <v>28</v>
      </c>
      <c r="C1136" s="59" t="s">
        <v>28</v>
      </c>
      <c r="D1136" s="59" t="s">
        <v>371</v>
      </c>
      <c r="E1136" s="59" t="s">
        <v>380</v>
      </c>
      <c r="F1136" s="59" t="s">
        <v>449</v>
      </c>
      <c r="G1136" s="59" t="s">
        <v>450</v>
      </c>
      <c r="H1136" s="60">
        <v>211</v>
      </c>
      <c r="I1136" s="60">
        <v>225</v>
      </c>
      <c r="J1136" s="61">
        <v>0</v>
      </c>
      <c r="K1136" s="61">
        <v>11.67</v>
      </c>
    </row>
    <row r="1137" spans="1:11" ht="18.75" customHeight="1" thickBot="1">
      <c r="A1137" s="59" t="s">
        <v>448</v>
      </c>
      <c r="B1137" s="59" t="s">
        <v>28</v>
      </c>
      <c r="C1137" s="59" t="s">
        <v>28</v>
      </c>
      <c r="D1137" s="59" t="s">
        <v>371</v>
      </c>
      <c r="E1137" s="59" t="s">
        <v>380</v>
      </c>
      <c r="F1137" s="59" t="s">
        <v>449</v>
      </c>
      <c r="G1137" s="59" t="s">
        <v>450</v>
      </c>
      <c r="H1137" s="60">
        <v>211</v>
      </c>
      <c r="I1137" s="60">
        <v>227</v>
      </c>
      <c r="J1137" s="61">
        <v>0</v>
      </c>
      <c r="K1137" s="61">
        <v>39.57</v>
      </c>
    </row>
    <row r="1138" spans="1:11" ht="18.75" customHeight="1" thickBot="1">
      <c r="A1138" s="59" t="s">
        <v>448</v>
      </c>
      <c r="B1138" s="59" t="s">
        <v>28</v>
      </c>
      <c r="C1138" s="59" t="s">
        <v>28</v>
      </c>
      <c r="D1138" s="59" t="s">
        <v>371</v>
      </c>
      <c r="E1138" s="59" t="s">
        <v>380</v>
      </c>
      <c r="F1138" s="59" t="s">
        <v>449</v>
      </c>
      <c r="G1138" s="59" t="s">
        <v>450</v>
      </c>
      <c r="H1138" s="60">
        <v>211</v>
      </c>
      <c r="I1138" s="60">
        <v>229</v>
      </c>
      <c r="J1138" s="61">
        <v>0</v>
      </c>
      <c r="K1138" s="61">
        <v>407.51</v>
      </c>
    </row>
    <row r="1139" spans="1:11" ht="18.75" customHeight="1" thickBot="1">
      <c r="A1139" s="59" t="s">
        <v>448</v>
      </c>
      <c r="B1139" s="59" t="s">
        <v>28</v>
      </c>
      <c r="C1139" s="59" t="s">
        <v>28</v>
      </c>
      <c r="D1139" s="59" t="s">
        <v>371</v>
      </c>
      <c r="E1139" s="59" t="s">
        <v>380</v>
      </c>
      <c r="F1139" s="59" t="s">
        <v>449</v>
      </c>
      <c r="G1139" s="59" t="s">
        <v>450</v>
      </c>
      <c r="H1139" s="60">
        <v>211</v>
      </c>
      <c r="I1139" s="60">
        <v>240</v>
      </c>
      <c r="J1139" s="61">
        <v>0</v>
      </c>
      <c r="K1139" s="61">
        <v>18703.03</v>
      </c>
    </row>
    <row r="1140" spans="1:11" ht="18.75" customHeight="1" thickBot="1">
      <c r="A1140" s="59" t="s">
        <v>448</v>
      </c>
      <c r="B1140" s="59" t="s">
        <v>28</v>
      </c>
      <c r="C1140" s="59" t="s">
        <v>28</v>
      </c>
      <c r="D1140" s="59" t="s">
        <v>371</v>
      </c>
      <c r="E1140" s="59" t="s">
        <v>380</v>
      </c>
      <c r="F1140" s="59" t="s">
        <v>449</v>
      </c>
      <c r="G1140" s="59" t="s">
        <v>450</v>
      </c>
      <c r="H1140" s="60">
        <v>211</v>
      </c>
      <c r="I1140" s="60">
        <v>244</v>
      </c>
      <c r="J1140" s="61">
        <v>0</v>
      </c>
      <c r="K1140" s="61">
        <v>1869.58</v>
      </c>
    </row>
    <row r="1141" spans="1:11" ht="18.75" customHeight="1" thickBot="1">
      <c r="A1141" s="59" t="s">
        <v>448</v>
      </c>
      <c r="B1141" s="59" t="s">
        <v>28</v>
      </c>
      <c r="C1141" s="59" t="s">
        <v>28</v>
      </c>
      <c r="D1141" s="59" t="s">
        <v>371</v>
      </c>
      <c r="E1141" s="59" t="s">
        <v>380</v>
      </c>
      <c r="F1141" s="59" t="s">
        <v>449</v>
      </c>
      <c r="G1141" s="59" t="s">
        <v>450</v>
      </c>
      <c r="H1141" s="60">
        <v>211</v>
      </c>
      <c r="I1141" s="60">
        <v>356</v>
      </c>
      <c r="J1141" s="61">
        <v>0</v>
      </c>
      <c r="K1141" s="61">
        <v>4498.2</v>
      </c>
    </row>
    <row r="1142" spans="1:11" ht="18.75" customHeight="1" thickBot="1">
      <c r="A1142" s="59" t="s">
        <v>448</v>
      </c>
      <c r="B1142" s="59" t="s">
        <v>28</v>
      </c>
      <c r="C1142" s="59" t="s">
        <v>28</v>
      </c>
      <c r="D1142" s="59" t="s">
        <v>371</v>
      </c>
      <c r="E1142" s="59" t="s">
        <v>380</v>
      </c>
      <c r="F1142" s="59" t="s">
        <v>449</v>
      </c>
      <c r="G1142" s="59" t="s">
        <v>450</v>
      </c>
      <c r="H1142" s="60">
        <v>211</v>
      </c>
      <c r="I1142" s="60">
        <v>359</v>
      </c>
      <c r="J1142" s="61">
        <v>0</v>
      </c>
      <c r="K1142" s="61">
        <v>47357.15</v>
      </c>
    </row>
    <row r="1143" spans="1:11" ht="18.75" customHeight="1" thickBot="1">
      <c r="A1143" s="59" t="s">
        <v>448</v>
      </c>
      <c r="B1143" s="59" t="s">
        <v>28</v>
      </c>
      <c r="C1143" s="59" t="s">
        <v>28</v>
      </c>
      <c r="D1143" s="59" t="s">
        <v>371</v>
      </c>
      <c r="E1143" s="59" t="s">
        <v>380</v>
      </c>
      <c r="F1143" s="59" t="s">
        <v>449</v>
      </c>
      <c r="G1143" s="59" t="s">
        <v>450</v>
      </c>
      <c r="H1143" s="60">
        <v>212</v>
      </c>
      <c r="I1143" s="60">
        <v>94</v>
      </c>
      <c r="J1143" s="61">
        <v>0</v>
      </c>
      <c r="K1143" s="61">
        <v>35.29</v>
      </c>
    </row>
    <row r="1144" spans="1:11" ht="18.75" customHeight="1" thickBot="1">
      <c r="A1144" s="59" t="s">
        <v>448</v>
      </c>
      <c r="B1144" s="59" t="s">
        <v>28</v>
      </c>
      <c r="C1144" s="59" t="s">
        <v>28</v>
      </c>
      <c r="D1144" s="59" t="s">
        <v>371</v>
      </c>
      <c r="E1144" s="59" t="s">
        <v>380</v>
      </c>
      <c r="F1144" s="59" t="s">
        <v>449</v>
      </c>
      <c r="G1144" s="59" t="s">
        <v>450</v>
      </c>
      <c r="H1144" s="60">
        <v>212</v>
      </c>
      <c r="I1144" s="60">
        <v>97</v>
      </c>
      <c r="J1144" s="61">
        <v>0</v>
      </c>
      <c r="K1144" s="61">
        <v>20.84</v>
      </c>
    </row>
    <row r="1145" spans="1:11" ht="18.75" customHeight="1" thickBot="1">
      <c r="A1145" s="59" t="s">
        <v>448</v>
      </c>
      <c r="B1145" s="59" t="s">
        <v>28</v>
      </c>
      <c r="C1145" s="59" t="s">
        <v>28</v>
      </c>
      <c r="D1145" s="59" t="s">
        <v>371</v>
      </c>
      <c r="E1145" s="59" t="s">
        <v>380</v>
      </c>
      <c r="F1145" s="59" t="s">
        <v>449</v>
      </c>
      <c r="G1145" s="59" t="s">
        <v>450</v>
      </c>
      <c r="H1145" s="60">
        <v>212</v>
      </c>
      <c r="I1145" s="60">
        <v>107</v>
      </c>
      <c r="J1145" s="61">
        <v>0</v>
      </c>
      <c r="K1145" s="61">
        <v>29.56</v>
      </c>
    </row>
    <row r="1146" spans="1:11" ht="18.75" customHeight="1" thickBot="1">
      <c r="A1146" s="59" t="s">
        <v>448</v>
      </c>
      <c r="B1146" s="59" t="s">
        <v>28</v>
      </c>
      <c r="C1146" s="59" t="s">
        <v>28</v>
      </c>
      <c r="D1146" s="59" t="s">
        <v>371</v>
      </c>
      <c r="E1146" s="59" t="s">
        <v>380</v>
      </c>
      <c r="F1146" s="59" t="s">
        <v>449</v>
      </c>
      <c r="G1146" s="59" t="s">
        <v>450</v>
      </c>
      <c r="H1146" s="60">
        <v>212</v>
      </c>
      <c r="I1146" s="60">
        <v>109</v>
      </c>
      <c r="J1146" s="61">
        <v>0</v>
      </c>
      <c r="K1146" s="61">
        <v>123.6</v>
      </c>
    </row>
    <row r="1147" spans="1:11" ht="18.75" customHeight="1" thickBot="1">
      <c r="A1147" s="59" t="s">
        <v>448</v>
      </c>
      <c r="B1147" s="59" t="s">
        <v>28</v>
      </c>
      <c r="C1147" s="59" t="s">
        <v>28</v>
      </c>
      <c r="D1147" s="59" t="s">
        <v>371</v>
      </c>
      <c r="E1147" s="59" t="s">
        <v>380</v>
      </c>
      <c r="F1147" s="59" t="s">
        <v>449</v>
      </c>
      <c r="G1147" s="59" t="s">
        <v>450</v>
      </c>
      <c r="H1147" s="60">
        <v>212</v>
      </c>
      <c r="I1147" s="60">
        <v>110</v>
      </c>
      <c r="J1147" s="61">
        <v>0</v>
      </c>
      <c r="K1147" s="61">
        <v>22.97</v>
      </c>
    </row>
    <row r="1148" spans="1:11" ht="18.75" customHeight="1" thickBot="1">
      <c r="A1148" s="59" t="s">
        <v>448</v>
      </c>
      <c r="B1148" s="59" t="s">
        <v>28</v>
      </c>
      <c r="C1148" s="59" t="s">
        <v>28</v>
      </c>
      <c r="D1148" s="59" t="s">
        <v>371</v>
      </c>
      <c r="E1148" s="59" t="s">
        <v>380</v>
      </c>
      <c r="F1148" s="59" t="s">
        <v>449</v>
      </c>
      <c r="G1148" s="59" t="s">
        <v>450</v>
      </c>
      <c r="H1148" s="60">
        <v>212</v>
      </c>
      <c r="I1148" s="60">
        <v>111</v>
      </c>
      <c r="J1148" s="61">
        <v>0</v>
      </c>
      <c r="K1148" s="61">
        <v>3.47</v>
      </c>
    </row>
    <row r="1149" spans="1:11" ht="18.75" customHeight="1" thickBot="1">
      <c r="A1149" s="59" t="s">
        <v>448</v>
      </c>
      <c r="B1149" s="59" t="s">
        <v>28</v>
      </c>
      <c r="C1149" s="59" t="s">
        <v>28</v>
      </c>
      <c r="D1149" s="59" t="s">
        <v>371</v>
      </c>
      <c r="E1149" s="59" t="s">
        <v>380</v>
      </c>
      <c r="F1149" s="59" t="s">
        <v>449</v>
      </c>
      <c r="G1149" s="59" t="s">
        <v>450</v>
      </c>
      <c r="H1149" s="60">
        <v>212</v>
      </c>
      <c r="I1149" s="60">
        <v>113</v>
      </c>
      <c r="J1149" s="61">
        <v>0</v>
      </c>
      <c r="K1149" s="61">
        <v>31.64</v>
      </c>
    </row>
    <row r="1150" spans="1:11" ht="18.75" customHeight="1" thickBot="1">
      <c r="A1150" s="59" t="s">
        <v>448</v>
      </c>
      <c r="B1150" s="59" t="s">
        <v>28</v>
      </c>
      <c r="C1150" s="59" t="s">
        <v>28</v>
      </c>
      <c r="D1150" s="59" t="s">
        <v>371</v>
      </c>
      <c r="E1150" s="59" t="s">
        <v>380</v>
      </c>
      <c r="F1150" s="59" t="s">
        <v>449</v>
      </c>
      <c r="G1150" s="59" t="s">
        <v>450</v>
      </c>
      <c r="H1150" s="60">
        <v>212</v>
      </c>
      <c r="I1150" s="60">
        <v>116</v>
      </c>
      <c r="J1150" s="61">
        <v>0</v>
      </c>
      <c r="K1150" s="61">
        <v>12.59</v>
      </c>
    </row>
    <row r="1151" spans="1:11" ht="18.75" customHeight="1" thickBot="1">
      <c r="A1151" s="59" t="s">
        <v>448</v>
      </c>
      <c r="B1151" s="59" t="s">
        <v>28</v>
      </c>
      <c r="C1151" s="59" t="s">
        <v>28</v>
      </c>
      <c r="D1151" s="59" t="s">
        <v>371</v>
      </c>
      <c r="E1151" s="59" t="s">
        <v>380</v>
      </c>
      <c r="F1151" s="59" t="s">
        <v>449</v>
      </c>
      <c r="G1151" s="59" t="s">
        <v>450</v>
      </c>
      <c r="H1151" s="60">
        <v>212</v>
      </c>
      <c r="I1151" s="60">
        <v>150</v>
      </c>
      <c r="J1151" s="61">
        <v>0</v>
      </c>
      <c r="K1151" s="61">
        <v>4.12</v>
      </c>
    </row>
    <row r="1152" spans="1:11" ht="18.75" customHeight="1" thickBot="1">
      <c r="A1152" s="59" t="s">
        <v>448</v>
      </c>
      <c r="B1152" s="59" t="s">
        <v>28</v>
      </c>
      <c r="C1152" s="59" t="s">
        <v>28</v>
      </c>
      <c r="D1152" s="59" t="s">
        <v>371</v>
      </c>
      <c r="E1152" s="59" t="s">
        <v>380</v>
      </c>
      <c r="F1152" s="59" t="s">
        <v>449</v>
      </c>
      <c r="G1152" s="59" t="s">
        <v>450</v>
      </c>
      <c r="H1152" s="60">
        <v>212</v>
      </c>
      <c r="I1152" s="60">
        <v>211</v>
      </c>
      <c r="J1152" s="61">
        <v>0</v>
      </c>
      <c r="K1152" s="61">
        <v>6758.51</v>
      </c>
    </row>
    <row r="1153" spans="1:11" ht="18.75" customHeight="1" thickBot="1">
      <c r="A1153" s="59" t="s">
        <v>448</v>
      </c>
      <c r="B1153" s="59" t="s">
        <v>28</v>
      </c>
      <c r="C1153" s="59" t="s">
        <v>28</v>
      </c>
      <c r="D1153" s="59" t="s">
        <v>371</v>
      </c>
      <c r="E1153" s="59" t="s">
        <v>380</v>
      </c>
      <c r="F1153" s="59" t="s">
        <v>449</v>
      </c>
      <c r="G1153" s="59" t="s">
        <v>450</v>
      </c>
      <c r="H1153" s="60">
        <v>212</v>
      </c>
      <c r="I1153" s="60">
        <v>215</v>
      </c>
      <c r="J1153" s="61">
        <v>0</v>
      </c>
      <c r="K1153" s="61">
        <v>25130.44</v>
      </c>
    </row>
    <row r="1154" spans="1:11" ht="18.75" customHeight="1" thickBot="1">
      <c r="A1154" s="59" t="s">
        <v>448</v>
      </c>
      <c r="B1154" s="59" t="s">
        <v>28</v>
      </c>
      <c r="C1154" s="59" t="s">
        <v>28</v>
      </c>
      <c r="D1154" s="59" t="s">
        <v>371</v>
      </c>
      <c r="E1154" s="59" t="s">
        <v>380</v>
      </c>
      <c r="F1154" s="59" t="s">
        <v>449</v>
      </c>
      <c r="G1154" s="59" t="s">
        <v>450</v>
      </c>
      <c r="H1154" s="60">
        <v>212</v>
      </c>
      <c r="I1154" s="60">
        <v>217</v>
      </c>
      <c r="J1154" s="61">
        <v>0</v>
      </c>
      <c r="K1154" s="61">
        <v>370.92</v>
      </c>
    </row>
    <row r="1155" spans="1:11" ht="18.75" customHeight="1" thickBot="1">
      <c r="A1155" s="59" t="s">
        <v>448</v>
      </c>
      <c r="B1155" s="59" t="s">
        <v>28</v>
      </c>
      <c r="C1155" s="59" t="s">
        <v>28</v>
      </c>
      <c r="D1155" s="59" t="s">
        <v>371</v>
      </c>
      <c r="E1155" s="59" t="s">
        <v>380</v>
      </c>
      <c r="F1155" s="59" t="s">
        <v>449</v>
      </c>
      <c r="G1155" s="59" t="s">
        <v>450</v>
      </c>
      <c r="H1155" s="60">
        <v>212</v>
      </c>
      <c r="I1155" s="60">
        <v>223</v>
      </c>
      <c r="J1155" s="61">
        <v>0</v>
      </c>
      <c r="K1155" s="61">
        <v>39.94</v>
      </c>
    </row>
    <row r="1156" spans="1:11" ht="18.75" customHeight="1" thickBot="1">
      <c r="A1156" s="59" t="s">
        <v>448</v>
      </c>
      <c r="B1156" s="59" t="s">
        <v>28</v>
      </c>
      <c r="C1156" s="59" t="s">
        <v>28</v>
      </c>
      <c r="D1156" s="59" t="s">
        <v>371</v>
      </c>
      <c r="E1156" s="59" t="s">
        <v>380</v>
      </c>
      <c r="F1156" s="59" t="s">
        <v>449</v>
      </c>
      <c r="G1156" s="59" t="s">
        <v>450</v>
      </c>
      <c r="H1156" s="60">
        <v>212</v>
      </c>
      <c r="I1156" s="60">
        <v>225</v>
      </c>
      <c r="J1156" s="61">
        <v>0</v>
      </c>
      <c r="K1156" s="61">
        <v>130.18</v>
      </c>
    </row>
    <row r="1157" spans="1:11" ht="18.75" customHeight="1" thickBot="1">
      <c r="A1157" s="59" t="s">
        <v>448</v>
      </c>
      <c r="B1157" s="59" t="s">
        <v>28</v>
      </c>
      <c r="C1157" s="59" t="s">
        <v>28</v>
      </c>
      <c r="D1157" s="59" t="s">
        <v>371</v>
      </c>
      <c r="E1157" s="59" t="s">
        <v>380</v>
      </c>
      <c r="F1157" s="59" t="s">
        <v>449</v>
      </c>
      <c r="G1157" s="59" t="s">
        <v>450</v>
      </c>
      <c r="H1157" s="60">
        <v>212</v>
      </c>
      <c r="I1157" s="60">
        <v>227</v>
      </c>
      <c r="J1157" s="61">
        <v>0</v>
      </c>
      <c r="K1157" s="61">
        <v>24.37</v>
      </c>
    </row>
    <row r="1158" spans="1:11" ht="18.75" customHeight="1" thickBot="1">
      <c r="A1158" s="59" t="s">
        <v>448</v>
      </c>
      <c r="B1158" s="59" t="s">
        <v>28</v>
      </c>
      <c r="C1158" s="59" t="s">
        <v>28</v>
      </c>
      <c r="D1158" s="59" t="s">
        <v>371</v>
      </c>
      <c r="E1158" s="59" t="s">
        <v>380</v>
      </c>
      <c r="F1158" s="59" t="s">
        <v>449</v>
      </c>
      <c r="G1158" s="59" t="s">
        <v>450</v>
      </c>
      <c r="H1158" s="60">
        <v>212</v>
      </c>
      <c r="I1158" s="60">
        <v>229</v>
      </c>
      <c r="J1158" s="61">
        <v>0</v>
      </c>
      <c r="K1158" s="61">
        <v>279.37</v>
      </c>
    </row>
    <row r="1159" spans="1:11" ht="18.75" customHeight="1" thickBot="1">
      <c r="A1159" s="59" t="s">
        <v>448</v>
      </c>
      <c r="B1159" s="59" t="s">
        <v>28</v>
      </c>
      <c r="C1159" s="59" t="s">
        <v>28</v>
      </c>
      <c r="D1159" s="59" t="s">
        <v>371</v>
      </c>
      <c r="E1159" s="59" t="s">
        <v>380</v>
      </c>
      <c r="F1159" s="59" t="s">
        <v>449</v>
      </c>
      <c r="G1159" s="59" t="s">
        <v>450</v>
      </c>
      <c r="H1159" s="60">
        <v>212</v>
      </c>
      <c r="I1159" s="60">
        <v>240</v>
      </c>
      <c r="J1159" s="61">
        <v>0</v>
      </c>
      <c r="K1159" s="61">
        <v>14038.25</v>
      </c>
    </row>
    <row r="1160" spans="1:11" ht="18.75" customHeight="1" thickBot="1">
      <c r="A1160" s="59" t="s">
        <v>448</v>
      </c>
      <c r="B1160" s="59" t="s">
        <v>28</v>
      </c>
      <c r="C1160" s="59" t="s">
        <v>28</v>
      </c>
      <c r="D1160" s="59" t="s">
        <v>371</v>
      </c>
      <c r="E1160" s="59" t="s">
        <v>380</v>
      </c>
      <c r="F1160" s="59" t="s">
        <v>449</v>
      </c>
      <c r="G1160" s="59" t="s">
        <v>450</v>
      </c>
      <c r="H1160" s="60">
        <v>212</v>
      </c>
      <c r="I1160" s="60">
        <v>244</v>
      </c>
      <c r="J1160" s="61">
        <v>0</v>
      </c>
      <c r="K1160" s="61">
        <v>2309.5300000000002</v>
      </c>
    </row>
    <row r="1161" spans="1:11" ht="18.75" customHeight="1" thickBot="1">
      <c r="A1161" s="59" t="s">
        <v>448</v>
      </c>
      <c r="B1161" s="59" t="s">
        <v>28</v>
      </c>
      <c r="C1161" s="59" t="s">
        <v>28</v>
      </c>
      <c r="D1161" s="59" t="s">
        <v>371</v>
      </c>
      <c r="E1161" s="59" t="s">
        <v>380</v>
      </c>
      <c r="F1161" s="59" t="s">
        <v>449</v>
      </c>
      <c r="G1161" s="59" t="s">
        <v>450</v>
      </c>
      <c r="H1161" s="60">
        <v>212</v>
      </c>
      <c r="I1161" s="60">
        <v>248</v>
      </c>
      <c r="J1161" s="61">
        <v>0</v>
      </c>
      <c r="K1161" s="61">
        <v>990.51</v>
      </c>
    </row>
    <row r="1162" spans="1:11" ht="18.75" customHeight="1" thickBot="1">
      <c r="A1162" s="59" t="s">
        <v>448</v>
      </c>
      <c r="B1162" s="59" t="s">
        <v>28</v>
      </c>
      <c r="C1162" s="59" t="s">
        <v>28</v>
      </c>
      <c r="D1162" s="59" t="s">
        <v>371</v>
      </c>
      <c r="E1162" s="59" t="s">
        <v>380</v>
      </c>
      <c r="F1162" s="59" t="s">
        <v>449</v>
      </c>
      <c r="G1162" s="59" t="s">
        <v>450</v>
      </c>
      <c r="H1162" s="60">
        <v>212</v>
      </c>
      <c r="I1162" s="60">
        <v>251</v>
      </c>
      <c r="J1162" s="61">
        <v>0</v>
      </c>
      <c r="K1162" s="61">
        <v>576.70000000000005</v>
      </c>
    </row>
    <row r="1163" spans="1:11" ht="18.75" customHeight="1" thickBot="1">
      <c r="A1163" s="59" t="s">
        <v>448</v>
      </c>
      <c r="B1163" s="59" t="s">
        <v>28</v>
      </c>
      <c r="C1163" s="59" t="s">
        <v>28</v>
      </c>
      <c r="D1163" s="59" t="s">
        <v>371</v>
      </c>
      <c r="E1163" s="59" t="s">
        <v>380</v>
      </c>
      <c r="F1163" s="59" t="s">
        <v>449</v>
      </c>
      <c r="G1163" s="59" t="s">
        <v>450</v>
      </c>
      <c r="H1163" s="60">
        <v>216</v>
      </c>
      <c r="I1163" s="60">
        <v>94</v>
      </c>
      <c r="J1163" s="61">
        <v>0</v>
      </c>
      <c r="K1163" s="61">
        <v>1.8</v>
      </c>
    </row>
    <row r="1164" spans="1:11" ht="18.75" customHeight="1" thickBot="1">
      <c r="A1164" s="59" t="s">
        <v>448</v>
      </c>
      <c r="B1164" s="59" t="s">
        <v>28</v>
      </c>
      <c r="C1164" s="59" t="s">
        <v>28</v>
      </c>
      <c r="D1164" s="59" t="s">
        <v>371</v>
      </c>
      <c r="E1164" s="59" t="s">
        <v>380</v>
      </c>
      <c r="F1164" s="59" t="s">
        <v>449</v>
      </c>
      <c r="G1164" s="59" t="s">
        <v>450</v>
      </c>
      <c r="H1164" s="60">
        <v>216</v>
      </c>
      <c r="I1164" s="60">
        <v>97</v>
      </c>
      <c r="J1164" s="61">
        <v>0</v>
      </c>
      <c r="K1164" s="61">
        <v>24.78</v>
      </c>
    </row>
    <row r="1165" spans="1:11" ht="18.75" customHeight="1" thickBot="1">
      <c r="A1165" s="59" t="s">
        <v>448</v>
      </c>
      <c r="B1165" s="59" t="s">
        <v>28</v>
      </c>
      <c r="C1165" s="59" t="s">
        <v>28</v>
      </c>
      <c r="D1165" s="59" t="s">
        <v>371</v>
      </c>
      <c r="E1165" s="59" t="s">
        <v>380</v>
      </c>
      <c r="F1165" s="59" t="s">
        <v>449</v>
      </c>
      <c r="G1165" s="59" t="s">
        <v>450</v>
      </c>
      <c r="H1165" s="60">
        <v>216</v>
      </c>
      <c r="I1165" s="60">
        <v>113</v>
      </c>
      <c r="J1165" s="61">
        <v>0</v>
      </c>
      <c r="K1165" s="61">
        <v>14.66</v>
      </c>
    </row>
    <row r="1166" spans="1:11" ht="18.75" customHeight="1" thickBot="1">
      <c r="A1166" s="59" t="s">
        <v>448</v>
      </c>
      <c r="B1166" s="59" t="s">
        <v>28</v>
      </c>
      <c r="C1166" s="59" t="s">
        <v>28</v>
      </c>
      <c r="D1166" s="59" t="s">
        <v>371</v>
      </c>
      <c r="E1166" s="59" t="s">
        <v>380</v>
      </c>
      <c r="F1166" s="59" t="s">
        <v>449</v>
      </c>
      <c r="G1166" s="59" t="s">
        <v>450</v>
      </c>
      <c r="H1166" s="60">
        <v>216</v>
      </c>
      <c r="I1166" s="60">
        <v>211</v>
      </c>
      <c r="J1166" s="61">
        <v>0</v>
      </c>
      <c r="K1166" s="61">
        <v>487.58</v>
      </c>
    </row>
    <row r="1167" spans="1:11" ht="18.75" customHeight="1" thickBot="1">
      <c r="A1167" s="59" t="s">
        <v>448</v>
      </c>
      <c r="B1167" s="59" t="s">
        <v>28</v>
      </c>
      <c r="C1167" s="59" t="s">
        <v>28</v>
      </c>
      <c r="D1167" s="59" t="s">
        <v>371</v>
      </c>
      <c r="E1167" s="59" t="s">
        <v>380</v>
      </c>
      <c r="F1167" s="59" t="s">
        <v>449</v>
      </c>
      <c r="G1167" s="59" t="s">
        <v>450</v>
      </c>
      <c r="H1167" s="60">
        <v>216</v>
      </c>
      <c r="I1167" s="60">
        <v>215</v>
      </c>
      <c r="J1167" s="61">
        <v>0</v>
      </c>
      <c r="K1167" s="61">
        <v>844.07</v>
      </c>
    </row>
    <row r="1168" spans="1:11" ht="18.75" customHeight="1" thickBot="1">
      <c r="A1168" s="59" t="s">
        <v>448</v>
      </c>
      <c r="B1168" s="59" t="s">
        <v>28</v>
      </c>
      <c r="C1168" s="59" t="s">
        <v>28</v>
      </c>
      <c r="D1168" s="59" t="s">
        <v>371</v>
      </c>
      <c r="E1168" s="59" t="s">
        <v>380</v>
      </c>
      <c r="F1168" s="59" t="s">
        <v>449</v>
      </c>
      <c r="G1168" s="59" t="s">
        <v>450</v>
      </c>
      <c r="H1168" s="60">
        <v>216</v>
      </c>
      <c r="I1168" s="60">
        <v>240</v>
      </c>
      <c r="J1168" s="61">
        <v>0</v>
      </c>
      <c r="K1168" s="61">
        <v>359.96</v>
      </c>
    </row>
    <row r="1169" spans="1:11" ht="18.75" customHeight="1" thickBot="1">
      <c r="A1169" s="59" t="s">
        <v>448</v>
      </c>
      <c r="B1169" s="59" t="s">
        <v>28</v>
      </c>
      <c r="C1169" s="59" t="s">
        <v>28</v>
      </c>
      <c r="D1169" s="59" t="s">
        <v>371</v>
      </c>
      <c r="E1169" s="59" t="s">
        <v>380</v>
      </c>
      <c r="F1169" s="59" t="s">
        <v>449</v>
      </c>
      <c r="G1169" s="59" t="s">
        <v>450</v>
      </c>
      <c r="H1169" s="60">
        <v>216</v>
      </c>
      <c r="I1169" s="60">
        <v>256</v>
      </c>
      <c r="J1169" s="61">
        <v>0</v>
      </c>
      <c r="K1169" s="61">
        <v>1124.3699999999999</v>
      </c>
    </row>
    <row r="1170" spans="1:11" ht="18.75" customHeight="1" thickBot="1">
      <c r="A1170" s="59" t="s">
        <v>448</v>
      </c>
      <c r="B1170" s="59" t="s">
        <v>28</v>
      </c>
      <c r="C1170" s="59" t="s">
        <v>28</v>
      </c>
      <c r="D1170" s="59" t="s">
        <v>371</v>
      </c>
      <c r="E1170" s="59" t="s">
        <v>380</v>
      </c>
      <c r="F1170" s="59" t="s">
        <v>449</v>
      </c>
      <c r="G1170" s="59" t="s">
        <v>450</v>
      </c>
      <c r="H1170" s="60">
        <v>221</v>
      </c>
      <c r="I1170" s="60">
        <v>93</v>
      </c>
      <c r="J1170" s="61">
        <v>0</v>
      </c>
      <c r="K1170" s="61">
        <v>8.14</v>
      </c>
    </row>
    <row r="1171" spans="1:11" ht="18.75" customHeight="1" thickBot="1">
      <c r="A1171" s="59" t="s">
        <v>448</v>
      </c>
      <c r="B1171" s="59" t="s">
        <v>28</v>
      </c>
      <c r="C1171" s="59" t="s">
        <v>28</v>
      </c>
      <c r="D1171" s="59" t="s">
        <v>371</v>
      </c>
      <c r="E1171" s="59" t="s">
        <v>380</v>
      </c>
      <c r="F1171" s="59" t="s">
        <v>449</v>
      </c>
      <c r="G1171" s="59" t="s">
        <v>450</v>
      </c>
      <c r="H1171" s="60">
        <v>221</v>
      </c>
      <c r="I1171" s="60">
        <v>94</v>
      </c>
      <c r="J1171" s="61">
        <v>0</v>
      </c>
      <c r="K1171" s="61">
        <v>5.39</v>
      </c>
    </row>
    <row r="1172" spans="1:11" ht="18.75" customHeight="1" thickBot="1">
      <c r="A1172" s="59" t="s">
        <v>448</v>
      </c>
      <c r="B1172" s="59" t="s">
        <v>28</v>
      </c>
      <c r="C1172" s="59" t="s">
        <v>28</v>
      </c>
      <c r="D1172" s="59" t="s">
        <v>371</v>
      </c>
      <c r="E1172" s="59" t="s">
        <v>380</v>
      </c>
      <c r="F1172" s="59" t="s">
        <v>449</v>
      </c>
      <c r="G1172" s="59" t="s">
        <v>450</v>
      </c>
      <c r="H1172" s="60">
        <v>221</v>
      </c>
      <c r="I1172" s="60">
        <v>95</v>
      </c>
      <c r="J1172" s="61">
        <v>0</v>
      </c>
      <c r="K1172" s="61">
        <v>4.5599999999999996</v>
      </c>
    </row>
    <row r="1173" spans="1:11" ht="18.75" customHeight="1" thickBot="1">
      <c r="A1173" s="59" t="s">
        <v>448</v>
      </c>
      <c r="B1173" s="59" t="s">
        <v>28</v>
      </c>
      <c r="C1173" s="59" t="s">
        <v>28</v>
      </c>
      <c r="D1173" s="59" t="s">
        <v>371</v>
      </c>
      <c r="E1173" s="59" t="s">
        <v>380</v>
      </c>
      <c r="F1173" s="59" t="s">
        <v>449</v>
      </c>
      <c r="G1173" s="59" t="s">
        <v>450</v>
      </c>
      <c r="H1173" s="60">
        <v>221</v>
      </c>
      <c r="I1173" s="60">
        <v>97</v>
      </c>
      <c r="J1173" s="61">
        <v>0</v>
      </c>
      <c r="K1173" s="61">
        <v>2.91</v>
      </c>
    </row>
    <row r="1174" spans="1:11" ht="18.75" customHeight="1" thickBot="1">
      <c r="A1174" s="59" t="s">
        <v>448</v>
      </c>
      <c r="B1174" s="59" t="s">
        <v>28</v>
      </c>
      <c r="C1174" s="59" t="s">
        <v>28</v>
      </c>
      <c r="D1174" s="59" t="s">
        <v>371</v>
      </c>
      <c r="E1174" s="59" t="s">
        <v>380</v>
      </c>
      <c r="F1174" s="59" t="s">
        <v>449</v>
      </c>
      <c r="G1174" s="59" t="s">
        <v>450</v>
      </c>
      <c r="H1174" s="60">
        <v>221</v>
      </c>
      <c r="I1174" s="60">
        <v>107</v>
      </c>
      <c r="J1174" s="61">
        <v>0</v>
      </c>
      <c r="K1174" s="61">
        <v>3.88</v>
      </c>
    </row>
    <row r="1175" spans="1:11" ht="18.75" customHeight="1" thickBot="1">
      <c r="A1175" s="59" t="s">
        <v>448</v>
      </c>
      <c r="B1175" s="59" t="s">
        <v>28</v>
      </c>
      <c r="C1175" s="59" t="s">
        <v>28</v>
      </c>
      <c r="D1175" s="59" t="s">
        <v>371</v>
      </c>
      <c r="E1175" s="59" t="s">
        <v>380</v>
      </c>
      <c r="F1175" s="59" t="s">
        <v>449</v>
      </c>
      <c r="G1175" s="59" t="s">
        <v>450</v>
      </c>
      <c r="H1175" s="60">
        <v>221</v>
      </c>
      <c r="I1175" s="60">
        <v>109</v>
      </c>
      <c r="J1175" s="61">
        <v>0</v>
      </c>
      <c r="K1175" s="61">
        <v>15.06</v>
      </c>
    </row>
    <row r="1176" spans="1:11" ht="18.75" customHeight="1" thickBot="1">
      <c r="A1176" s="59" t="s">
        <v>448</v>
      </c>
      <c r="B1176" s="59" t="s">
        <v>28</v>
      </c>
      <c r="C1176" s="59" t="s">
        <v>28</v>
      </c>
      <c r="D1176" s="59" t="s">
        <v>371</v>
      </c>
      <c r="E1176" s="59" t="s">
        <v>380</v>
      </c>
      <c r="F1176" s="59" t="s">
        <v>449</v>
      </c>
      <c r="G1176" s="59" t="s">
        <v>450</v>
      </c>
      <c r="H1176" s="60">
        <v>221</v>
      </c>
      <c r="I1176" s="60">
        <v>113</v>
      </c>
      <c r="J1176" s="61">
        <v>0</v>
      </c>
      <c r="K1176" s="61">
        <v>3.11</v>
      </c>
    </row>
    <row r="1177" spans="1:11" ht="18.75" customHeight="1" thickBot="1">
      <c r="A1177" s="59" t="s">
        <v>448</v>
      </c>
      <c r="B1177" s="59" t="s">
        <v>28</v>
      </c>
      <c r="C1177" s="59" t="s">
        <v>28</v>
      </c>
      <c r="D1177" s="59" t="s">
        <v>371</v>
      </c>
      <c r="E1177" s="59" t="s">
        <v>380</v>
      </c>
      <c r="F1177" s="59" t="s">
        <v>449</v>
      </c>
      <c r="G1177" s="59" t="s">
        <v>450</v>
      </c>
      <c r="H1177" s="60">
        <v>221</v>
      </c>
      <c r="I1177" s="60">
        <v>204</v>
      </c>
      <c r="J1177" s="61">
        <v>0</v>
      </c>
      <c r="K1177" s="61">
        <v>8.77</v>
      </c>
    </row>
    <row r="1178" spans="1:11" ht="18.75" customHeight="1" thickBot="1">
      <c r="A1178" s="59" t="s">
        <v>448</v>
      </c>
      <c r="B1178" s="59" t="s">
        <v>28</v>
      </c>
      <c r="C1178" s="59" t="s">
        <v>28</v>
      </c>
      <c r="D1178" s="59" t="s">
        <v>371</v>
      </c>
      <c r="E1178" s="59" t="s">
        <v>380</v>
      </c>
      <c r="F1178" s="59" t="s">
        <v>449</v>
      </c>
      <c r="G1178" s="59" t="s">
        <v>450</v>
      </c>
      <c r="H1178" s="60">
        <v>221</v>
      </c>
      <c r="I1178" s="60">
        <v>211</v>
      </c>
      <c r="J1178" s="61">
        <v>0</v>
      </c>
      <c r="K1178" s="61">
        <v>990.31</v>
      </c>
    </row>
    <row r="1179" spans="1:11" ht="18.75" customHeight="1" thickBot="1">
      <c r="A1179" s="59" t="s">
        <v>448</v>
      </c>
      <c r="B1179" s="59" t="s">
        <v>28</v>
      </c>
      <c r="C1179" s="59" t="s">
        <v>28</v>
      </c>
      <c r="D1179" s="59" t="s">
        <v>371</v>
      </c>
      <c r="E1179" s="59" t="s">
        <v>380</v>
      </c>
      <c r="F1179" s="59" t="s">
        <v>449</v>
      </c>
      <c r="G1179" s="59" t="s">
        <v>450</v>
      </c>
      <c r="H1179" s="60">
        <v>221</v>
      </c>
      <c r="I1179" s="60">
        <v>215</v>
      </c>
      <c r="J1179" s="61">
        <v>0</v>
      </c>
      <c r="K1179" s="61">
        <v>3915.83</v>
      </c>
    </row>
    <row r="1180" spans="1:11" ht="18.75" customHeight="1" thickBot="1">
      <c r="A1180" s="59" t="s">
        <v>448</v>
      </c>
      <c r="B1180" s="59" t="s">
        <v>28</v>
      </c>
      <c r="C1180" s="59" t="s">
        <v>28</v>
      </c>
      <c r="D1180" s="59" t="s">
        <v>371</v>
      </c>
      <c r="E1180" s="59" t="s">
        <v>380</v>
      </c>
      <c r="F1180" s="59" t="s">
        <v>449</v>
      </c>
      <c r="G1180" s="59" t="s">
        <v>450</v>
      </c>
      <c r="H1180" s="60">
        <v>221</v>
      </c>
      <c r="I1180" s="60">
        <v>217</v>
      </c>
      <c r="J1180" s="61">
        <v>0</v>
      </c>
      <c r="K1180" s="61">
        <v>237.03</v>
      </c>
    </row>
    <row r="1181" spans="1:11" ht="18.75" customHeight="1" thickBot="1">
      <c r="A1181" s="59" t="s">
        <v>448</v>
      </c>
      <c r="B1181" s="59" t="s">
        <v>28</v>
      </c>
      <c r="C1181" s="59" t="s">
        <v>28</v>
      </c>
      <c r="D1181" s="59" t="s">
        <v>371</v>
      </c>
      <c r="E1181" s="59" t="s">
        <v>380</v>
      </c>
      <c r="F1181" s="59" t="s">
        <v>449</v>
      </c>
      <c r="G1181" s="59" t="s">
        <v>450</v>
      </c>
      <c r="H1181" s="60">
        <v>221</v>
      </c>
      <c r="I1181" s="60">
        <v>220</v>
      </c>
      <c r="J1181" s="61">
        <v>0</v>
      </c>
      <c r="K1181" s="61">
        <v>25.81</v>
      </c>
    </row>
    <row r="1182" spans="1:11" ht="18.75" customHeight="1" thickBot="1">
      <c r="A1182" s="59" t="s">
        <v>448</v>
      </c>
      <c r="B1182" s="59" t="s">
        <v>28</v>
      </c>
      <c r="C1182" s="59" t="s">
        <v>28</v>
      </c>
      <c r="D1182" s="59" t="s">
        <v>371</v>
      </c>
      <c r="E1182" s="59" t="s">
        <v>380</v>
      </c>
      <c r="F1182" s="59" t="s">
        <v>449</v>
      </c>
      <c r="G1182" s="59" t="s">
        <v>450</v>
      </c>
      <c r="H1182" s="60">
        <v>221</v>
      </c>
      <c r="I1182" s="60">
        <v>240</v>
      </c>
      <c r="J1182" s="61">
        <v>0</v>
      </c>
      <c r="K1182" s="61">
        <v>5725.81</v>
      </c>
    </row>
    <row r="1183" spans="1:11" ht="18.75" customHeight="1" thickBot="1">
      <c r="A1183" s="59" t="s">
        <v>448</v>
      </c>
      <c r="B1183" s="59" t="s">
        <v>28</v>
      </c>
      <c r="C1183" s="59" t="s">
        <v>28</v>
      </c>
      <c r="D1183" s="59" t="s">
        <v>371</v>
      </c>
      <c r="E1183" s="59" t="s">
        <v>380</v>
      </c>
      <c r="F1183" s="59" t="s">
        <v>449</v>
      </c>
      <c r="G1183" s="59" t="s">
        <v>450</v>
      </c>
      <c r="H1183" s="60">
        <v>221</v>
      </c>
      <c r="I1183" s="60">
        <v>244</v>
      </c>
      <c r="J1183" s="61">
        <v>0</v>
      </c>
      <c r="K1183" s="61">
        <v>6931.18</v>
      </c>
    </row>
    <row r="1184" spans="1:11" ht="18.75" customHeight="1" thickBot="1">
      <c r="A1184" s="59" t="s">
        <v>448</v>
      </c>
      <c r="B1184" s="59" t="s">
        <v>28</v>
      </c>
      <c r="C1184" s="59" t="s">
        <v>28</v>
      </c>
      <c r="D1184" s="59" t="s">
        <v>371</v>
      </c>
      <c r="E1184" s="59" t="s">
        <v>380</v>
      </c>
      <c r="F1184" s="59" t="s">
        <v>449</v>
      </c>
      <c r="G1184" s="59" t="s">
        <v>450</v>
      </c>
      <c r="H1184" s="60">
        <v>221</v>
      </c>
      <c r="I1184" s="60">
        <v>358</v>
      </c>
      <c r="J1184" s="61">
        <v>0</v>
      </c>
      <c r="K1184" s="61">
        <v>14806.61</v>
      </c>
    </row>
    <row r="1185" spans="1:11" ht="18.75" customHeight="1" thickBot="1">
      <c r="A1185" s="59" t="s">
        <v>448</v>
      </c>
      <c r="B1185" s="59" t="s">
        <v>28</v>
      </c>
      <c r="C1185" s="59" t="s">
        <v>28</v>
      </c>
      <c r="D1185" s="59" t="s">
        <v>371</v>
      </c>
      <c r="E1185" s="59" t="s">
        <v>380</v>
      </c>
      <c r="F1185" s="59" t="s">
        <v>449</v>
      </c>
      <c r="G1185" s="59" t="s">
        <v>450</v>
      </c>
      <c r="H1185" s="60">
        <v>221</v>
      </c>
      <c r="I1185" s="60">
        <v>360</v>
      </c>
      <c r="J1185" s="61">
        <v>0</v>
      </c>
      <c r="K1185" s="61">
        <v>6563.85</v>
      </c>
    </row>
    <row r="1186" spans="1:11" ht="18.75" customHeight="1" thickBot="1">
      <c r="A1186" s="59" t="s">
        <v>448</v>
      </c>
      <c r="B1186" s="59" t="s">
        <v>28</v>
      </c>
      <c r="C1186" s="59" t="s">
        <v>28</v>
      </c>
      <c r="D1186" s="59" t="s">
        <v>371</v>
      </c>
      <c r="E1186" s="59" t="s">
        <v>380</v>
      </c>
      <c r="F1186" s="59" t="s">
        <v>449</v>
      </c>
      <c r="G1186" s="59" t="s">
        <v>450</v>
      </c>
      <c r="H1186" s="60">
        <v>222</v>
      </c>
      <c r="I1186" s="60">
        <v>113</v>
      </c>
      <c r="J1186" s="61">
        <v>0</v>
      </c>
      <c r="K1186" s="61">
        <v>5.14</v>
      </c>
    </row>
    <row r="1187" spans="1:11" ht="18.75" customHeight="1" thickBot="1">
      <c r="A1187" s="59" t="s">
        <v>448</v>
      </c>
      <c r="B1187" s="59" t="s">
        <v>28</v>
      </c>
      <c r="C1187" s="59" t="s">
        <v>28</v>
      </c>
      <c r="D1187" s="59" t="s">
        <v>371</v>
      </c>
      <c r="E1187" s="59" t="s">
        <v>380</v>
      </c>
      <c r="F1187" s="59" t="s">
        <v>449</v>
      </c>
      <c r="G1187" s="59" t="s">
        <v>450</v>
      </c>
      <c r="H1187" s="60">
        <v>222</v>
      </c>
      <c r="I1187" s="60">
        <v>211</v>
      </c>
      <c r="J1187" s="61">
        <v>0</v>
      </c>
      <c r="K1187" s="61">
        <v>19.8</v>
      </c>
    </row>
    <row r="1188" spans="1:11" ht="18.75" customHeight="1" thickBot="1">
      <c r="A1188" s="59" t="s">
        <v>448</v>
      </c>
      <c r="B1188" s="59" t="s">
        <v>28</v>
      </c>
      <c r="C1188" s="59" t="s">
        <v>28</v>
      </c>
      <c r="D1188" s="59" t="s">
        <v>371</v>
      </c>
      <c r="E1188" s="59" t="s">
        <v>380</v>
      </c>
      <c r="F1188" s="59" t="s">
        <v>449</v>
      </c>
      <c r="G1188" s="59" t="s">
        <v>450</v>
      </c>
      <c r="H1188" s="60">
        <v>222</v>
      </c>
      <c r="I1188" s="60">
        <v>215</v>
      </c>
      <c r="J1188" s="61">
        <v>0</v>
      </c>
      <c r="K1188" s="61">
        <v>214.99</v>
      </c>
    </row>
    <row r="1189" spans="1:11" ht="18.75" customHeight="1" thickBot="1">
      <c r="A1189" s="59" t="s">
        <v>448</v>
      </c>
      <c r="B1189" s="59" t="s">
        <v>28</v>
      </c>
      <c r="C1189" s="59" t="s">
        <v>28</v>
      </c>
      <c r="D1189" s="59" t="s">
        <v>371</v>
      </c>
      <c r="E1189" s="59" t="s">
        <v>380</v>
      </c>
      <c r="F1189" s="59" t="s">
        <v>449</v>
      </c>
      <c r="G1189" s="59" t="s">
        <v>450</v>
      </c>
      <c r="H1189" s="60">
        <v>222</v>
      </c>
      <c r="I1189" s="60">
        <v>220</v>
      </c>
      <c r="J1189" s="61">
        <v>0</v>
      </c>
      <c r="K1189" s="61">
        <v>98.71</v>
      </c>
    </row>
    <row r="1190" spans="1:11" ht="18.75" customHeight="1" thickBot="1">
      <c r="A1190" s="59" t="s">
        <v>448</v>
      </c>
      <c r="B1190" s="59" t="s">
        <v>28</v>
      </c>
      <c r="C1190" s="59" t="s">
        <v>28</v>
      </c>
      <c r="D1190" s="59" t="s">
        <v>371</v>
      </c>
      <c r="E1190" s="59" t="s">
        <v>380</v>
      </c>
      <c r="F1190" s="59" t="s">
        <v>449</v>
      </c>
      <c r="G1190" s="59" t="s">
        <v>450</v>
      </c>
      <c r="H1190" s="60">
        <v>222</v>
      </c>
      <c r="I1190" s="60">
        <v>240</v>
      </c>
      <c r="J1190" s="61">
        <v>0</v>
      </c>
      <c r="K1190" s="61">
        <v>604.61</v>
      </c>
    </row>
    <row r="1191" spans="1:11" ht="18.75" customHeight="1" thickBot="1">
      <c r="A1191" s="59" t="s">
        <v>448</v>
      </c>
      <c r="B1191" s="59" t="s">
        <v>28</v>
      </c>
      <c r="C1191" s="59" t="s">
        <v>28</v>
      </c>
      <c r="D1191" s="59" t="s">
        <v>371</v>
      </c>
      <c r="E1191" s="59" t="s">
        <v>380</v>
      </c>
      <c r="F1191" s="59" t="s">
        <v>449</v>
      </c>
      <c r="G1191" s="59" t="s">
        <v>450</v>
      </c>
      <c r="H1191" s="60">
        <v>222</v>
      </c>
      <c r="I1191" s="60">
        <v>244</v>
      </c>
      <c r="J1191" s="61">
        <v>0</v>
      </c>
      <c r="K1191" s="61">
        <v>944.88</v>
      </c>
    </row>
    <row r="1192" spans="1:11" ht="18.75" customHeight="1" thickBot="1">
      <c r="A1192" s="59" t="s">
        <v>448</v>
      </c>
      <c r="B1192" s="59" t="s">
        <v>28</v>
      </c>
      <c r="C1192" s="59" t="s">
        <v>28</v>
      </c>
      <c r="D1192" s="59" t="s">
        <v>371</v>
      </c>
      <c r="E1192" s="59" t="s">
        <v>380</v>
      </c>
      <c r="F1192" s="59" t="s">
        <v>449</v>
      </c>
      <c r="G1192" s="59" t="s">
        <v>450</v>
      </c>
      <c r="H1192" s="60">
        <v>230</v>
      </c>
      <c r="I1192" s="60">
        <v>94</v>
      </c>
      <c r="J1192" s="61">
        <v>0</v>
      </c>
      <c r="K1192" s="61">
        <v>2.73</v>
      </c>
    </row>
    <row r="1193" spans="1:11" ht="18.75" customHeight="1" thickBot="1">
      <c r="A1193" s="59" t="s">
        <v>448</v>
      </c>
      <c r="B1193" s="59" t="s">
        <v>28</v>
      </c>
      <c r="C1193" s="59" t="s">
        <v>28</v>
      </c>
      <c r="D1193" s="59" t="s">
        <v>371</v>
      </c>
      <c r="E1193" s="59" t="s">
        <v>380</v>
      </c>
      <c r="F1193" s="59" t="s">
        <v>449</v>
      </c>
      <c r="G1193" s="59" t="s">
        <v>450</v>
      </c>
      <c r="H1193" s="60">
        <v>230</v>
      </c>
      <c r="I1193" s="60">
        <v>97</v>
      </c>
      <c r="J1193" s="61">
        <v>0</v>
      </c>
      <c r="K1193" s="61">
        <v>10.93</v>
      </c>
    </row>
    <row r="1194" spans="1:11" ht="18.75" customHeight="1" thickBot="1">
      <c r="A1194" s="59" t="s">
        <v>448</v>
      </c>
      <c r="B1194" s="59" t="s">
        <v>28</v>
      </c>
      <c r="C1194" s="59" t="s">
        <v>28</v>
      </c>
      <c r="D1194" s="59" t="s">
        <v>371</v>
      </c>
      <c r="E1194" s="59" t="s">
        <v>380</v>
      </c>
      <c r="F1194" s="59" t="s">
        <v>449</v>
      </c>
      <c r="G1194" s="59" t="s">
        <v>450</v>
      </c>
      <c r="H1194" s="60">
        <v>230</v>
      </c>
      <c r="I1194" s="60">
        <v>107</v>
      </c>
      <c r="J1194" s="61">
        <v>0</v>
      </c>
      <c r="K1194" s="61">
        <v>1.0900000000000001</v>
      </c>
    </row>
    <row r="1195" spans="1:11" ht="18.75" customHeight="1" thickBot="1">
      <c r="A1195" s="59" t="s">
        <v>448</v>
      </c>
      <c r="B1195" s="59" t="s">
        <v>28</v>
      </c>
      <c r="C1195" s="59" t="s">
        <v>28</v>
      </c>
      <c r="D1195" s="59" t="s">
        <v>371</v>
      </c>
      <c r="E1195" s="59" t="s">
        <v>380</v>
      </c>
      <c r="F1195" s="59" t="s">
        <v>449</v>
      </c>
      <c r="G1195" s="59" t="s">
        <v>450</v>
      </c>
      <c r="H1195" s="60">
        <v>230</v>
      </c>
      <c r="I1195" s="60">
        <v>211</v>
      </c>
      <c r="J1195" s="61">
        <v>0</v>
      </c>
      <c r="K1195" s="61">
        <v>82.07</v>
      </c>
    </row>
    <row r="1196" spans="1:11" ht="18.75" customHeight="1" thickBot="1">
      <c r="A1196" s="59" t="s">
        <v>448</v>
      </c>
      <c r="B1196" s="59" t="s">
        <v>28</v>
      </c>
      <c r="C1196" s="59" t="s">
        <v>28</v>
      </c>
      <c r="D1196" s="59" t="s">
        <v>371</v>
      </c>
      <c r="E1196" s="59" t="s">
        <v>380</v>
      </c>
      <c r="F1196" s="59" t="s">
        <v>449</v>
      </c>
      <c r="G1196" s="59" t="s">
        <v>450</v>
      </c>
      <c r="H1196" s="60">
        <v>230</v>
      </c>
      <c r="I1196" s="60">
        <v>215</v>
      </c>
      <c r="J1196" s="61">
        <v>0</v>
      </c>
      <c r="K1196" s="61">
        <v>417.24</v>
      </c>
    </row>
    <row r="1197" spans="1:11" ht="18.75" customHeight="1" thickBot="1">
      <c r="A1197" s="59" t="s">
        <v>448</v>
      </c>
      <c r="B1197" s="59" t="s">
        <v>28</v>
      </c>
      <c r="C1197" s="59" t="s">
        <v>28</v>
      </c>
      <c r="D1197" s="59" t="s">
        <v>371</v>
      </c>
      <c r="E1197" s="59" t="s">
        <v>380</v>
      </c>
      <c r="F1197" s="59" t="s">
        <v>449</v>
      </c>
      <c r="G1197" s="59" t="s">
        <v>450</v>
      </c>
      <c r="H1197" s="60">
        <v>230</v>
      </c>
      <c r="I1197" s="60">
        <v>217</v>
      </c>
      <c r="J1197" s="61">
        <v>0</v>
      </c>
      <c r="K1197" s="61">
        <v>6.45</v>
      </c>
    </row>
    <row r="1198" spans="1:11" ht="18.75" customHeight="1" thickBot="1">
      <c r="A1198" s="59" t="s">
        <v>448</v>
      </c>
      <c r="B1198" s="59" t="s">
        <v>28</v>
      </c>
      <c r="C1198" s="59" t="s">
        <v>28</v>
      </c>
      <c r="D1198" s="59" t="s">
        <v>371</v>
      </c>
      <c r="E1198" s="59" t="s">
        <v>380</v>
      </c>
      <c r="F1198" s="59" t="s">
        <v>449</v>
      </c>
      <c r="G1198" s="59" t="s">
        <v>450</v>
      </c>
      <c r="H1198" s="60">
        <v>230</v>
      </c>
      <c r="I1198" s="60">
        <v>220</v>
      </c>
      <c r="J1198" s="61">
        <v>0</v>
      </c>
      <c r="K1198" s="61">
        <v>470.9</v>
      </c>
    </row>
    <row r="1199" spans="1:11" ht="18.75" customHeight="1" thickBot="1">
      <c r="A1199" s="59" t="s">
        <v>448</v>
      </c>
      <c r="B1199" s="59" t="s">
        <v>28</v>
      </c>
      <c r="C1199" s="59" t="s">
        <v>28</v>
      </c>
      <c r="D1199" s="59" t="s">
        <v>371</v>
      </c>
      <c r="E1199" s="59" t="s">
        <v>380</v>
      </c>
      <c r="F1199" s="59" t="s">
        <v>449</v>
      </c>
      <c r="G1199" s="59" t="s">
        <v>450</v>
      </c>
      <c r="H1199" s="60">
        <v>230</v>
      </c>
      <c r="I1199" s="60">
        <v>236</v>
      </c>
      <c r="J1199" s="61">
        <v>0</v>
      </c>
      <c r="K1199" s="61">
        <v>136.91999999999999</v>
      </c>
    </row>
    <row r="1200" spans="1:11" ht="18.75" customHeight="1" thickBot="1">
      <c r="A1200" s="59" t="s">
        <v>448</v>
      </c>
      <c r="B1200" s="59" t="s">
        <v>28</v>
      </c>
      <c r="C1200" s="59" t="s">
        <v>28</v>
      </c>
      <c r="D1200" s="59" t="s">
        <v>371</v>
      </c>
      <c r="E1200" s="59" t="s">
        <v>380</v>
      </c>
      <c r="F1200" s="59" t="s">
        <v>449</v>
      </c>
      <c r="G1200" s="59" t="s">
        <v>450</v>
      </c>
      <c r="H1200" s="60">
        <v>230</v>
      </c>
      <c r="I1200" s="60">
        <v>240</v>
      </c>
      <c r="J1200" s="61">
        <v>0</v>
      </c>
      <c r="K1200" s="61">
        <v>214.72</v>
      </c>
    </row>
    <row r="1201" spans="1:11" ht="18.75" customHeight="1" thickBot="1">
      <c r="A1201" s="59" t="s">
        <v>448</v>
      </c>
      <c r="B1201" s="59" t="s">
        <v>28</v>
      </c>
      <c r="C1201" s="59" t="s">
        <v>28</v>
      </c>
      <c r="D1201" s="59" t="s">
        <v>371</v>
      </c>
      <c r="E1201" s="59" t="s">
        <v>380</v>
      </c>
      <c r="F1201" s="59" t="s">
        <v>449</v>
      </c>
      <c r="G1201" s="59" t="s">
        <v>450</v>
      </c>
      <c r="H1201" s="60">
        <v>230</v>
      </c>
      <c r="I1201" s="60">
        <v>244</v>
      </c>
      <c r="J1201" s="61">
        <v>0</v>
      </c>
      <c r="K1201" s="61">
        <v>11486.07</v>
      </c>
    </row>
    <row r="1202" spans="1:11" ht="18.75" customHeight="1" thickBot="1">
      <c r="A1202" s="59" t="s">
        <v>448</v>
      </c>
      <c r="B1202" s="59" t="s">
        <v>28</v>
      </c>
      <c r="C1202" s="59" t="s">
        <v>28</v>
      </c>
      <c r="D1202" s="59" t="s">
        <v>371</v>
      </c>
      <c r="E1202" s="59" t="s">
        <v>380</v>
      </c>
      <c r="F1202" s="59" t="s">
        <v>449</v>
      </c>
      <c r="G1202" s="59" t="s">
        <v>450</v>
      </c>
      <c r="H1202" s="60">
        <v>230</v>
      </c>
      <c r="I1202" s="60">
        <v>248</v>
      </c>
      <c r="J1202" s="61">
        <v>0</v>
      </c>
      <c r="K1202" s="61">
        <v>906.84</v>
      </c>
    </row>
    <row r="1203" spans="1:11" ht="18.75" customHeight="1" thickBot="1">
      <c r="A1203" s="59" t="s">
        <v>448</v>
      </c>
      <c r="B1203" s="59" t="s">
        <v>28</v>
      </c>
      <c r="C1203" s="59" t="s">
        <v>28</v>
      </c>
      <c r="D1203" s="59" t="s">
        <v>371</v>
      </c>
      <c r="E1203" s="59" t="s">
        <v>380</v>
      </c>
      <c r="F1203" s="59" t="s">
        <v>449</v>
      </c>
      <c r="G1203" s="59" t="s">
        <v>450</v>
      </c>
      <c r="H1203" s="60">
        <v>230</v>
      </c>
      <c r="I1203" s="60">
        <v>330</v>
      </c>
      <c r="J1203" s="61">
        <v>0</v>
      </c>
      <c r="K1203" s="61">
        <v>15051.72</v>
      </c>
    </row>
    <row r="1204" spans="1:11" ht="18.75" customHeight="1" thickBot="1">
      <c r="A1204" s="59" t="s">
        <v>448</v>
      </c>
      <c r="B1204" s="59" t="s">
        <v>28</v>
      </c>
      <c r="C1204" s="59" t="s">
        <v>28</v>
      </c>
      <c r="D1204" s="59" t="s">
        <v>371</v>
      </c>
      <c r="E1204" s="59" t="s">
        <v>380</v>
      </c>
      <c r="F1204" s="59" t="s">
        <v>449</v>
      </c>
      <c r="G1204" s="59" t="s">
        <v>450</v>
      </c>
      <c r="H1204" s="60">
        <v>230</v>
      </c>
      <c r="I1204" s="60">
        <v>358</v>
      </c>
      <c r="J1204" s="61">
        <v>0</v>
      </c>
      <c r="K1204" s="61">
        <v>18462.3</v>
      </c>
    </row>
    <row r="1205" spans="1:11" ht="18.75" customHeight="1" thickBot="1">
      <c r="A1205" s="59" t="s">
        <v>448</v>
      </c>
      <c r="B1205" s="59" t="s">
        <v>28</v>
      </c>
      <c r="C1205" s="59" t="s">
        <v>28</v>
      </c>
      <c r="D1205" s="59" t="s">
        <v>371</v>
      </c>
      <c r="E1205" s="59" t="s">
        <v>380</v>
      </c>
      <c r="F1205" s="59" t="s">
        <v>449</v>
      </c>
      <c r="G1205" s="59" t="s">
        <v>450</v>
      </c>
      <c r="H1205" s="60">
        <v>230</v>
      </c>
      <c r="I1205" s="60">
        <v>359</v>
      </c>
      <c r="J1205" s="61">
        <v>0</v>
      </c>
      <c r="K1205" s="61">
        <v>14823.42</v>
      </c>
    </row>
    <row r="1206" spans="1:11" ht="18.75" hidden="1" customHeight="1" thickBot="1">
      <c r="A1206" s="59" t="s">
        <v>448</v>
      </c>
      <c r="B1206" s="59" t="s">
        <v>28</v>
      </c>
      <c r="C1206" s="59" t="s">
        <v>28</v>
      </c>
      <c r="D1206" s="59" t="s">
        <v>371</v>
      </c>
      <c r="E1206" s="59" t="s">
        <v>382</v>
      </c>
      <c r="F1206" s="59" t="s">
        <v>449</v>
      </c>
      <c r="G1206" s="59" t="s">
        <v>450</v>
      </c>
      <c r="H1206" s="60">
        <v>10</v>
      </c>
      <c r="I1206" s="60">
        <v>94</v>
      </c>
      <c r="J1206" s="61">
        <v>0</v>
      </c>
      <c r="K1206" s="61">
        <v>-2.61</v>
      </c>
    </row>
    <row r="1207" spans="1:11" ht="18.75" hidden="1" customHeight="1" thickBot="1">
      <c r="A1207" s="59" t="s">
        <v>448</v>
      </c>
      <c r="B1207" s="59" t="s">
        <v>28</v>
      </c>
      <c r="C1207" s="59" t="s">
        <v>28</v>
      </c>
      <c r="D1207" s="59" t="s">
        <v>371</v>
      </c>
      <c r="E1207" s="59" t="s">
        <v>382</v>
      </c>
      <c r="F1207" s="59" t="s">
        <v>449</v>
      </c>
      <c r="G1207" s="59" t="s">
        <v>450</v>
      </c>
      <c r="H1207" s="60">
        <v>10</v>
      </c>
      <c r="I1207" s="60">
        <v>113</v>
      </c>
      <c r="J1207" s="61">
        <v>0</v>
      </c>
      <c r="K1207" s="61">
        <v>-2.09</v>
      </c>
    </row>
    <row r="1208" spans="1:11" ht="18.75" hidden="1" customHeight="1" thickBot="1">
      <c r="A1208" s="59" t="s">
        <v>448</v>
      </c>
      <c r="B1208" s="59" t="s">
        <v>28</v>
      </c>
      <c r="C1208" s="59" t="s">
        <v>28</v>
      </c>
      <c r="D1208" s="59" t="s">
        <v>371</v>
      </c>
      <c r="E1208" s="59" t="s">
        <v>382</v>
      </c>
      <c r="F1208" s="59" t="s">
        <v>449</v>
      </c>
      <c r="G1208" s="59" t="s">
        <v>450</v>
      </c>
      <c r="H1208" s="60">
        <v>10</v>
      </c>
      <c r="I1208" s="60">
        <v>150</v>
      </c>
      <c r="J1208" s="61">
        <v>0</v>
      </c>
      <c r="K1208" s="61">
        <v>-1.31</v>
      </c>
    </row>
    <row r="1209" spans="1:11" ht="18.75" hidden="1" customHeight="1" thickBot="1">
      <c r="A1209" s="59" t="s">
        <v>448</v>
      </c>
      <c r="B1209" s="59" t="s">
        <v>28</v>
      </c>
      <c r="C1209" s="59" t="s">
        <v>28</v>
      </c>
      <c r="D1209" s="59" t="s">
        <v>371</v>
      </c>
      <c r="E1209" s="59" t="s">
        <v>382</v>
      </c>
      <c r="F1209" s="59" t="s">
        <v>449</v>
      </c>
      <c r="G1209" s="59" t="s">
        <v>450</v>
      </c>
      <c r="H1209" s="60">
        <v>20</v>
      </c>
      <c r="I1209" s="60">
        <v>15</v>
      </c>
      <c r="J1209" s="61">
        <v>0</v>
      </c>
      <c r="K1209" s="61">
        <v>-1.18</v>
      </c>
    </row>
    <row r="1210" spans="1:11" ht="18.75" hidden="1" customHeight="1" thickBot="1">
      <c r="A1210" s="59" t="s">
        <v>448</v>
      </c>
      <c r="B1210" s="59" t="s">
        <v>28</v>
      </c>
      <c r="C1210" s="59" t="s">
        <v>28</v>
      </c>
      <c r="D1210" s="59" t="s">
        <v>371</v>
      </c>
      <c r="E1210" s="59" t="s">
        <v>382</v>
      </c>
      <c r="F1210" s="59" t="s">
        <v>449</v>
      </c>
      <c r="G1210" s="59" t="s">
        <v>450</v>
      </c>
      <c r="H1210" s="60">
        <v>20</v>
      </c>
      <c r="I1210" s="60">
        <v>22</v>
      </c>
      <c r="J1210" s="61">
        <v>0</v>
      </c>
      <c r="K1210" s="61">
        <v>-1.41</v>
      </c>
    </row>
    <row r="1211" spans="1:11" ht="18.75" hidden="1" customHeight="1" thickBot="1">
      <c r="A1211" s="59" t="s">
        <v>448</v>
      </c>
      <c r="B1211" s="59" t="s">
        <v>28</v>
      </c>
      <c r="C1211" s="59" t="s">
        <v>28</v>
      </c>
      <c r="D1211" s="59" t="s">
        <v>371</v>
      </c>
      <c r="E1211" s="59" t="s">
        <v>382</v>
      </c>
      <c r="F1211" s="59" t="s">
        <v>449</v>
      </c>
      <c r="G1211" s="59" t="s">
        <v>450</v>
      </c>
      <c r="H1211" s="60">
        <v>20</v>
      </c>
      <c r="I1211" s="60">
        <v>113</v>
      </c>
      <c r="J1211" s="61">
        <v>0</v>
      </c>
      <c r="K1211" s="61">
        <v>-0.75</v>
      </c>
    </row>
    <row r="1212" spans="1:11" ht="18.75" hidden="1" customHeight="1" thickBot="1">
      <c r="A1212" s="59" t="s">
        <v>448</v>
      </c>
      <c r="B1212" s="59" t="s">
        <v>28</v>
      </c>
      <c r="C1212" s="59" t="s">
        <v>28</v>
      </c>
      <c r="D1212" s="59" t="s">
        <v>371</v>
      </c>
      <c r="E1212" s="59" t="s">
        <v>382</v>
      </c>
      <c r="F1212" s="59" t="s">
        <v>449</v>
      </c>
      <c r="G1212" s="59" t="s">
        <v>450</v>
      </c>
      <c r="H1212" s="60">
        <v>20</v>
      </c>
      <c r="I1212" s="60">
        <v>150</v>
      </c>
      <c r="J1212" s="61">
        <v>0</v>
      </c>
      <c r="K1212" s="61">
        <v>-0.45</v>
      </c>
    </row>
    <row r="1213" spans="1:11" ht="18.75" hidden="1" customHeight="1" thickBot="1">
      <c r="A1213" s="59" t="s">
        <v>448</v>
      </c>
      <c r="B1213" s="59" t="s">
        <v>28</v>
      </c>
      <c r="C1213" s="59" t="s">
        <v>28</v>
      </c>
      <c r="D1213" s="59" t="s">
        <v>371</v>
      </c>
      <c r="E1213" s="59" t="s">
        <v>382</v>
      </c>
      <c r="F1213" s="59" t="s">
        <v>449</v>
      </c>
      <c r="G1213" s="59" t="s">
        <v>450</v>
      </c>
      <c r="H1213" s="60">
        <v>211</v>
      </c>
      <c r="I1213" s="60">
        <v>94</v>
      </c>
      <c r="J1213" s="61">
        <v>0</v>
      </c>
      <c r="K1213" s="61">
        <v>-1.32</v>
      </c>
    </row>
    <row r="1214" spans="1:11" ht="18.75" hidden="1" customHeight="1" thickBot="1">
      <c r="A1214" s="59" t="s">
        <v>448</v>
      </c>
      <c r="B1214" s="59" t="s">
        <v>28</v>
      </c>
      <c r="C1214" s="59" t="s">
        <v>28</v>
      </c>
      <c r="D1214" s="59" t="s">
        <v>371</v>
      </c>
      <c r="E1214" s="59" t="s">
        <v>382</v>
      </c>
      <c r="F1214" s="59" t="s">
        <v>449</v>
      </c>
      <c r="G1214" s="59" t="s">
        <v>450</v>
      </c>
      <c r="H1214" s="60">
        <v>211</v>
      </c>
      <c r="I1214" s="60">
        <v>97</v>
      </c>
      <c r="J1214" s="61">
        <v>0</v>
      </c>
      <c r="K1214" s="61">
        <v>-1.05</v>
      </c>
    </row>
    <row r="1215" spans="1:11" ht="18.75" hidden="1" customHeight="1" thickBot="1">
      <c r="A1215" s="59" t="s">
        <v>448</v>
      </c>
      <c r="B1215" s="59" t="s">
        <v>28</v>
      </c>
      <c r="C1215" s="59" t="s">
        <v>28</v>
      </c>
      <c r="D1215" s="59" t="s">
        <v>371</v>
      </c>
      <c r="E1215" s="59" t="s">
        <v>382</v>
      </c>
      <c r="F1215" s="59" t="s">
        <v>449</v>
      </c>
      <c r="G1215" s="59" t="s">
        <v>450</v>
      </c>
      <c r="H1215" s="60">
        <v>211</v>
      </c>
      <c r="I1215" s="60">
        <v>204</v>
      </c>
      <c r="J1215" s="61">
        <v>0</v>
      </c>
      <c r="K1215" s="61">
        <v>-11.95</v>
      </c>
    </row>
    <row r="1216" spans="1:11" ht="18.75" hidden="1" customHeight="1" thickBot="1">
      <c r="A1216" s="59" t="s">
        <v>448</v>
      </c>
      <c r="B1216" s="59" t="s">
        <v>28</v>
      </c>
      <c r="C1216" s="59" t="s">
        <v>28</v>
      </c>
      <c r="D1216" s="59" t="s">
        <v>371</v>
      </c>
      <c r="E1216" s="59" t="s">
        <v>382</v>
      </c>
      <c r="F1216" s="59" t="s">
        <v>449</v>
      </c>
      <c r="G1216" s="59" t="s">
        <v>450</v>
      </c>
      <c r="H1216" s="60">
        <v>211</v>
      </c>
      <c r="I1216" s="60">
        <v>211</v>
      </c>
      <c r="J1216" s="61">
        <v>0</v>
      </c>
      <c r="K1216" s="61">
        <v>-126.58</v>
      </c>
    </row>
    <row r="1217" spans="1:11" ht="18.75" hidden="1" customHeight="1" thickBot="1">
      <c r="A1217" s="59" t="s">
        <v>448</v>
      </c>
      <c r="B1217" s="59" t="s">
        <v>28</v>
      </c>
      <c r="C1217" s="59" t="s">
        <v>28</v>
      </c>
      <c r="D1217" s="59" t="s">
        <v>371</v>
      </c>
      <c r="E1217" s="59" t="s">
        <v>382</v>
      </c>
      <c r="F1217" s="59" t="s">
        <v>449</v>
      </c>
      <c r="G1217" s="59" t="s">
        <v>450</v>
      </c>
      <c r="H1217" s="60">
        <v>211</v>
      </c>
      <c r="I1217" s="60">
        <v>215</v>
      </c>
      <c r="J1217" s="61">
        <v>0</v>
      </c>
      <c r="K1217" s="61">
        <v>-543.20000000000005</v>
      </c>
    </row>
    <row r="1218" spans="1:11" ht="18.75" hidden="1" customHeight="1" thickBot="1">
      <c r="A1218" s="59" t="s">
        <v>448</v>
      </c>
      <c r="B1218" s="59" t="s">
        <v>28</v>
      </c>
      <c r="C1218" s="59" t="s">
        <v>28</v>
      </c>
      <c r="D1218" s="59" t="s">
        <v>371</v>
      </c>
      <c r="E1218" s="59" t="s">
        <v>382</v>
      </c>
      <c r="F1218" s="59" t="s">
        <v>449</v>
      </c>
      <c r="G1218" s="59" t="s">
        <v>450</v>
      </c>
      <c r="H1218" s="60">
        <v>211</v>
      </c>
      <c r="I1218" s="60">
        <v>240</v>
      </c>
      <c r="J1218" s="61">
        <v>0</v>
      </c>
      <c r="K1218" s="61">
        <v>-893.13</v>
      </c>
    </row>
    <row r="1219" spans="1:11" ht="18.75" hidden="1" customHeight="1" thickBot="1">
      <c r="A1219" s="59" t="s">
        <v>448</v>
      </c>
      <c r="B1219" s="59" t="s">
        <v>28</v>
      </c>
      <c r="C1219" s="59" t="s">
        <v>28</v>
      </c>
      <c r="D1219" s="59" t="s">
        <v>371</v>
      </c>
      <c r="E1219" s="59" t="s">
        <v>382</v>
      </c>
      <c r="F1219" s="59" t="s">
        <v>449</v>
      </c>
      <c r="G1219" s="59" t="s">
        <v>450</v>
      </c>
      <c r="H1219" s="60">
        <v>212</v>
      </c>
      <c r="I1219" s="60">
        <v>109</v>
      </c>
      <c r="J1219" s="61">
        <v>0</v>
      </c>
      <c r="K1219" s="61">
        <v>-1.83</v>
      </c>
    </row>
    <row r="1220" spans="1:11" ht="18.75" hidden="1" customHeight="1" thickBot="1">
      <c r="A1220" s="59" t="s">
        <v>448</v>
      </c>
      <c r="B1220" s="59" t="s">
        <v>28</v>
      </c>
      <c r="C1220" s="59" t="s">
        <v>28</v>
      </c>
      <c r="D1220" s="59" t="s">
        <v>371</v>
      </c>
      <c r="E1220" s="59" t="s">
        <v>382</v>
      </c>
      <c r="F1220" s="59" t="s">
        <v>449</v>
      </c>
      <c r="G1220" s="59" t="s">
        <v>450</v>
      </c>
      <c r="H1220" s="60">
        <v>212</v>
      </c>
      <c r="I1220" s="60">
        <v>215</v>
      </c>
      <c r="J1220" s="61">
        <v>0</v>
      </c>
      <c r="K1220" s="61">
        <v>-520.41</v>
      </c>
    </row>
    <row r="1221" spans="1:11" ht="18.75" hidden="1" customHeight="1" thickBot="1">
      <c r="A1221" s="59" t="s">
        <v>448</v>
      </c>
      <c r="B1221" s="59" t="s">
        <v>28</v>
      </c>
      <c r="C1221" s="59" t="s">
        <v>28</v>
      </c>
      <c r="D1221" s="59" t="s">
        <v>372</v>
      </c>
      <c r="E1221" s="59" t="s">
        <v>378</v>
      </c>
      <c r="F1221" s="59" t="s">
        <v>449</v>
      </c>
      <c r="G1221" s="59" t="s">
        <v>450</v>
      </c>
      <c r="H1221" s="60">
        <v>10</v>
      </c>
      <c r="I1221" s="60">
        <v>11</v>
      </c>
      <c r="J1221" s="61">
        <v>0</v>
      </c>
      <c r="K1221" s="61">
        <v>-8.6999999999999993</v>
      </c>
    </row>
    <row r="1222" spans="1:11" ht="18.75" hidden="1" customHeight="1" thickBot="1">
      <c r="A1222" s="59" t="s">
        <v>448</v>
      </c>
      <c r="B1222" s="59" t="s">
        <v>28</v>
      </c>
      <c r="C1222" s="59" t="s">
        <v>28</v>
      </c>
      <c r="D1222" s="59" t="s">
        <v>372</v>
      </c>
      <c r="E1222" s="59" t="s">
        <v>378</v>
      </c>
      <c r="F1222" s="59" t="s">
        <v>449</v>
      </c>
      <c r="G1222" s="59" t="s">
        <v>450</v>
      </c>
      <c r="H1222" s="60">
        <v>10</v>
      </c>
      <c r="I1222" s="60">
        <v>14</v>
      </c>
      <c r="J1222" s="61">
        <v>0</v>
      </c>
      <c r="K1222" s="61">
        <v>-2.33</v>
      </c>
    </row>
    <row r="1223" spans="1:11" ht="18.75" hidden="1" customHeight="1" thickBot="1">
      <c r="A1223" s="59" t="s">
        <v>448</v>
      </c>
      <c r="B1223" s="59" t="s">
        <v>28</v>
      </c>
      <c r="C1223" s="59" t="s">
        <v>28</v>
      </c>
      <c r="D1223" s="59" t="s">
        <v>372</v>
      </c>
      <c r="E1223" s="59" t="s">
        <v>378</v>
      </c>
      <c r="F1223" s="59" t="s">
        <v>449</v>
      </c>
      <c r="G1223" s="59" t="s">
        <v>450</v>
      </c>
      <c r="H1223" s="60">
        <v>10</v>
      </c>
      <c r="I1223" s="60">
        <v>15</v>
      </c>
      <c r="J1223" s="61">
        <v>0</v>
      </c>
      <c r="K1223" s="61">
        <v>-7251.73</v>
      </c>
    </row>
    <row r="1224" spans="1:11" ht="18.75" hidden="1" customHeight="1" thickBot="1">
      <c r="A1224" s="59" t="s">
        <v>448</v>
      </c>
      <c r="B1224" s="59" t="s">
        <v>28</v>
      </c>
      <c r="C1224" s="59" t="s">
        <v>28</v>
      </c>
      <c r="D1224" s="59" t="s">
        <v>372</v>
      </c>
      <c r="E1224" s="59" t="s">
        <v>378</v>
      </c>
      <c r="F1224" s="59" t="s">
        <v>449</v>
      </c>
      <c r="G1224" s="59" t="s">
        <v>450</v>
      </c>
      <c r="H1224" s="60">
        <v>10</v>
      </c>
      <c r="I1224" s="60">
        <v>22</v>
      </c>
      <c r="J1224" s="61">
        <v>0</v>
      </c>
      <c r="K1224" s="61">
        <v>-3053.72</v>
      </c>
    </row>
    <row r="1225" spans="1:11" ht="18.75" hidden="1" customHeight="1" thickBot="1">
      <c r="A1225" s="59" t="s">
        <v>448</v>
      </c>
      <c r="B1225" s="59" t="s">
        <v>28</v>
      </c>
      <c r="C1225" s="59" t="s">
        <v>28</v>
      </c>
      <c r="D1225" s="59" t="s">
        <v>372</v>
      </c>
      <c r="E1225" s="59" t="s">
        <v>378</v>
      </c>
      <c r="F1225" s="59" t="s">
        <v>449</v>
      </c>
      <c r="G1225" s="59" t="s">
        <v>450</v>
      </c>
      <c r="H1225" s="60">
        <v>10</v>
      </c>
      <c r="I1225" s="60">
        <v>93</v>
      </c>
      <c r="J1225" s="61">
        <v>0</v>
      </c>
      <c r="K1225" s="61">
        <v>-164.1</v>
      </c>
    </row>
    <row r="1226" spans="1:11" ht="18.75" hidden="1" customHeight="1" thickBot="1">
      <c r="A1226" s="59" t="s">
        <v>448</v>
      </c>
      <c r="B1226" s="59" t="s">
        <v>28</v>
      </c>
      <c r="C1226" s="59" t="s">
        <v>28</v>
      </c>
      <c r="D1226" s="59" t="s">
        <v>372</v>
      </c>
      <c r="E1226" s="59" t="s">
        <v>378</v>
      </c>
      <c r="F1226" s="59" t="s">
        <v>449</v>
      </c>
      <c r="G1226" s="59" t="s">
        <v>450</v>
      </c>
      <c r="H1226" s="60">
        <v>10</v>
      </c>
      <c r="I1226" s="60">
        <v>94</v>
      </c>
      <c r="J1226" s="61">
        <v>0</v>
      </c>
      <c r="K1226" s="61">
        <v>-3216.77</v>
      </c>
    </row>
    <row r="1227" spans="1:11" ht="18.75" hidden="1" customHeight="1" thickBot="1">
      <c r="A1227" s="59" t="s">
        <v>448</v>
      </c>
      <c r="B1227" s="59" t="s">
        <v>28</v>
      </c>
      <c r="C1227" s="59" t="s">
        <v>28</v>
      </c>
      <c r="D1227" s="59" t="s">
        <v>372</v>
      </c>
      <c r="E1227" s="59" t="s">
        <v>378</v>
      </c>
      <c r="F1227" s="59" t="s">
        <v>449</v>
      </c>
      <c r="G1227" s="59" t="s">
        <v>450</v>
      </c>
      <c r="H1227" s="60">
        <v>10</v>
      </c>
      <c r="I1227" s="60">
        <v>97</v>
      </c>
      <c r="J1227" s="61">
        <v>0</v>
      </c>
      <c r="K1227" s="61">
        <v>-172.74</v>
      </c>
    </row>
    <row r="1228" spans="1:11" ht="18.75" hidden="1" customHeight="1" thickBot="1">
      <c r="A1228" s="59" t="s">
        <v>448</v>
      </c>
      <c r="B1228" s="59" t="s">
        <v>28</v>
      </c>
      <c r="C1228" s="59" t="s">
        <v>28</v>
      </c>
      <c r="D1228" s="59" t="s">
        <v>372</v>
      </c>
      <c r="E1228" s="59" t="s">
        <v>378</v>
      </c>
      <c r="F1228" s="59" t="s">
        <v>449</v>
      </c>
      <c r="G1228" s="59" t="s">
        <v>450</v>
      </c>
      <c r="H1228" s="60">
        <v>10</v>
      </c>
      <c r="I1228" s="60">
        <v>107</v>
      </c>
      <c r="J1228" s="61">
        <v>0</v>
      </c>
      <c r="K1228" s="61">
        <v>-157.24</v>
      </c>
    </row>
    <row r="1229" spans="1:11" ht="18.75" hidden="1" customHeight="1" thickBot="1">
      <c r="A1229" s="59" t="s">
        <v>448</v>
      </c>
      <c r="B1229" s="59" t="s">
        <v>28</v>
      </c>
      <c r="C1229" s="59" t="s">
        <v>28</v>
      </c>
      <c r="D1229" s="59" t="s">
        <v>372</v>
      </c>
      <c r="E1229" s="59" t="s">
        <v>378</v>
      </c>
      <c r="F1229" s="59" t="s">
        <v>449</v>
      </c>
      <c r="G1229" s="59" t="s">
        <v>450</v>
      </c>
      <c r="H1229" s="60">
        <v>10</v>
      </c>
      <c r="I1229" s="60">
        <v>109</v>
      </c>
      <c r="J1229" s="61">
        <v>0</v>
      </c>
      <c r="K1229" s="61">
        <v>-106.81</v>
      </c>
    </row>
    <row r="1230" spans="1:11" ht="18.75" hidden="1" customHeight="1" thickBot="1">
      <c r="A1230" s="59" t="s">
        <v>448</v>
      </c>
      <c r="B1230" s="59" t="s">
        <v>28</v>
      </c>
      <c r="C1230" s="59" t="s">
        <v>28</v>
      </c>
      <c r="D1230" s="59" t="s">
        <v>372</v>
      </c>
      <c r="E1230" s="59" t="s">
        <v>378</v>
      </c>
      <c r="F1230" s="59" t="s">
        <v>449</v>
      </c>
      <c r="G1230" s="59" t="s">
        <v>450</v>
      </c>
      <c r="H1230" s="60">
        <v>10</v>
      </c>
      <c r="I1230" s="60">
        <v>111</v>
      </c>
      <c r="J1230" s="61">
        <v>0</v>
      </c>
      <c r="K1230" s="61">
        <v>-38.71</v>
      </c>
    </row>
    <row r="1231" spans="1:11" ht="18.75" hidden="1" customHeight="1" thickBot="1">
      <c r="A1231" s="59" t="s">
        <v>448</v>
      </c>
      <c r="B1231" s="59" t="s">
        <v>28</v>
      </c>
      <c r="C1231" s="59" t="s">
        <v>28</v>
      </c>
      <c r="D1231" s="59" t="s">
        <v>372</v>
      </c>
      <c r="E1231" s="59" t="s">
        <v>378</v>
      </c>
      <c r="F1231" s="59" t="s">
        <v>449</v>
      </c>
      <c r="G1231" s="59" t="s">
        <v>450</v>
      </c>
      <c r="H1231" s="60">
        <v>10</v>
      </c>
      <c r="I1231" s="60">
        <v>113</v>
      </c>
      <c r="J1231" s="61">
        <v>0</v>
      </c>
      <c r="K1231" s="61">
        <v>-1884.14</v>
      </c>
    </row>
    <row r="1232" spans="1:11" ht="18.75" hidden="1" customHeight="1" thickBot="1">
      <c r="A1232" s="59" t="s">
        <v>448</v>
      </c>
      <c r="B1232" s="59" t="s">
        <v>28</v>
      </c>
      <c r="C1232" s="59" t="s">
        <v>28</v>
      </c>
      <c r="D1232" s="59" t="s">
        <v>372</v>
      </c>
      <c r="E1232" s="59" t="s">
        <v>378</v>
      </c>
      <c r="F1232" s="59" t="s">
        <v>449</v>
      </c>
      <c r="G1232" s="59" t="s">
        <v>450</v>
      </c>
      <c r="H1232" s="60">
        <v>10</v>
      </c>
      <c r="I1232" s="60">
        <v>116</v>
      </c>
      <c r="J1232" s="61">
        <v>0</v>
      </c>
      <c r="K1232" s="61">
        <v>-32.869999999999997</v>
      </c>
    </row>
    <row r="1233" spans="1:11" ht="18.75" hidden="1" customHeight="1" thickBot="1">
      <c r="A1233" s="59" t="s">
        <v>448</v>
      </c>
      <c r="B1233" s="59" t="s">
        <v>28</v>
      </c>
      <c r="C1233" s="59" t="s">
        <v>28</v>
      </c>
      <c r="D1233" s="59" t="s">
        <v>372</v>
      </c>
      <c r="E1233" s="59" t="s">
        <v>378</v>
      </c>
      <c r="F1233" s="59" t="s">
        <v>449</v>
      </c>
      <c r="G1233" s="59" t="s">
        <v>450</v>
      </c>
      <c r="H1233" s="60">
        <v>10</v>
      </c>
      <c r="I1233" s="60">
        <v>131</v>
      </c>
      <c r="J1233" s="61">
        <v>0</v>
      </c>
      <c r="K1233" s="61">
        <v>-21.34</v>
      </c>
    </row>
    <row r="1234" spans="1:11" ht="18.75" hidden="1" customHeight="1" thickBot="1">
      <c r="A1234" s="59" t="s">
        <v>448</v>
      </c>
      <c r="B1234" s="59" t="s">
        <v>28</v>
      </c>
      <c r="C1234" s="59" t="s">
        <v>28</v>
      </c>
      <c r="D1234" s="59" t="s">
        <v>372</v>
      </c>
      <c r="E1234" s="59" t="s">
        <v>378</v>
      </c>
      <c r="F1234" s="59" t="s">
        <v>449</v>
      </c>
      <c r="G1234" s="59" t="s">
        <v>450</v>
      </c>
      <c r="H1234" s="60">
        <v>10</v>
      </c>
      <c r="I1234" s="60">
        <v>150</v>
      </c>
      <c r="J1234" s="61">
        <v>0</v>
      </c>
      <c r="K1234" s="61">
        <v>-762.31</v>
      </c>
    </row>
    <row r="1235" spans="1:11" ht="18.75" hidden="1" customHeight="1" thickBot="1">
      <c r="A1235" s="59" t="s">
        <v>448</v>
      </c>
      <c r="B1235" s="59" t="s">
        <v>28</v>
      </c>
      <c r="C1235" s="59" t="s">
        <v>28</v>
      </c>
      <c r="D1235" s="59" t="s">
        <v>372</v>
      </c>
      <c r="E1235" s="59" t="s">
        <v>378</v>
      </c>
      <c r="F1235" s="59" t="s">
        <v>449</v>
      </c>
      <c r="G1235" s="59" t="s">
        <v>450</v>
      </c>
      <c r="H1235" s="60">
        <v>20</v>
      </c>
      <c r="I1235" s="60">
        <v>11</v>
      </c>
      <c r="J1235" s="61">
        <v>0</v>
      </c>
      <c r="K1235" s="61">
        <v>-21.97</v>
      </c>
    </row>
    <row r="1236" spans="1:11" ht="18.75" hidden="1" customHeight="1" thickBot="1">
      <c r="A1236" s="59" t="s">
        <v>448</v>
      </c>
      <c r="B1236" s="59" t="s">
        <v>28</v>
      </c>
      <c r="C1236" s="59" t="s">
        <v>28</v>
      </c>
      <c r="D1236" s="59" t="s">
        <v>372</v>
      </c>
      <c r="E1236" s="59" t="s">
        <v>378</v>
      </c>
      <c r="F1236" s="59" t="s">
        <v>449</v>
      </c>
      <c r="G1236" s="59" t="s">
        <v>450</v>
      </c>
      <c r="H1236" s="60">
        <v>20</v>
      </c>
      <c r="I1236" s="60">
        <v>15</v>
      </c>
      <c r="J1236" s="61">
        <v>0</v>
      </c>
      <c r="K1236" s="61">
        <v>-7266.98</v>
      </c>
    </row>
    <row r="1237" spans="1:11" ht="18.75" hidden="1" customHeight="1" thickBot="1">
      <c r="A1237" s="59" t="s">
        <v>448</v>
      </c>
      <c r="B1237" s="59" t="s">
        <v>28</v>
      </c>
      <c r="C1237" s="59" t="s">
        <v>28</v>
      </c>
      <c r="D1237" s="59" t="s">
        <v>372</v>
      </c>
      <c r="E1237" s="59" t="s">
        <v>378</v>
      </c>
      <c r="F1237" s="59" t="s">
        <v>449</v>
      </c>
      <c r="G1237" s="59" t="s">
        <v>450</v>
      </c>
      <c r="H1237" s="60">
        <v>20</v>
      </c>
      <c r="I1237" s="60">
        <v>17</v>
      </c>
      <c r="J1237" s="61">
        <v>0</v>
      </c>
      <c r="K1237" s="61">
        <v>-28.89</v>
      </c>
    </row>
    <row r="1238" spans="1:11" ht="18.75" hidden="1" customHeight="1" thickBot="1">
      <c r="A1238" s="59" t="s">
        <v>448</v>
      </c>
      <c r="B1238" s="59" t="s">
        <v>28</v>
      </c>
      <c r="C1238" s="59" t="s">
        <v>28</v>
      </c>
      <c r="D1238" s="59" t="s">
        <v>372</v>
      </c>
      <c r="E1238" s="59" t="s">
        <v>378</v>
      </c>
      <c r="F1238" s="59" t="s">
        <v>449</v>
      </c>
      <c r="G1238" s="59" t="s">
        <v>450</v>
      </c>
      <c r="H1238" s="60">
        <v>20</v>
      </c>
      <c r="I1238" s="60">
        <v>22</v>
      </c>
      <c r="J1238" s="61">
        <v>0</v>
      </c>
      <c r="K1238" s="61">
        <v>-18861.86</v>
      </c>
    </row>
    <row r="1239" spans="1:11" ht="18.75" hidden="1" customHeight="1" thickBot="1">
      <c r="A1239" s="59" t="s">
        <v>448</v>
      </c>
      <c r="B1239" s="59" t="s">
        <v>28</v>
      </c>
      <c r="C1239" s="59" t="s">
        <v>28</v>
      </c>
      <c r="D1239" s="59" t="s">
        <v>372</v>
      </c>
      <c r="E1239" s="59" t="s">
        <v>378</v>
      </c>
      <c r="F1239" s="59" t="s">
        <v>449</v>
      </c>
      <c r="G1239" s="59" t="s">
        <v>450</v>
      </c>
      <c r="H1239" s="60">
        <v>20</v>
      </c>
      <c r="I1239" s="60">
        <v>30</v>
      </c>
      <c r="J1239" s="61">
        <v>0</v>
      </c>
      <c r="K1239" s="61">
        <v>-5.49</v>
      </c>
    </row>
    <row r="1240" spans="1:11" ht="18.75" hidden="1" customHeight="1" thickBot="1">
      <c r="A1240" s="59" t="s">
        <v>448</v>
      </c>
      <c r="B1240" s="59" t="s">
        <v>28</v>
      </c>
      <c r="C1240" s="59" t="s">
        <v>28</v>
      </c>
      <c r="D1240" s="59" t="s">
        <v>372</v>
      </c>
      <c r="E1240" s="59" t="s">
        <v>378</v>
      </c>
      <c r="F1240" s="59" t="s">
        <v>449</v>
      </c>
      <c r="G1240" s="59" t="s">
        <v>450</v>
      </c>
      <c r="H1240" s="60">
        <v>20</v>
      </c>
      <c r="I1240" s="60">
        <v>32</v>
      </c>
      <c r="J1240" s="61">
        <v>0</v>
      </c>
      <c r="K1240" s="61">
        <v>-4.6500000000000004</v>
      </c>
    </row>
    <row r="1241" spans="1:11" ht="18.75" hidden="1" customHeight="1" thickBot="1">
      <c r="A1241" s="59" t="s">
        <v>448</v>
      </c>
      <c r="B1241" s="59" t="s">
        <v>28</v>
      </c>
      <c r="C1241" s="59" t="s">
        <v>28</v>
      </c>
      <c r="D1241" s="59" t="s">
        <v>372</v>
      </c>
      <c r="E1241" s="59" t="s">
        <v>378</v>
      </c>
      <c r="F1241" s="59" t="s">
        <v>449</v>
      </c>
      <c r="G1241" s="59" t="s">
        <v>450</v>
      </c>
      <c r="H1241" s="60">
        <v>20</v>
      </c>
      <c r="I1241" s="60">
        <v>93</v>
      </c>
      <c r="J1241" s="61">
        <v>0</v>
      </c>
      <c r="K1241" s="61">
        <v>-71.06</v>
      </c>
    </row>
    <row r="1242" spans="1:11" ht="18.75" hidden="1" customHeight="1" thickBot="1">
      <c r="A1242" s="59" t="s">
        <v>448</v>
      </c>
      <c r="B1242" s="59" t="s">
        <v>28</v>
      </c>
      <c r="C1242" s="59" t="s">
        <v>28</v>
      </c>
      <c r="D1242" s="59" t="s">
        <v>372</v>
      </c>
      <c r="E1242" s="59" t="s">
        <v>378</v>
      </c>
      <c r="F1242" s="59" t="s">
        <v>449</v>
      </c>
      <c r="G1242" s="59" t="s">
        <v>450</v>
      </c>
      <c r="H1242" s="60">
        <v>20</v>
      </c>
      <c r="I1242" s="60">
        <v>94</v>
      </c>
      <c r="J1242" s="61">
        <v>0</v>
      </c>
      <c r="K1242" s="61">
        <v>-2252.0500000000002</v>
      </c>
    </row>
    <row r="1243" spans="1:11" ht="18.75" hidden="1" customHeight="1" thickBot="1">
      <c r="A1243" s="59" t="s">
        <v>448</v>
      </c>
      <c r="B1243" s="59" t="s">
        <v>28</v>
      </c>
      <c r="C1243" s="59" t="s">
        <v>28</v>
      </c>
      <c r="D1243" s="59" t="s">
        <v>372</v>
      </c>
      <c r="E1243" s="59" t="s">
        <v>378</v>
      </c>
      <c r="F1243" s="59" t="s">
        <v>449</v>
      </c>
      <c r="G1243" s="59" t="s">
        <v>450</v>
      </c>
      <c r="H1243" s="60">
        <v>20</v>
      </c>
      <c r="I1243" s="60">
        <v>95</v>
      </c>
      <c r="J1243" s="61">
        <v>0</v>
      </c>
      <c r="K1243" s="61">
        <v>-1.4</v>
      </c>
    </row>
    <row r="1244" spans="1:11" ht="18.75" hidden="1" customHeight="1" thickBot="1">
      <c r="A1244" s="59" t="s">
        <v>448</v>
      </c>
      <c r="B1244" s="59" t="s">
        <v>28</v>
      </c>
      <c r="C1244" s="59" t="s">
        <v>28</v>
      </c>
      <c r="D1244" s="59" t="s">
        <v>372</v>
      </c>
      <c r="E1244" s="59" t="s">
        <v>378</v>
      </c>
      <c r="F1244" s="59" t="s">
        <v>449</v>
      </c>
      <c r="G1244" s="59" t="s">
        <v>450</v>
      </c>
      <c r="H1244" s="60">
        <v>20</v>
      </c>
      <c r="I1244" s="60">
        <v>97</v>
      </c>
      <c r="J1244" s="61">
        <v>0</v>
      </c>
      <c r="K1244" s="61">
        <v>-167.96</v>
      </c>
    </row>
    <row r="1245" spans="1:11" ht="18.75" hidden="1" customHeight="1" thickBot="1">
      <c r="A1245" s="59" t="s">
        <v>448</v>
      </c>
      <c r="B1245" s="59" t="s">
        <v>28</v>
      </c>
      <c r="C1245" s="59" t="s">
        <v>28</v>
      </c>
      <c r="D1245" s="59" t="s">
        <v>372</v>
      </c>
      <c r="E1245" s="59" t="s">
        <v>378</v>
      </c>
      <c r="F1245" s="59" t="s">
        <v>449</v>
      </c>
      <c r="G1245" s="59" t="s">
        <v>450</v>
      </c>
      <c r="H1245" s="60">
        <v>20</v>
      </c>
      <c r="I1245" s="60">
        <v>107</v>
      </c>
      <c r="J1245" s="61">
        <v>0</v>
      </c>
      <c r="K1245" s="61">
        <v>-73.67</v>
      </c>
    </row>
    <row r="1246" spans="1:11" ht="18.75" hidden="1" customHeight="1" thickBot="1">
      <c r="A1246" s="59" t="s">
        <v>448</v>
      </c>
      <c r="B1246" s="59" t="s">
        <v>28</v>
      </c>
      <c r="C1246" s="59" t="s">
        <v>28</v>
      </c>
      <c r="D1246" s="59" t="s">
        <v>372</v>
      </c>
      <c r="E1246" s="59" t="s">
        <v>378</v>
      </c>
      <c r="F1246" s="59" t="s">
        <v>449</v>
      </c>
      <c r="G1246" s="59" t="s">
        <v>450</v>
      </c>
      <c r="H1246" s="60">
        <v>20</v>
      </c>
      <c r="I1246" s="60">
        <v>109</v>
      </c>
      <c r="J1246" s="61">
        <v>0</v>
      </c>
      <c r="K1246" s="61">
        <v>-184.85</v>
      </c>
    </row>
    <row r="1247" spans="1:11" ht="18.75" hidden="1" customHeight="1" thickBot="1">
      <c r="A1247" s="59" t="s">
        <v>448</v>
      </c>
      <c r="B1247" s="59" t="s">
        <v>28</v>
      </c>
      <c r="C1247" s="59" t="s">
        <v>28</v>
      </c>
      <c r="D1247" s="59" t="s">
        <v>372</v>
      </c>
      <c r="E1247" s="59" t="s">
        <v>378</v>
      </c>
      <c r="F1247" s="59" t="s">
        <v>449</v>
      </c>
      <c r="G1247" s="59" t="s">
        <v>450</v>
      </c>
      <c r="H1247" s="60">
        <v>20</v>
      </c>
      <c r="I1247" s="60">
        <v>111</v>
      </c>
      <c r="J1247" s="61">
        <v>0</v>
      </c>
      <c r="K1247" s="61">
        <v>-70.08</v>
      </c>
    </row>
    <row r="1248" spans="1:11" ht="18.75" hidden="1" customHeight="1" thickBot="1">
      <c r="A1248" s="59" t="s">
        <v>448</v>
      </c>
      <c r="B1248" s="59" t="s">
        <v>28</v>
      </c>
      <c r="C1248" s="59" t="s">
        <v>28</v>
      </c>
      <c r="D1248" s="59" t="s">
        <v>372</v>
      </c>
      <c r="E1248" s="59" t="s">
        <v>378</v>
      </c>
      <c r="F1248" s="59" t="s">
        <v>449</v>
      </c>
      <c r="G1248" s="59" t="s">
        <v>450</v>
      </c>
      <c r="H1248" s="60">
        <v>20</v>
      </c>
      <c r="I1248" s="60">
        <v>113</v>
      </c>
      <c r="J1248" s="61">
        <v>0</v>
      </c>
      <c r="K1248" s="61">
        <v>-2040.79</v>
      </c>
    </row>
    <row r="1249" spans="1:11" ht="18.75" hidden="1" customHeight="1" thickBot="1">
      <c r="A1249" s="59" t="s">
        <v>448</v>
      </c>
      <c r="B1249" s="59" t="s">
        <v>28</v>
      </c>
      <c r="C1249" s="59" t="s">
        <v>28</v>
      </c>
      <c r="D1249" s="59" t="s">
        <v>372</v>
      </c>
      <c r="E1249" s="59" t="s">
        <v>378</v>
      </c>
      <c r="F1249" s="59" t="s">
        <v>449</v>
      </c>
      <c r="G1249" s="59" t="s">
        <v>450</v>
      </c>
      <c r="H1249" s="60">
        <v>20</v>
      </c>
      <c r="I1249" s="60">
        <v>150</v>
      </c>
      <c r="J1249" s="61">
        <v>0</v>
      </c>
      <c r="K1249" s="61">
        <v>-513.26</v>
      </c>
    </row>
    <row r="1250" spans="1:11" ht="18.75" hidden="1" customHeight="1" thickBot="1">
      <c r="A1250" s="59" t="s">
        <v>448</v>
      </c>
      <c r="B1250" s="59" t="s">
        <v>28</v>
      </c>
      <c r="C1250" s="59" t="s">
        <v>28</v>
      </c>
      <c r="D1250" s="59" t="s">
        <v>372</v>
      </c>
      <c r="E1250" s="59" t="s">
        <v>378</v>
      </c>
      <c r="F1250" s="59" t="s">
        <v>449</v>
      </c>
      <c r="G1250" s="59" t="s">
        <v>450</v>
      </c>
      <c r="H1250" s="60">
        <v>20</v>
      </c>
      <c r="I1250" s="60">
        <v>211</v>
      </c>
      <c r="J1250" s="61">
        <v>0</v>
      </c>
      <c r="K1250" s="61">
        <v>-5.0599999999999996</v>
      </c>
    </row>
    <row r="1251" spans="1:11" ht="18.75" hidden="1" customHeight="1" thickBot="1">
      <c r="A1251" s="59" t="s">
        <v>448</v>
      </c>
      <c r="B1251" s="59" t="s">
        <v>28</v>
      </c>
      <c r="C1251" s="59" t="s">
        <v>28</v>
      </c>
      <c r="D1251" s="59" t="s">
        <v>372</v>
      </c>
      <c r="E1251" s="59" t="s">
        <v>378</v>
      </c>
      <c r="F1251" s="59" t="s">
        <v>449</v>
      </c>
      <c r="G1251" s="59" t="s">
        <v>450</v>
      </c>
      <c r="H1251" s="60">
        <v>211</v>
      </c>
      <c r="I1251" s="60">
        <v>93</v>
      </c>
      <c r="J1251" s="61">
        <v>0</v>
      </c>
      <c r="K1251" s="61">
        <v>-2.82</v>
      </c>
    </row>
    <row r="1252" spans="1:11" ht="18.75" hidden="1" customHeight="1" thickBot="1">
      <c r="A1252" s="59" t="s">
        <v>448</v>
      </c>
      <c r="B1252" s="59" t="s">
        <v>28</v>
      </c>
      <c r="C1252" s="59" t="s">
        <v>28</v>
      </c>
      <c r="D1252" s="59" t="s">
        <v>372</v>
      </c>
      <c r="E1252" s="59" t="s">
        <v>378</v>
      </c>
      <c r="F1252" s="59" t="s">
        <v>449</v>
      </c>
      <c r="G1252" s="59" t="s">
        <v>450</v>
      </c>
      <c r="H1252" s="60">
        <v>211</v>
      </c>
      <c r="I1252" s="60">
        <v>94</v>
      </c>
      <c r="J1252" s="61">
        <v>0</v>
      </c>
      <c r="K1252" s="61">
        <v>-34.93</v>
      </c>
    </row>
    <row r="1253" spans="1:11" ht="18.75" hidden="1" customHeight="1" thickBot="1">
      <c r="A1253" s="59" t="s">
        <v>448</v>
      </c>
      <c r="B1253" s="59" t="s">
        <v>28</v>
      </c>
      <c r="C1253" s="59" t="s">
        <v>28</v>
      </c>
      <c r="D1253" s="59" t="s">
        <v>372</v>
      </c>
      <c r="E1253" s="59" t="s">
        <v>378</v>
      </c>
      <c r="F1253" s="59" t="s">
        <v>449</v>
      </c>
      <c r="G1253" s="59" t="s">
        <v>450</v>
      </c>
      <c r="H1253" s="60">
        <v>211</v>
      </c>
      <c r="I1253" s="60">
        <v>95</v>
      </c>
      <c r="J1253" s="61">
        <v>0</v>
      </c>
      <c r="K1253" s="61">
        <v>-6.83</v>
      </c>
    </row>
    <row r="1254" spans="1:11" ht="18.75" hidden="1" customHeight="1" thickBot="1">
      <c r="A1254" s="59" t="s">
        <v>448</v>
      </c>
      <c r="B1254" s="59" t="s">
        <v>28</v>
      </c>
      <c r="C1254" s="59" t="s">
        <v>28</v>
      </c>
      <c r="D1254" s="59" t="s">
        <v>372</v>
      </c>
      <c r="E1254" s="59" t="s">
        <v>378</v>
      </c>
      <c r="F1254" s="59" t="s">
        <v>449</v>
      </c>
      <c r="G1254" s="59" t="s">
        <v>450</v>
      </c>
      <c r="H1254" s="60">
        <v>211</v>
      </c>
      <c r="I1254" s="60">
        <v>97</v>
      </c>
      <c r="J1254" s="61">
        <v>0</v>
      </c>
      <c r="K1254" s="61">
        <v>-41.04</v>
      </c>
    </row>
    <row r="1255" spans="1:11" ht="18.75" hidden="1" customHeight="1" thickBot="1">
      <c r="A1255" s="59" t="s">
        <v>448</v>
      </c>
      <c r="B1255" s="59" t="s">
        <v>28</v>
      </c>
      <c r="C1255" s="59" t="s">
        <v>28</v>
      </c>
      <c r="D1255" s="59" t="s">
        <v>372</v>
      </c>
      <c r="E1255" s="59" t="s">
        <v>378</v>
      </c>
      <c r="F1255" s="59" t="s">
        <v>449</v>
      </c>
      <c r="G1255" s="59" t="s">
        <v>450</v>
      </c>
      <c r="H1255" s="60">
        <v>211</v>
      </c>
      <c r="I1255" s="60">
        <v>98</v>
      </c>
      <c r="J1255" s="61">
        <v>0</v>
      </c>
      <c r="K1255" s="61">
        <v>-6.33</v>
      </c>
    </row>
    <row r="1256" spans="1:11" ht="18.75" hidden="1" customHeight="1" thickBot="1">
      <c r="A1256" s="59" t="s">
        <v>448</v>
      </c>
      <c r="B1256" s="59" t="s">
        <v>28</v>
      </c>
      <c r="C1256" s="59" t="s">
        <v>28</v>
      </c>
      <c r="D1256" s="59" t="s">
        <v>372</v>
      </c>
      <c r="E1256" s="59" t="s">
        <v>378</v>
      </c>
      <c r="F1256" s="59" t="s">
        <v>449</v>
      </c>
      <c r="G1256" s="59" t="s">
        <v>450</v>
      </c>
      <c r="H1256" s="60">
        <v>211</v>
      </c>
      <c r="I1256" s="60">
        <v>107</v>
      </c>
      <c r="J1256" s="61">
        <v>0</v>
      </c>
      <c r="K1256" s="61">
        <v>-24.86</v>
      </c>
    </row>
    <row r="1257" spans="1:11" ht="18.75" hidden="1" customHeight="1" thickBot="1">
      <c r="A1257" s="59" t="s">
        <v>448</v>
      </c>
      <c r="B1257" s="59" t="s">
        <v>28</v>
      </c>
      <c r="C1257" s="59" t="s">
        <v>28</v>
      </c>
      <c r="D1257" s="59" t="s">
        <v>372</v>
      </c>
      <c r="E1257" s="59" t="s">
        <v>378</v>
      </c>
      <c r="F1257" s="59" t="s">
        <v>449</v>
      </c>
      <c r="G1257" s="59" t="s">
        <v>450</v>
      </c>
      <c r="H1257" s="60">
        <v>211</v>
      </c>
      <c r="I1257" s="60">
        <v>109</v>
      </c>
      <c r="J1257" s="61">
        <v>0</v>
      </c>
      <c r="K1257" s="61">
        <v>-162.22</v>
      </c>
    </row>
    <row r="1258" spans="1:11" ht="18.75" hidden="1" customHeight="1" thickBot="1">
      <c r="A1258" s="59" t="s">
        <v>448</v>
      </c>
      <c r="B1258" s="59" t="s">
        <v>28</v>
      </c>
      <c r="C1258" s="59" t="s">
        <v>28</v>
      </c>
      <c r="D1258" s="59" t="s">
        <v>372</v>
      </c>
      <c r="E1258" s="59" t="s">
        <v>378</v>
      </c>
      <c r="F1258" s="59" t="s">
        <v>449</v>
      </c>
      <c r="G1258" s="59" t="s">
        <v>450</v>
      </c>
      <c r="H1258" s="60">
        <v>211</v>
      </c>
      <c r="I1258" s="60">
        <v>111</v>
      </c>
      <c r="J1258" s="61">
        <v>0</v>
      </c>
      <c r="K1258" s="61">
        <v>-10.43</v>
      </c>
    </row>
    <row r="1259" spans="1:11" ht="18.75" hidden="1" customHeight="1" thickBot="1">
      <c r="A1259" s="59" t="s">
        <v>448</v>
      </c>
      <c r="B1259" s="59" t="s">
        <v>28</v>
      </c>
      <c r="C1259" s="59" t="s">
        <v>28</v>
      </c>
      <c r="D1259" s="59" t="s">
        <v>372</v>
      </c>
      <c r="E1259" s="59" t="s">
        <v>378</v>
      </c>
      <c r="F1259" s="59" t="s">
        <v>449</v>
      </c>
      <c r="G1259" s="59" t="s">
        <v>450</v>
      </c>
      <c r="H1259" s="60">
        <v>211</v>
      </c>
      <c r="I1259" s="60">
        <v>113</v>
      </c>
      <c r="J1259" s="61">
        <v>0</v>
      </c>
      <c r="K1259" s="61">
        <v>-56.77</v>
      </c>
    </row>
    <row r="1260" spans="1:11" ht="18.75" hidden="1" customHeight="1" thickBot="1">
      <c r="A1260" s="59" t="s">
        <v>448</v>
      </c>
      <c r="B1260" s="59" t="s">
        <v>28</v>
      </c>
      <c r="C1260" s="59" t="s">
        <v>28</v>
      </c>
      <c r="D1260" s="59" t="s">
        <v>372</v>
      </c>
      <c r="E1260" s="59" t="s">
        <v>378</v>
      </c>
      <c r="F1260" s="59" t="s">
        <v>449</v>
      </c>
      <c r="G1260" s="59" t="s">
        <v>450</v>
      </c>
      <c r="H1260" s="60">
        <v>211</v>
      </c>
      <c r="I1260" s="60">
        <v>116</v>
      </c>
      <c r="J1260" s="61">
        <v>0</v>
      </c>
      <c r="K1260" s="61">
        <v>-56.45</v>
      </c>
    </row>
    <row r="1261" spans="1:11" ht="18.75" hidden="1" customHeight="1" thickBot="1">
      <c r="A1261" s="59" t="s">
        <v>448</v>
      </c>
      <c r="B1261" s="59" t="s">
        <v>28</v>
      </c>
      <c r="C1261" s="59" t="s">
        <v>28</v>
      </c>
      <c r="D1261" s="59" t="s">
        <v>372</v>
      </c>
      <c r="E1261" s="59" t="s">
        <v>378</v>
      </c>
      <c r="F1261" s="59" t="s">
        <v>449</v>
      </c>
      <c r="G1261" s="59" t="s">
        <v>450</v>
      </c>
      <c r="H1261" s="60">
        <v>211</v>
      </c>
      <c r="I1261" s="60">
        <v>150</v>
      </c>
      <c r="J1261" s="61">
        <v>0</v>
      </c>
      <c r="K1261" s="61">
        <v>-12.53</v>
      </c>
    </row>
    <row r="1262" spans="1:11" ht="18.75" hidden="1" customHeight="1" thickBot="1">
      <c r="A1262" s="59" t="s">
        <v>448</v>
      </c>
      <c r="B1262" s="59" t="s">
        <v>28</v>
      </c>
      <c r="C1262" s="59" t="s">
        <v>28</v>
      </c>
      <c r="D1262" s="59" t="s">
        <v>372</v>
      </c>
      <c r="E1262" s="59" t="s">
        <v>378</v>
      </c>
      <c r="F1262" s="59" t="s">
        <v>449</v>
      </c>
      <c r="G1262" s="59" t="s">
        <v>450</v>
      </c>
      <c r="H1262" s="60">
        <v>211</v>
      </c>
      <c r="I1262" s="60">
        <v>166</v>
      </c>
      <c r="J1262" s="61">
        <v>0</v>
      </c>
      <c r="K1262" s="61">
        <v>-8.7100000000000009</v>
      </c>
    </row>
    <row r="1263" spans="1:11" ht="18.75" hidden="1" customHeight="1" thickBot="1">
      <c r="A1263" s="59" t="s">
        <v>448</v>
      </c>
      <c r="B1263" s="59" t="s">
        <v>28</v>
      </c>
      <c r="C1263" s="59" t="s">
        <v>28</v>
      </c>
      <c r="D1263" s="59" t="s">
        <v>372</v>
      </c>
      <c r="E1263" s="59" t="s">
        <v>378</v>
      </c>
      <c r="F1263" s="59" t="s">
        <v>449</v>
      </c>
      <c r="G1263" s="59" t="s">
        <v>450</v>
      </c>
      <c r="H1263" s="60">
        <v>211</v>
      </c>
      <c r="I1263" s="60">
        <v>204</v>
      </c>
      <c r="J1263" s="61">
        <v>0</v>
      </c>
      <c r="K1263" s="61">
        <v>-133.87</v>
      </c>
    </row>
    <row r="1264" spans="1:11" ht="18.75" hidden="1" customHeight="1" thickBot="1">
      <c r="A1264" s="59" t="s">
        <v>448</v>
      </c>
      <c r="B1264" s="59" t="s">
        <v>28</v>
      </c>
      <c r="C1264" s="59" t="s">
        <v>28</v>
      </c>
      <c r="D1264" s="59" t="s">
        <v>372</v>
      </c>
      <c r="E1264" s="59" t="s">
        <v>378</v>
      </c>
      <c r="F1264" s="59" t="s">
        <v>449</v>
      </c>
      <c r="G1264" s="59" t="s">
        <v>450</v>
      </c>
      <c r="H1264" s="60">
        <v>211</v>
      </c>
      <c r="I1264" s="60">
        <v>211</v>
      </c>
      <c r="J1264" s="61">
        <v>0</v>
      </c>
      <c r="K1264" s="61">
        <v>-5824.57</v>
      </c>
    </row>
    <row r="1265" spans="1:11" ht="18.75" hidden="1" customHeight="1" thickBot="1">
      <c r="A1265" s="59" t="s">
        <v>448</v>
      </c>
      <c r="B1265" s="59" t="s">
        <v>28</v>
      </c>
      <c r="C1265" s="59" t="s">
        <v>28</v>
      </c>
      <c r="D1265" s="59" t="s">
        <v>372</v>
      </c>
      <c r="E1265" s="59" t="s">
        <v>378</v>
      </c>
      <c r="F1265" s="59" t="s">
        <v>449</v>
      </c>
      <c r="G1265" s="59" t="s">
        <v>450</v>
      </c>
      <c r="H1265" s="60">
        <v>211</v>
      </c>
      <c r="I1265" s="60">
        <v>213</v>
      </c>
      <c r="J1265" s="61">
        <v>0</v>
      </c>
      <c r="K1265" s="61">
        <v>-52.79</v>
      </c>
    </row>
    <row r="1266" spans="1:11" ht="18.75" hidden="1" customHeight="1" thickBot="1">
      <c r="A1266" s="59" t="s">
        <v>448</v>
      </c>
      <c r="B1266" s="59" t="s">
        <v>28</v>
      </c>
      <c r="C1266" s="59" t="s">
        <v>28</v>
      </c>
      <c r="D1266" s="59" t="s">
        <v>372</v>
      </c>
      <c r="E1266" s="59" t="s">
        <v>378</v>
      </c>
      <c r="F1266" s="59" t="s">
        <v>449</v>
      </c>
      <c r="G1266" s="59" t="s">
        <v>450</v>
      </c>
      <c r="H1266" s="60">
        <v>211</v>
      </c>
      <c r="I1266" s="60">
        <v>215</v>
      </c>
      <c r="J1266" s="61">
        <v>0</v>
      </c>
      <c r="K1266" s="61">
        <v>-12009.42</v>
      </c>
    </row>
    <row r="1267" spans="1:11" ht="18.75" hidden="1" customHeight="1" thickBot="1">
      <c r="A1267" s="59" t="s">
        <v>448</v>
      </c>
      <c r="B1267" s="59" t="s">
        <v>28</v>
      </c>
      <c r="C1267" s="59" t="s">
        <v>28</v>
      </c>
      <c r="D1267" s="59" t="s">
        <v>372</v>
      </c>
      <c r="E1267" s="59" t="s">
        <v>378</v>
      </c>
      <c r="F1267" s="59" t="s">
        <v>449</v>
      </c>
      <c r="G1267" s="59" t="s">
        <v>450</v>
      </c>
      <c r="H1267" s="60">
        <v>211</v>
      </c>
      <c r="I1267" s="60">
        <v>223</v>
      </c>
      <c r="J1267" s="61">
        <v>0</v>
      </c>
      <c r="K1267" s="61">
        <v>-55.85</v>
      </c>
    </row>
    <row r="1268" spans="1:11" ht="18.75" hidden="1" customHeight="1" thickBot="1">
      <c r="A1268" s="59" t="s">
        <v>448</v>
      </c>
      <c r="B1268" s="59" t="s">
        <v>28</v>
      </c>
      <c r="C1268" s="59" t="s">
        <v>28</v>
      </c>
      <c r="D1268" s="59" t="s">
        <v>372</v>
      </c>
      <c r="E1268" s="59" t="s">
        <v>378</v>
      </c>
      <c r="F1268" s="59" t="s">
        <v>449</v>
      </c>
      <c r="G1268" s="59" t="s">
        <v>450</v>
      </c>
      <c r="H1268" s="60">
        <v>211</v>
      </c>
      <c r="I1268" s="60">
        <v>229</v>
      </c>
      <c r="J1268" s="61">
        <v>0</v>
      </c>
      <c r="K1268" s="61">
        <v>-28.98</v>
      </c>
    </row>
    <row r="1269" spans="1:11" ht="18.75" hidden="1" customHeight="1" thickBot="1">
      <c r="A1269" s="59" t="s">
        <v>448</v>
      </c>
      <c r="B1269" s="59" t="s">
        <v>28</v>
      </c>
      <c r="C1269" s="59" t="s">
        <v>28</v>
      </c>
      <c r="D1269" s="59" t="s">
        <v>372</v>
      </c>
      <c r="E1269" s="59" t="s">
        <v>378</v>
      </c>
      <c r="F1269" s="59" t="s">
        <v>449</v>
      </c>
      <c r="G1269" s="59" t="s">
        <v>450</v>
      </c>
      <c r="H1269" s="60">
        <v>211</v>
      </c>
      <c r="I1269" s="60">
        <v>240</v>
      </c>
      <c r="J1269" s="61">
        <v>0</v>
      </c>
      <c r="K1269" s="61">
        <v>-6366.99</v>
      </c>
    </row>
    <row r="1270" spans="1:11" ht="18.75" hidden="1" customHeight="1" thickBot="1">
      <c r="A1270" s="59" t="s">
        <v>448</v>
      </c>
      <c r="B1270" s="59" t="s">
        <v>28</v>
      </c>
      <c r="C1270" s="59" t="s">
        <v>28</v>
      </c>
      <c r="D1270" s="59" t="s">
        <v>372</v>
      </c>
      <c r="E1270" s="59" t="s">
        <v>378</v>
      </c>
      <c r="F1270" s="59" t="s">
        <v>449</v>
      </c>
      <c r="G1270" s="59" t="s">
        <v>450</v>
      </c>
      <c r="H1270" s="60">
        <v>211</v>
      </c>
      <c r="I1270" s="60">
        <v>244</v>
      </c>
      <c r="J1270" s="61">
        <v>0</v>
      </c>
      <c r="K1270" s="61">
        <v>-757.22</v>
      </c>
    </row>
    <row r="1271" spans="1:11" ht="18.75" hidden="1" customHeight="1" thickBot="1">
      <c r="A1271" s="59" t="s">
        <v>448</v>
      </c>
      <c r="B1271" s="59" t="s">
        <v>28</v>
      </c>
      <c r="C1271" s="59" t="s">
        <v>28</v>
      </c>
      <c r="D1271" s="59" t="s">
        <v>372</v>
      </c>
      <c r="E1271" s="59" t="s">
        <v>378</v>
      </c>
      <c r="F1271" s="59" t="s">
        <v>449</v>
      </c>
      <c r="G1271" s="59" t="s">
        <v>450</v>
      </c>
      <c r="H1271" s="60">
        <v>211</v>
      </c>
      <c r="I1271" s="60">
        <v>248</v>
      </c>
      <c r="J1271" s="61">
        <v>0</v>
      </c>
      <c r="K1271" s="61">
        <v>-347.07</v>
      </c>
    </row>
    <row r="1272" spans="1:11" ht="18.75" hidden="1" customHeight="1" thickBot="1">
      <c r="A1272" s="59" t="s">
        <v>448</v>
      </c>
      <c r="B1272" s="59" t="s">
        <v>28</v>
      </c>
      <c r="C1272" s="59" t="s">
        <v>28</v>
      </c>
      <c r="D1272" s="59" t="s">
        <v>372</v>
      </c>
      <c r="E1272" s="59" t="s">
        <v>378</v>
      </c>
      <c r="F1272" s="59" t="s">
        <v>449</v>
      </c>
      <c r="G1272" s="59" t="s">
        <v>450</v>
      </c>
      <c r="H1272" s="60">
        <v>211</v>
      </c>
      <c r="I1272" s="60">
        <v>356</v>
      </c>
      <c r="J1272" s="61">
        <v>0</v>
      </c>
      <c r="K1272" s="61">
        <v>-2206.2600000000002</v>
      </c>
    </row>
    <row r="1273" spans="1:11" ht="18.75" hidden="1" customHeight="1" thickBot="1">
      <c r="A1273" s="59" t="s">
        <v>448</v>
      </c>
      <c r="B1273" s="59" t="s">
        <v>28</v>
      </c>
      <c r="C1273" s="59" t="s">
        <v>28</v>
      </c>
      <c r="D1273" s="59" t="s">
        <v>372</v>
      </c>
      <c r="E1273" s="59" t="s">
        <v>378</v>
      </c>
      <c r="F1273" s="59" t="s">
        <v>449</v>
      </c>
      <c r="G1273" s="59" t="s">
        <v>450</v>
      </c>
      <c r="H1273" s="60">
        <v>211</v>
      </c>
      <c r="I1273" s="60">
        <v>359</v>
      </c>
      <c r="J1273" s="61">
        <v>0</v>
      </c>
      <c r="K1273" s="61">
        <v>-4097.1000000000004</v>
      </c>
    </row>
    <row r="1274" spans="1:11" ht="18.75" hidden="1" customHeight="1" thickBot="1">
      <c r="A1274" s="59" t="s">
        <v>448</v>
      </c>
      <c r="B1274" s="59" t="s">
        <v>28</v>
      </c>
      <c r="C1274" s="59" t="s">
        <v>28</v>
      </c>
      <c r="D1274" s="59" t="s">
        <v>372</v>
      </c>
      <c r="E1274" s="59" t="s">
        <v>378</v>
      </c>
      <c r="F1274" s="59" t="s">
        <v>449</v>
      </c>
      <c r="G1274" s="59" t="s">
        <v>450</v>
      </c>
      <c r="H1274" s="60">
        <v>212</v>
      </c>
      <c r="I1274" s="60">
        <v>94</v>
      </c>
      <c r="J1274" s="61">
        <v>0</v>
      </c>
      <c r="K1274" s="61">
        <v>-19.190000000000001</v>
      </c>
    </row>
    <row r="1275" spans="1:11" ht="18.75" hidden="1" customHeight="1" thickBot="1">
      <c r="A1275" s="59" t="s">
        <v>448</v>
      </c>
      <c r="B1275" s="59" t="s">
        <v>28</v>
      </c>
      <c r="C1275" s="59" t="s">
        <v>28</v>
      </c>
      <c r="D1275" s="59" t="s">
        <v>372</v>
      </c>
      <c r="E1275" s="59" t="s">
        <v>378</v>
      </c>
      <c r="F1275" s="59" t="s">
        <v>449</v>
      </c>
      <c r="G1275" s="59" t="s">
        <v>450</v>
      </c>
      <c r="H1275" s="60">
        <v>212</v>
      </c>
      <c r="I1275" s="60">
        <v>97</v>
      </c>
      <c r="J1275" s="61">
        <v>0</v>
      </c>
      <c r="K1275" s="61">
        <v>-1.92</v>
      </c>
    </row>
    <row r="1276" spans="1:11" ht="18.75" hidden="1" customHeight="1" thickBot="1">
      <c r="A1276" s="59" t="s">
        <v>448</v>
      </c>
      <c r="B1276" s="59" t="s">
        <v>28</v>
      </c>
      <c r="C1276" s="59" t="s">
        <v>28</v>
      </c>
      <c r="D1276" s="59" t="s">
        <v>372</v>
      </c>
      <c r="E1276" s="59" t="s">
        <v>378</v>
      </c>
      <c r="F1276" s="59" t="s">
        <v>449</v>
      </c>
      <c r="G1276" s="59" t="s">
        <v>450</v>
      </c>
      <c r="H1276" s="60">
        <v>212</v>
      </c>
      <c r="I1276" s="60">
        <v>107</v>
      </c>
      <c r="J1276" s="61">
        <v>0</v>
      </c>
      <c r="K1276" s="61">
        <v>-8.4</v>
      </c>
    </row>
    <row r="1277" spans="1:11" ht="18.75" hidden="1" customHeight="1" thickBot="1">
      <c r="A1277" s="59" t="s">
        <v>448</v>
      </c>
      <c r="B1277" s="59" t="s">
        <v>28</v>
      </c>
      <c r="C1277" s="59" t="s">
        <v>28</v>
      </c>
      <c r="D1277" s="59" t="s">
        <v>372</v>
      </c>
      <c r="E1277" s="59" t="s">
        <v>378</v>
      </c>
      <c r="F1277" s="59" t="s">
        <v>449</v>
      </c>
      <c r="G1277" s="59" t="s">
        <v>450</v>
      </c>
      <c r="H1277" s="60">
        <v>212</v>
      </c>
      <c r="I1277" s="60">
        <v>109</v>
      </c>
      <c r="J1277" s="61">
        <v>0</v>
      </c>
      <c r="K1277" s="61">
        <v>-43.85</v>
      </c>
    </row>
    <row r="1278" spans="1:11" ht="18.75" hidden="1" customHeight="1" thickBot="1">
      <c r="A1278" s="59" t="s">
        <v>448</v>
      </c>
      <c r="B1278" s="59" t="s">
        <v>28</v>
      </c>
      <c r="C1278" s="59" t="s">
        <v>28</v>
      </c>
      <c r="D1278" s="59" t="s">
        <v>372</v>
      </c>
      <c r="E1278" s="59" t="s">
        <v>378</v>
      </c>
      <c r="F1278" s="59" t="s">
        <v>449</v>
      </c>
      <c r="G1278" s="59" t="s">
        <v>450</v>
      </c>
      <c r="H1278" s="60">
        <v>212</v>
      </c>
      <c r="I1278" s="60">
        <v>110</v>
      </c>
      <c r="J1278" s="61">
        <v>0</v>
      </c>
      <c r="K1278" s="61">
        <v>-22.97</v>
      </c>
    </row>
    <row r="1279" spans="1:11" ht="18.75" hidden="1" customHeight="1" thickBot="1">
      <c r="A1279" s="59" t="s">
        <v>448</v>
      </c>
      <c r="B1279" s="59" t="s">
        <v>28</v>
      </c>
      <c r="C1279" s="59" t="s">
        <v>28</v>
      </c>
      <c r="D1279" s="59" t="s">
        <v>372</v>
      </c>
      <c r="E1279" s="59" t="s">
        <v>378</v>
      </c>
      <c r="F1279" s="59" t="s">
        <v>449</v>
      </c>
      <c r="G1279" s="59" t="s">
        <v>450</v>
      </c>
      <c r="H1279" s="60">
        <v>212</v>
      </c>
      <c r="I1279" s="60">
        <v>116</v>
      </c>
      <c r="J1279" s="61">
        <v>0</v>
      </c>
      <c r="K1279" s="61">
        <v>-9.0299999999999994</v>
      </c>
    </row>
    <row r="1280" spans="1:11" ht="18.75" hidden="1" customHeight="1" thickBot="1">
      <c r="A1280" s="59" t="s">
        <v>448</v>
      </c>
      <c r="B1280" s="59" t="s">
        <v>28</v>
      </c>
      <c r="C1280" s="59" t="s">
        <v>28</v>
      </c>
      <c r="D1280" s="59" t="s">
        <v>372</v>
      </c>
      <c r="E1280" s="59" t="s">
        <v>378</v>
      </c>
      <c r="F1280" s="59" t="s">
        <v>449</v>
      </c>
      <c r="G1280" s="59" t="s">
        <v>450</v>
      </c>
      <c r="H1280" s="60">
        <v>212</v>
      </c>
      <c r="I1280" s="60">
        <v>150</v>
      </c>
      <c r="J1280" s="61">
        <v>0</v>
      </c>
      <c r="K1280" s="61">
        <v>-1.87</v>
      </c>
    </row>
    <row r="1281" spans="1:11" ht="18.75" hidden="1" customHeight="1" thickBot="1">
      <c r="A1281" s="59" t="s">
        <v>448</v>
      </c>
      <c r="B1281" s="59" t="s">
        <v>28</v>
      </c>
      <c r="C1281" s="59" t="s">
        <v>28</v>
      </c>
      <c r="D1281" s="59" t="s">
        <v>372</v>
      </c>
      <c r="E1281" s="59" t="s">
        <v>378</v>
      </c>
      <c r="F1281" s="59" t="s">
        <v>449</v>
      </c>
      <c r="G1281" s="59" t="s">
        <v>450</v>
      </c>
      <c r="H1281" s="60">
        <v>212</v>
      </c>
      <c r="I1281" s="60">
        <v>211</v>
      </c>
      <c r="J1281" s="61">
        <v>0</v>
      </c>
      <c r="K1281" s="61">
        <v>-1538.37</v>
      </c>
    </row>
    <row r="1282" spans="1:11" ht="18.75" hidden="1" customHeight="1" thickBot="1">
      <c r="A1282" s="59" t="s">
        <v>448</v>
      </c>
      <c r="B1282" s="59" t="s">
        <v>28</v>
      </c>
      <c r="C1282" s="59" t="s">
        <v>28</v>
      </c>
      <c r="D1282" s="59" t="s">
        <v>372</v>
      </c>
      <c r="E1282" s="59" t="s">
        <v>378</v>
      </c>
      <c r="F1282" s="59" t="s">
        <v>449</v>
      </c>
      <c r="G1282" s="59" t="s">
        <v>450</v>
      </c>
      <c r="H1282" s="60">
        <v>212</v>
      </c>
      <c r="I1282" s="60">
        <v>215</v>
      </c>
      <c r="J1282" s="61">
        <v>0</v>
      </c>
      <c r="K1282" s="61">
        <v>-7751.42</v>
      </c>
    </row>
    <row r="1283" spans="1:11" ht="18.75" hidden="1" customHeight="1" thickBot="1">
      <c r="A1283" s="59" t="s">
        <v>448</v>
      </c>
      <c r="B1283" s="59" t="s">
        <v>28</v>
      </c>
      <c r="C1283" s="59" t="s">
        <v>28</v>
      </c>
      <c r="D1283" s="59" t="s">
        <v>372</v>
      </c>
      <c r="E1283" s="59" t="s">
        <v>378</v>
      </c>
      <c r="F1283" s="59" t="s">
        <v>449</v>
      </c>
      <c r="G1283" s="59" t="s">
        <v>450</v>
      </c>
      <c r="H1283" s="60">
        <v>212</v>
      </c>
      <c r="I1283" s="60">
        <v>223</v>
      </c>
      <c r="J1283" s="61">
        <v>0</v>
      </c>
      <c r="K1283" s="61">
        <v>-9.4700000000000006</v>
      </c>
    </row>
    <row r="1284" spans="1:11" ht="18.75" hidden="1" customHeight="1" thickBot="1">
      <c r="A1284" s="59" t="s">
        <v>448</v>
      </c>
      <c r="B1284" s="59" t="s">
        <v>28</v>
      </c>
      <c r="C1284" s="59" t="s">
        <v>28</v>
      </c>
      <c r="D1284" s="59" t="s">
        <v>372</v>
      </c>
      <c r="E1284" s="59" t="s">
        <v>378</v>
      </c>
      <c r="F1284" s="59" t="s">
        <v>449</v>
      </c>
      <c r="G1284" s="59" t="s">
        <v>450</v>
      </c>
      <c r="H1284" s="60">
        <v>212</v>
      </c>
      <c r="I1284" s="60">
        <v>227</v>
      </c>
      <c r="J1284" s="61">
        <v>0</v>
      </c>
      <c r="K1284" s="61">
        <v>-105.93</v>
      </c>
    </row>
    <row r="1285" spans="1:11" ht="18.75" hidden="1" customHeight="1" thickBot="1">
      <c r="A1285" s="59" t="s">
        <v>448</v>
      </c>
      <c r="B1285" s="59" t="s">
        <v>28</v>
      </c>
      <c r="C1285" s="59" t="s">
        <v>28</v>
      </c>
      <c r="D1285" s="59" t="s">
        <v>372</v>
      </c>
      <c r="E1285" s="59" t="s">
        <v>378</v>
      </c>
      <c r="F1285" s="59" t="s">
        <v>449</v>
      </c>
      <c r="G1285" s="59" t="s">
        <v>450</v>
      </c>
      <c r="H1285" s="60">
        <v>212</v>
      </c>
      <c r="I1285" s="60">
        <v>229</v>
      </c>
      <c r="J1285" s="61">
        <v>0</v>
      </c>
      <c r="K1285" s="61">
        <v>-80.459999999999994</v>
      </c>
    </row>
    <row r="1286" spans="1:11" ht="18.75" hidden="1" customHeight="1" thickBot="1">
      <c r="A1286" s="59" t="s">
        <v>448</v>
      </c>
      <c r="B1286" s="59" t="s">
        <v>28</v>
      </c>
      <c r="C1286" s="59" t="s">
        <v>28</v>
      </c>
      <c r="D1286" s="59" t="s">
        <v>372</v>
      </c>
      <c r="E1286" s="59" t="s">
        <v>378</v>
      </c>
      <c r="F1286" s="59" t="s">
        <v>449</v>
      </c>
      <c r="G1286" s="59" t="s">
        <v>450</v>
      </c>
      <c r="H1286" s="60">
        <v>212</v>
      </c>
      <c r="I1286" s="60">
        <v>240</v>
      </c>
      <c r="J1286" s="61">
        <v>0</v>
      </c>
      <c r="K1286" s="61">
        <v>-6181.79</v>
      </c>
    </row>
    <row r="1287" spans="1:11" ht="18.75" hidden="1" customHeight="1" thickBot="1">
      <c r="A1287" s="59" t="s">
        <v>448</v>
      </c>
      <c r="B1287" s="59" t="s">
        <v>28</v>
      </c>
      <c r="C1287" s="59" t="s">
        <v>28</v>
      </c>
      <c r="D1287" s="59" t="s">
        <v>372</v>
      </c>
      <c r="E1287" s="59" t="s">
        <v>378</v>
      </c>
      <c r="F1287" s="59" t="s">
        <v>449</v>
      </c>
      <c r="G1287" s="59" t="s">
        <v>450</v>
      </c>
      <c r="H1287" s="60">
        <v>212</v>
      </c>
      <c r="I1287" s="60">
        <v>244</v>
      </c>
      <c r="J1287" s="61">
        <v>0</v>
      </c>
      <c r="K1287" s="61">
        <v>-984.9</v>
      </c>
    </row>
    <row r="1288" spans="1:11" ht="18.75" hidden="1" customHeight="1" thickBot="1">
      <c r="A1288" s="59" t="s">
        <v>448</v>
      </c>
      <c r="B1288" s="59" t="s">
        <v>28</v>
      </c>
      <c r="C1288" s="59" t="s">
        <v>28</v>
      </c>
      <c r="D1288" s="59" t="s">
        <v>372</v>
      </c>
      <c r="E1288" s="59" t="s">
        <v>378</v>
      </c>
      <c r="F1288" s="59" t="s">
        <v>449</v>
      </c>
      <c r="G1288" s="59" t="s">
        <v>450</v>
      </c>
      <c r="H1288" s="60">
        <v>216</v>
      </c>
      <c r="I1288" s="60">
        <v>94</v>
      </c>
      <c r="J1288" s="61">
        <v>0</v>
      </c>
      <c r="K1288" s="61">
        <v>-1.91</v>
      </c>
    </row>
    <row r="1289" spans="1:11" ht="18.75" hidden="1" customHeight="1" thickBot="1">
      <c r="A1289" s="59" t="s">
        <v>448</v>
      </c>
      <c r="B1289" s="59" t="s">
        <v>28</v>
      </c>
      <c r="C1289" s="59" t="s">
        <v>28</v>
      </c>
      <c r="D1289" s="59" t="s">
        <v>372</v>
      </c>
      <c r="E1289" s="59" t="s">
        <v>378</v>
      </c>
      <c r="F1289" s="59" t="s">
        <v>449</v>
      </c>
      <c r="G1289" s="59" t="s">
        <v>450</v>
      </c>
      <c r="H1289" s="60">
        <v>216</v>
      </c>
      <c r="I1289" s="60">
        <v>211</v>
      </c>
      <c r="J1289" s="61">
        <v>0</v>
      </c>
      <c r="K1289" s="61">
        <v>-12.79</v>
      </c>
    </row>
    <row r="1290" spans="1:11" ht="18.75" hidden="1" customHeight="1" thickBot="1">
      <c r="A1290" s="59" t="s">
        <v>448</v>
      </c>
      <c r="B1290" s="59" t="s">
        <v>28</v>
      </c>
      <c r="C1290" s="59" t="s">
        <v>28</v>
      </c>
      <c r="D1290" s="59" t="s">
        <v>372</v>
      </c>
      <c r="E1290" s="59" t="s">
        <v>378</v>
      </c>
      <c r="F1290" s="59" t="s">
        <v>449</v>
      </c>
      <c r="G1290" s="59" t="s">
        <v>450</v>
      </c>
      <c r="H1290" s="60">
        <v>216</v>
      </c>
      <c r="I1290" s="60">
        <v>215</v>
      </c>
      <c r="J1290" s="61">
        <v>0</v>
      </c>
      <c r="K1290" s="61">
        <v>-1178.23</v>
      </c>
    </row>
    <row r="1291" spans="1:11" ht="18.75" hidden="1" customHeight="1" thickBot="1">
      <c r="A1291" s="59" t="s">
        <v>448</v>
      </c>
      <c r="B1291" s="59" t="s">
        <v>28</v>
      </c>
      <c r="C1291" s="59" t="s">
        <v>28</v>
      </c>
      <c r="D1291" s="59" t="s">
        <v>372</v>
      </c>
      <c r="E1291" s="59" t="s">
        <v>378</v>
      </c>
      <c r="F1291" s="59" t="s">
        <v>449</v>
      </c>
      <c r="G1291" s="59" t="s">
        <v>450</v>
      </c>
      <c r="H1291" s="60">
        <v>216</v>
      </c>
      <c r="I1291" s="60">
        <v>240</v>
      </c>
      <c r="J1291" s="61">
        <v>0</v>
      </c>
      <c r="K1291" s="61">
        <v>-360.05</v>
      </c>
    </row>
    <row r="1292" spans="1:11" ht="18.75" hidden="1" customHeight="1" thickBot="1">
      <c r="A1292" s="59" t="s">
        <v>448</v>
      </c>
      <c r="B1292" s="59" t="s">
        <v>28</v>
      </c>
      <c r="C1292" s="59" t="s">
        <v>28</v>
      </c>
      <c r="D1292" s="59" t="s">
        <v>372</v>
      </c>
      <c r="E1292" s="59" t="s">
        <v>378</v>
      </c>
      <c r="F1292" s="59" t="s">
        <v>449</v>
      </c>
      <c r="G1292" s="59" t="s">
        <v>450</v>
      </c>
      <c r="H1292" s="60">
        <v>221</v>
      </c>
      <c r="I1292" s="60">
        <v>93</v>
      </c>
      <c r="J1292" s="61">
        <v>0</v>
      </c>
      <c r="K1292" s="61">
        <v>-8.1300000000000008</v>
      </c>
    </row>
    <row r="1293" spans="1:11" ht="18.75" hidden="1" customHeight="1" thickBot="1">
      <c r="A1293" s="59" t="s">
        <v>448</v>
      </c>
      <c r="B1293" s="59" t="s">
        <v>28</v>
      </c>
      <c r="C1293" s="59" t="s">
        <v>28</v>
      </c>
      <c r="D1293" s="59" t="s">
        <v>372</v>
      </c>
      <c r="E1293" s="59" t="s">
        <v>378</v>
      </c>
      <c r="F1293" s="59" t="s">
        <v>449</v>
      </c>
      <c r="G1293" s="59" t="s">
        <v>450</v>
      </c>
      <c r="H1293" s="60">
        <v>221</v>
      </c>
      <c r="I1293" s="60">
        <v>94</v>
      </c>
      <c r="J1293" s="61">
        <v>0</v>
      </c>
      <c r="K1293" s="61">
        <v>-3.83</v>
      </c>
    </row>
    <row r="1294" spans="1:11" ht="18.75" hidden="1" customHeight="1" thickBot="1">
      <c r="A1294" s="59" t="s">
        <v>448</v>
      </c>
      <c r="B1294" s="59" t="s">
        <v>28</v>
      </c>
      <c r="C1294" s="59" t="s">
        <v>28</v>
      </c>
      <c r="D1294" s="59" t="s">
        <v>372</v>
      </c>
      <c r="E1294" s="59" t="s">
        <v>378</v>
      </c>
      <c r="F1294" s="59" t="s">
        <v>449</v>
      </c>
      <c r="G1294" s="59" t="s">
        <v>450</v>
      </c>
      <c r="H1294" s="60">
        <v>221</v>
      </c>
      <c r="I1294" s="60">
        <v>109</v>
      </c>
      <c r="J1294" s="61">
        <v>0</v>
      </c>
      <c r="K1294" s="61">
        <v>-5.32</v>
      </c>
    </row>
    <row r="1295" spans="1:11" ht="18.75" hidden="1" customHeight="1" thickBot="1">
      <c r="A1295" s="59" t="s">
        <v>448</v>
      </c>
      <c r="B1295" s="59" t="s">
        <v>28</v>
      </c>
      <c r="C1295" s="59" t="s">
        <v>28</v>
      </c>
      <c r="D1295" s="59" t="s">
        <v>372</v>
      </c>
      <c r="E1295" s="59" t="s">
        <v>378</v>
      </c>
      <c r="F1295" s="59" t="s">
        <v>449</v>
      </c>
      <c r="G1295" s="59" t="s">
        <v>450</v>
      </c>
      <c r="H1295" s="60">
        <v>221</v>
      </c>
      <c r="I1295" s="60">
        <v>113</v>
      </c>
      <c r="J1295" s="61">
        <v>0</v>
      </c>
      <c r="K1295" s="61">
        <v>-0.77</v>
      </c>
    </row>
    <row r="1296" spans="1:11" ht="18.75" hidden="1" customHeight="1" thickBot="1">
      <c r="A1296" s="59" t="s">
        <v>448</v>
      </c>
      <c r="B1296" s="59" t="s">
        <v>28</v>
      </c>
      <c r="C1296" s="59" t="s">
        <v>28</v>
      </c>
      <c r="D1296" s="59" t="s">
        <v>372</v>
      </c>
      <c r="E1296" s="59" t="s">
        <v>378</v>
      </c>
      <c r="F1296" s="59" t="s">
        <v>449</v>
      </c>
      <c r="G1296" s="59" t="s">
        <v>450</v>
      </c>
      <c r="H1296" s="60">
        <v>221</v>
      </c>
      <c r="I1296" s="60">
        <v>211</v>
      </c>
      <c r="J1296" s="61">
        <v>0</v>
      </c>
      <c r="K1296" s="61">
        <v>-208.82</v>
      </c>
    </row>
    <row r="1297" spans="1:11" ht="18.75" hidden="1" customHeight="1" thickBot="1">
      <c r="A1297" s="59" t="s">
        <v>448</v>
      </c>
      <c r="B1297" s="59" t="s">
        <v>28</v>
      </c>
      <c r="C1297" s="59" t="s">
        <v>28</v>
      </c>
      <c r="D1297" s="59" t="s">
        <v>372</v>
      </c>
      <c r="E1297" s="59" t="s">
        <v>378</v>
      </c>
      <c r="F1297" s="59" t="s">
        <v>449</v>
      </c>
      <c r="G1297" s="59" t="s">
        <v>450</v>
      </c>
      <c r="H1297" s="60">
        <v>221</v>
      </c>
      <c r="I1297" s="60">
        <v>215</v>
      </c>
      <c r="J1297" s="61">
        <v>0</v>
      </c>
      <c r="K1297" s="61">
        <v>-1040.3499999999999</v>
      </c>
    </row>
    <row r="1298" spans="1:11" ht="18.75" hidden="1" customHeight="1" thickBot="1">
      <c r="A1298" s="59" t="s">
        <v>448</v>
      </c>
      <c r="B1298" s="59" t="s">
        <v>28</v>
      </c>
      <c r="C1298" s="59" t="s">
        <v>28</v>
      </c>
      <c r="D1298" s="59" t="s">
        <v>372</v>
      </c>
      <c r="E1298" s="59" t="s">
        <v>378</v>
      </c>
      <c r="F1298" s="59" t="s">
        <v>449</v>
      </c>
      <c r="G1298" s="59" t="s">
        <v>450</v>
      </c>
      <c r="H1298" s="60">
        <v>221</v>
      </c>
      <c r="I1298" s="60">
        <v>217</v>
      </c>
      <c r="J1298" s="61">
        <v>0</v>
      </c>
      <c r="K1298" s="61">
        <v>-162.94999999999999</v>
      </c>
    </row>
    <row r="1299" spans="1:11" ht="18.75" hidden="1" customHeight="1" thickBot="1">
      <c r="A1299" s="59" t="s">
        <v>448</v>
      </c>
      <c r="B1299" s="59" t="s">
        <v>28</v>
      </c>
      <c r="C1299" s="59" t="s">
        <v>28</v>
      </c>
      <c r="D1299" s="59" t="s">
        <v>372</v>
      </c>
      <c r="E1299" s="59" t="s">
        <v>378</v>
      </c>
      <c r="F1299" s="59" t="s">
        <v>449</v>
      </c>
      <c r="G1299" s="59" t="s">
        <v>450</v>
      </c>
      <c r="H1299" s="60">
        <v>221</v>
      </c>
      <c r="I1299" s="60">
        <v>220</v>
      </c>
      <c r="J1299" s="61">
        <v>0</v>
      </c>
      <c r="K1299" s="61">
        <v>-315.01</v>
      </c>
    </row>
    <row r="1300" spans="1:11" ht="18.75" hidden="1" customHeight="1" thickBot="1">
      <c r="A1300" s="59" t="s">
        <v>448</v>
      </c>
      <c r="B1300" s="59" t="s">
        <v>28</v>
      </c>
      <c r="C1300" s="59" t="s">
        <v>28</v>
      </c>
      <c r="D1300" s="59" t="s">
        <v>372</v>
      </c>
      <c r="E1300" s="59" t="s">
        <v>378</v>
      </c>
      <c r="F1300" s="59" t="s">
        <v>449</v>
      </c>
      <c r="G1300" s="59" t="s">
        <v>450</v>
      </c>
      <c r="H1300" s="60">
        <v>221</v>
      </c>
      <c r="I1300" s="60">
        <v>244</v>
      </c>
      <c r="J1300" s="61">
        <v>0</v>
      </c>
      <c r="K1300" s="61">
        <v>-3191.67</v>
      </c>
    </row>
    <row r="1301" spans="1:11" ht="18.75" hidden="1" customHeight="1" thickBot="1">
      <c r="A1301" s="59" t="s">
        <v>448</v>
      </c>
      <c r="B1301" s="59" t="s">
        <v>28</v>
      </c>
      <c r="C1301" s="59" t="s">
        <v>28</v>
      </c>
      <c r="D1301" s="59" t="s">
        <v>372</v>
      </c>
      <c r="E1301" s="59" t="s">
        <v>378</v>
      </c>
      <c r="F1301" s="59" t="s">
        <v>449</v>
      </c>
      <c r="G1301" s="59" t="s">
        <v>450</v>
      </c>
      <c r="H1301" s="60">
        <v>221</v>
      </c>
      <c r="I1301" s="60">
        <v>332</v>
      </c>
      <c r="J1301" s="61">
        <v>0</v>
      </c>
      <c r="K1301" s="61">
        <v>-6138.3</v>
      </c>
    </row>
    <row r="1302" spans="1:11" ht="18.75" hidden="1" customHeight="1" thickBot="1">
      <c r="A1302" s="59" t="s">
        <v>448</v>
      </c>
      <c r="B1302" s="59" t="s">
        <v>28</v>
      </c>
      <c r="C1302" s="59" t="s">
        <v>28</v>
      </c>
      <c r="D1302" s="59" t="s">
        <v>372</v>
      </c>
      <c r="E1302" s="59" t="s">
        <v>378</v>
      </c>
      <c r="F1302" s="59" t="s">
        <v>449</v>
      </c>
      <c r="G1302" s="59" t="s">
        <v>450</v>
      </c>
      <c r="H1302" s="60">
        <v>221</v>
      </c>
      <c r="I1302" s="60">
        <v>358</v>
      </c>
      <c r="J1302" s="61">
        <v>0</v>
      </c>
      <c r="K1302" s="61">
        <v>-1508.9</v>
      </c>
    </row>
    <row r="1303" spans="1:11" ht="18.75" hidden="1" customHeight="1" thickBot="1">
      <c r="A1303" s="59" t="s">
        <v>448</v>
      </c>
      <c r="B1303" s="59" t="s">
        <v>28</v>
      </c>
      <c r="C1303" s="59" t="s">
        <v>28</v>
      </c>
      <c r="D1303" s="59" t="s">
        <v>372</v>
      </c>
      <c r="E1303" s="59" t="s">
        <v>378</v>
      </c>
      <c r="F1303" s="59" t="s">
        <v>449</v>
      </c>
      <c r="G1303" s="59" t="s">
        <v>450</v>
      </c>
      <c r="H1303" s="60">
        <v>221</v>
      </c>
      <c r="I1303" s="60">
        <v>359</v>
      </c>
      <c r="J1303" s="61">
        <v>0</v>
      </c>
      <c r="K1303" s="61">
        <v>-8407.2800000000007</v>
      </c>
    </row>
    <row r="1304" spans="1:11" ht="18.75" hidden="1" customHeight="1" thickBot="1">
      <c r="A1304" s="59" t="s">
        <v>448</v>
      </c>
      <c r="B1304" s="59" t="s">
        <v>28</v>
      </c>
      <c r="C1304" s="59" t="s">
        <v>28</v>
      </c>
      <c r="D1304" s="59" t="s">
        <v>372</v>
      </c>
      <c r="E1304" s="59" t="s">
        <v>378</v>
      </c>
      <c r="F1304" s="59" t="s">
        <v>449</v>
      </c>
      <c r="G1304" s="59" t="s">
        <v>450</v>
      </c>
      <c r="H1304" s="60">
        <v>222</v>
      </c>
      <c r="I1304" s="60">
        <v>113</v>
      </c>
      <c r="J1304" s="61">
        <v>0</v>
      </c>
      <c r="K1304" s="61">
        <v>-5.42</v>
      </c>
    </row>
    <row r="1305" spans="1:11" ht="18.75" hidden="1" customHeight="1" thickBot="1">
      <c r="A1305" s="59" t="s">
        <v>448</v>
      </c>
      <c r="B1305" s="59" t="s">
        <v>28</v>
      </c>
      <c r="C1305" s="59" t="s">
        <v>28</v>
      </c>
      <c r="D1305" s="59" t="s">
        <v>372</v>
      </c>
      <c r="E1305" s="59" t="s">
        <v>378</v>
      </c>
      <c r="F1305" s="59" t="s">
        <v>449</v>
      </c>
      <c r="G1305" s="59" t="s">
        <v>450</v>
      </c>
      <c r="H1305" s="60">
        <v>222</v>
      </c>
      <c r="I1305" s="60">
        <v>211</v>
      </c>
      <c r="J1305" s="61">
        <v>0</v>
      </c>
      <c r="K1305" s="61">
        <v>-7.37</v>
      </c>
    </row>
    <row r="1306" spans="1:11" ht="18.75" hidden="1" customHeight="1" thickBot="1">
      <c r="A1306" s="59" t="s">
        <v>448</v>
      </c>
      <c r="B1306" s="59" t="s">
        <v>28</v>
      </c>
      <c r="C1306" s="59" t="s">
        <v>28</v>
      </c>
      <c r="D1306" s="59" t="s">
        <v>372</v>
      </c>
      <c r="E1306" s="59" t="s">
        <v>378</v>
      </c>
      <c r="F1306" s="59" t="s">
        <v>449</v>
      </c>
      <c r="G1306" s="59" t="s">
        <v>450</v>
      </c>
      <c r="H1306" s="60">
        <v>222</v>
      </c>
      <c r="I1306" s="60">
        <v>215</v>
      </c>
      <c r="J1306" s="61">
        <v>0</v>
      </c>
      <c r="K1306" s="61">
        <v>-107.96</v>
      </c>
    </row>
    <row r="1307" spans="1:11" ht="18.75" hidden="1" customHeight="1" thickBot="1">
      <c r="A1307" s="59" t="s">
        <v>448</v>
      </c>
      <c r="B1307" s="59" t="s">
        <v>28</v>
      </c>
      <c r="C1307" s="59" t="s">
        <v>28</v>
      </c>
      <c r="D1307" s="59" t="s">
        <v>372</v>
      </c>
      <c r="E1307" s="59" t="s">
        <v>378</v>
      </c>
      <c r="F1307" s="59" t="s">
        <v>449</v>
      </c>
      <c r="G1307" s="59" t="s">
        <v>450</v>
      </c>
      <c r="H1307" s="60">
        <v>222</v>
      </c>
      <c r="I1307" s="60">
        <v>240</v>
      </c>
      <c r="J1307" s="61">
        <v>0</v>
      </c>
      <c r="K1307" s="61">
        <v>-968.59</v>
      </c>
    </row>
    <row r="1308" spans="1:11" ht="18.75" hidden="1" customHeight="1" thickBot="1">
      <c r="A1308" s="59" t="s">
        <v>448</v>
      </c>
      <c r="B1308" s="59" t="s">
        <v>28</v>
      </c>
      <c r="C1308" s="59" t="s">
        <v>28</v>
      </c>
      <c r="D1308" s="59" t="s">
        <v>372</v>
      </c>
      <c r="E1308" s="59" t="s">
        <v>378</v>
      </c>
      <c r="F1308" s="59" t="s">
        <v>449</v>
      </c>
      <c r="G1308" s="59" t="s">
        <v>450</v>
      </c>
      <c r="H1308" s="60">
        <v>230</v>
      </c>
      <c r="I1308" s="60">
        <v>211</v>
      </c>
      <c r="J1308" s="61">
        <v>0</v>
      </c>
      <c r="K1308" s="61">
        <v>-9.58</v>
      </c>
    </row>
    <row r="1309" spans="1:11" ht="18.75" hidden="1" customHeight="1" thickBot="1">
      <c r="A1309" s="59" t="s">
        <v>448</v>
      </c>
      <c r="B1309" s="59" t="s">
        <v>28</v>
      </c>
      <c r="C1309" s="59" t="s">
        <v>28</v>
      </c>
      <c r="D1309" s="59" t="s">
        <v>372</v>
      </c>
      <c r="E1309" s="59" t="s">
        <v>378</v>
      </c>
      <c r="F1309" s="59" t="s">
        <v>449</v>
      </c>
      <c r="G1309" s="59" t="s">
        <v>450</v>
      </c>
      <c r="H1309" s="60">
        <v>230</v>
      </c>
      <c r="I1309" s="60">
        <v>215</v>
      </c>
      <c r="J1309" s="61">
        <v>0</v>
      </c>
      <c r="K1309" s="61">
        <v>-64.69</v>
      </c>
    </row>
    <row r="1310" spans="1:11" ht="18.75" hidden="1" customHeight="1" thickBot="1">
      <c r="A1310" s="59" t="s">
        <v>448</v>
      </c>
      <c r="B1310" s="59" t="s">
        <v>28</v>
      </c>
      <c r="C1310" s="59" t="s">
        <v>28</v>
      </c>
      <c r="D1310" s="59" t="s">
        <v>372</v>
      </c>
      <c r="E1310" s="59" t="s">
        <v>378</v>
      </c>
      <c r="F1310" s="59" t="s">
        <v>449</v>
      </c>
      <c r="G1310" s="59" t="s">
        <v>450</v>
      </c>
      <c r="H1310" s="60">
        <v>230</v>
      </c>
      <c r="I1310" s="60">
        <v>244</v>
      </c>
      <c r="J1310" s="61">
        <v>0</v>
      </c>
      <c r="K1310" s="61">
        <v>-766.56</v>
      </c>
    </row>
    <row r="1311" spans="1:11" ht="18.75" hidden="1" customHeight="1" thickBot="1">
      <c r="A1311" s="59" t="s">
        <v>448</v>
      </c>
      <c r="B1311" s="59" t="s">
        <v>28</v>
      </c>
      <c r="C1311" s="59" t="s">
        <v>28</v>
      </c>
      <c r="D1311" s="59" t="s">
        <v>372</v>
      </c>
      <c r="E1311" s="59" t="s">
        <v>378</v>
      </c>
      <c r="F1311" s="59" t="s">
        <v>449</v>
      </c>
      <c r="G1311" s="59" t="s">
        <v>450</v>
      </c>
      <c r="H1311" s="60">
        <v>230</v>
      </c>
      <c r="I1311" s="60">
        <v>330</v>
      </c>
      <c r="J1311" s="61">
        <v>0</v>
      </c>
      <c r="K1311" s="61">
        <v>-3917.71</v>
      </c>
    </row>
    <row r="1312" spans="1:11" ht="18.75" customHeight="1" thickBot="1">
      <c r="A1312" s="59" t="s">
        <v>448</v>
      </c>
      <c r="B1312" s="59" t="s">
        <v>28</v>
      </c>
      <c r="C1312" s="59" t="s">
        <v>28</v>
      </c>
      <c r="D1312" s="59" t="s">
        <v>372</v>
      </c>
      <c r="E1312" s="59" t="s">
        <v>380</v>
      </c>
      <c r="F1312" s="59" t="s">
        <v>449</v>
      </c>
      <c r="G1312" s="59" t="s">
        <v>450</v>
      </c>
      <c r="H1312" s="60">
        <v>0</v>
      </c>
      <c r="I1312" s="60">
        <v>0</v>
      </c>
      <c r="J1312" s="61">
        <v>0</v>
      </c>
      <c r="K1312" s="61">
        <v>633.29</v>
      </c>
    </row>
    <row r="1313" spans="1:11" ht="18.75" customHeight="1" thickBot="1">
      <c r="A1313" s="59" t="s">
        <v>448</v>
      </c>
      <c r="B1313" s="59" t="s">
        <v>28</v>
      </c>
      <c r="C1313" s="59" t="s">
        <v>28</v>
      </c>
      <c r="D1313" s="59" t="s">
        <v>372</v>
      </c>
      <c r="E1313" s="59" t="s">
        <v>380</v>
      </c>
      <c r="F1313" s="59" t="s">
        <v>449</v>
      </c>
      <c r="G1313" s="59" t="s">
        <v>450</v>
      </c>
      <c r="H1313" s="60">
        <v>10</v>
      </c>
      <c r="I1313" s="60">
        <v>15</v>
      </c>
      <c r="J1313" s="61">
        <v>0</v>
      </c>
      <c r="K1313" s="61">
        <v>103.92</v>
      </c>
    </row>
    <row r="1314" spans="1:11" ht="18.75" customHeight="1" thickBot="1">
      <c r="A1314" s="59" t="s">
        <v>448</v>
      </c>
      <c r="B1314" s="59" t="s">
        <v>28</v>
      </c>
      <c r="C1314" s="59" t="s">
        <v>28</v>
      </c>
      <c r="D1314" s="59" t="s">
        <v>372</v>
      </c>
      <c r="E1314" s="59" t="s">
        <v>380</v>
      </c>
      <c r="F1314" s="59" t="s">
        <v>449</v>
      </c>
      <c r="G1314" s="59" t="s">
        <v>450</v>
      </c>
      <c r="H1314" s="60">
        <v>10</v>
      </c>
      <c r="I1314" s="60">
        <v>22</v>
      </c>
      <c r="J1314" s="61">
        <v>0</v>
      </c>
      <c r="K1314" s="61">
        <v>53.01</v>
      </c>
    </row>
    <row r="1315" spans="1:11" ht="18.75" customHeight="1" thickBot="1">
      <c r="A1315" s="59" t="s">
        <v>448</v>
      </c>
      <c r="B1315" s="59" t="s">
        <v>28</v>
      </c>
      <c r="C1315" s="59" t="s">
        <v>28</v>
      </c>
      <c r="D1315" s="59" t="s">
        <v>372</v>
      </c>
      <c r="E1315" s="59" t="s">
        <v>380</v>
      </c>
      <c r="F1315" s="59" t="s">
        <v>449</v>
      </c>
      <c r="G1315" s="59" t="s">
        <v>450</v>
      </c>
      <c r="H1315" s="60">
        <v>10</v>
      </c>
      <c r="I1315" s="60">
        <v>93</v>
      </c>
      <c r="J1315" s="61">
        <v>0</v>
      </c>
      <c r="K1315" s="61">
        <v>5.68</v>
      </c>
    </row>
    <row r="1316" spans="1:11" ht="18.75" customHeight="1" thickBot="1">
      <c r="A1316" s="59" t="s">
        <v>448</v>
      </c>
      <c r="B1316" s="59" t="s">
        <v>28</v>
      </c>
      <c r="C1316" s="59" t="s">
        <v>28</v>
      </c>
      <c r="D1316" s="59" t="s">
        <v>372</v>
      </c>
      <c r="E1316" s="59" t="s">
        <v>380</v>
      </c>
      <c r="F1316" s="59" t="s">
        <v>449</v>
      </c>
      <c r="G1316" s="59" t="s">
        <v>450</v>
      </c>
      <c r="H1316" s="60">
        <v>10</v>
      </c>
      <c r="I1316" s="60">
        <v>94</v>
      </c>
      <c r="J1316" s="61">
        <v>0</v>
      </c>
      <c r="K1316" s="61">
        <v>121.42</v>
      </c>
    </row>
    <row r="1317" spans="1:11" ht="18.75" customHeight="1" thickBot="1">
      <c r="A1317" s="59" t="s">
        <v>448</v>
      </c>
      <c r="B1317" s="59" t="s">
        <v>28</v>
      </c>
      <c r="C1317" s="59" t="s">
        <v>28</v>
      </c>
      <c r="D1317" s="59" t="s">
        <v>372</v>
      </c>
      <c r="E1317" s="59" t="s">
        <v>380</v>
      </c>
      <c r="F1317" s="59" t="s">
        <v>449</v>
      </c>
      <c r="G1317" s="59" t="s">
        <v>450</v>
      </c>
      <c r="H1317" s="60">
        <v>10</v>
      </c>
      <c r="I1317" s="60">
        <v>97</v>
      </c>
      <c r="J1317" s="61">
        <v>0</v>
      </c>
      <c r="K1317" s="61">
        <v>7.9</v>
      </c>
    </row>
    <row r="1318" spans="1:11" ht="18.75" customHeight="1" thickBot="1">
      <c r="A1318" s="59" t="s">
        <v>448</v>
      </c>
      <c r="B1318" s="59" t="s">
        <v>28</v>
      </c>
      <c r="C1318" s="59" t="s">
        <v>28</v>
      </c>
      <c r="D1318" s="59" t="s">
        <v>372</v>
      </c>
      <c r="E1318" s="59" t="s">
        <v>380</v>
      </c>
      <c r="F1318" s="59" t="s">
        <v>449</v>
      </c>
      <c r="G1318" s="59" t="s">
        <v>450</v>
      </c>
      <c r="H1318" s="60">
        <v>10</v>
      </c>
      <c r="I1318" s="60">
        <v>107</v>
      </c>
      <c r="J1318" s="61">
        <v>0</v>
      </c>
      <c r="K1318" s="61">
        <v>6.56</v>
      </c>
    </row>
    <row r="1319" spans="1:11" ht="18.75" customHeight="1" thickBot="1">
      <c r="A1319" s="59" t="s">
        <v>448</v>
      </c>
      <c r="B1319" s="59" t="s">
        <v>28</v>
      </c>
      <c r="C1319" s="59" t="s">
        <v>28</v>
      </c>
      <c r="D1319" s="59" t="s">
        <v>372</v>
      </c>
      <c r="E1319" s="59" t="s">
        <v>380</v>
      </c>
      <c r="F1319" s="59" t="s">
        <v>449</v>
      </c>
      <c r="G1319" s="59" t="s">
        <v>450</v>
      </c>
      <c r="H1319" s="60">
        <v>10</v>
      </c>
      <c r="I1319" s="60">
        <v>109</v>
      </c>
      <c r="J1319" s="61">
        <v>0</v>
      </c>
      <c r="K1319" s="61">
        <v>12.27</v>
      </c>
    </row>
    <row r="1320" spans="1:11" ht="18.75" customHeight="1" thickBot="1">
      <c r="A1320" s="59" t="s">
        <v>448</v>
      </c>
      <c r="B1320" s="59" t="s">
        <v>28</v>
      </c>
      <c r="C1320" s="59" t="s">
        <v>28</v>
      </c>
      <c r="D1320" s="59" t="s">
        <v>372</v>
      </c>
      <c r="E1320" s="59" t="s">
        <v>380</v>
      </c>
      <c r="F1320" s="59" t="s">
        <v>449</v>
      </c>
      <c r="G1320" s="59" t="s">
        <v>450</v>
      </c>
      <c r="H1320" s="60">
        <v>10</v>
      </c>
      <c r="I1320" s="60">
        <v>111</v>
      </c>
      <c r="J1320" s="61">
        <v>0</v>
      </c>
      <c r="K1320" s="61">
        <v>2.0699999999999998</v>
      </c>
    </row>
    <row r="1321" spans="1:11" ht="18.75" customHeight="1" thickBot="1">
      <c r="A1321" s="59" t="s">
        <v>448</v>
      </c>
      <c r="B1321" s="59" t="s">
        <v>28</v>
      </c>
      <c r="C1321" s="59" t="s">
        <v>28</v>
      </c>
      <c r="D1321" s="59" t="s">
        <v>372</v>
      </c>
      <c r="E1321" s="59" t="s">
        <v>380</v>
      </c>
      <c r="F1321" s="59" t="s">
        <v>449</v>
      </c>
      <c r="G1321" s="59" t="s">
        <v>450</v>
      </c>
      <c r="H1321" s="60">
        <v>10</v>
      </c>
      <c r="I1321" s="60">
        <v>113</v>
      </c>
      <c r="J1321" s="61">
        <v>0</v>
      </c>
      <c r="K1321" s="61">
        <v>61.56</v>
      </c>
    </row>
    <row r="1322" spans="1:11" ht="18.75" customHeight="1" thickBot="1">
      <c r="A1322" s="59" t="s">
        <v>448</v>
      </c>
      <c r="B1322" s="59" t="s">
        <v>28</v>
      </c>
      <c r="C1322" s="59" t="s">
        <v>28</v>
      </c>
      <c r="D1322" s="59" t="s">
        <v>372</v>
      </c>
      <c r="E1322" s="59" t="s">
        <v>380</v>
      </c>
      <c r="F1322" s="59" t="s">
        <v>449</v>
      </c>
      <c r="G1322" s="59" t="s">
        <v>450</v>
      </c>
      <c r="H1322" s="60">
        <v>10</v>
      </c>
      <c r="I1322" s="60">
        <v>116</v>
      </c>
      <c r="J1322" s="61">
        <v>0</v>
      </c>
      <c r="K1322" s="61">
        <v>1.59</v>
      </c>
    </row>
    <row r="1323" spans="1:11" ht="18.75" customHeight="1" thickBot="1">
      <c r="A1323" s="59" t="s">
        <v>448</v>
      </c>
      <c r="B1323" s="59" t="s">
        <v>28</v>
      </c>
      <c r="C1323" s="59" t="s">
        <v>28</v>
      </c>
      <c r="D1323" s="59" t="s">
        <v>372</v>
      </c>
      <c r="E1323" s="59" t="s">
        <v>380</v>
      </c>
      <c r="F1323" s="59" t="s">
        <v>449</v>
      </c>
      <c r="G1323" s="59" t="s">
        <v>450</v>
      </c>
      <c r="H1323" s="60">
        <v>10</v>
      </c>
      <c r="I1323" s="60">
        <v>150</v>
      </c>
      <c r="J1323" s="61">
        <v>0</v>
      </c>
      <c r="K1323" s="61">
        <v>29.06</v>
      </c>
    </row>
    <row r="1324" spans="1:11" ht="18.75" customHeight="1" thickBot="1">
      <c r="A1324" s="59" t="s">
        <v>448</v>
      </c>
      <c r="B1324" s="59" t="s">
        <v>28</v>
      </c>
      <c r="C1324" s="59" t="s">
        <v>28</v>
      </c>
      <c r="D1324" s="59" t="s">
        <v>372</v>
      </c>
      <c r="E1324" s="59" t="s">
        <v>380</v>
      </c>
      <c r="F1324" s="59" t="s">
        <v>449</v>
      </c>
      <c r="G1324" s="59" t="s">
        <v>450</v>
      </c>
      <c r="H1324" s="60">
        <v>20</v>
      </c>
      <c r="I1324" s="60">
        <v>11</v>
      </c>
      <c r="J1324" s="61">
        <v>0</v>
      </c>
      <c r="K1324" s="61">
        <v>1.33</v>
      </c>
    </row>
    <row r="1325" spans="1:11" ht="18.75" customHeight="1" thickBot="1">
      <c r="A1325" s="59" t="s">
        <v>448</v>
      </c>
      <c r="B1325" s="59" t="s">
        <v>28</v>
      </c>
      <c r="C1325" s="59" t="s">
        <v>28</v>
      </c>
      <c r="D1325" s="59" t="s">
        <v>372</v>
      </c>
      <c r="E1325" s="59" t="s">
        <v>380</v>
      </c>
      <c r="F1325" s="59" t="s">
        <v>449</v>
      </c>
      <c r="G1325" s="59" t="s">
        <v>450</v>
      </c>
      <c r="H1325" s="60">
        <v>20</v>
      </c>
      <c r="I1325" s="60">
        <v>15</v>
      </c>
      <c r="J1325" s="61">
        <v>0</v>
      </c>
      <c r="K1325" s="61">
        <v>124.22</v>
      </c>
    </row>
    <row r="1326" spans="1:11" ht="18.75" customHeight="1" thickBot="1">
      <c r="A1326" s="59" t="s">
        <v>448</v>
      </c>
      <c r="B1326" s="59" t="s">
        <v>28</v>
      </c>
      <c r="C1326" s="59" t="s">
        <v>28</v>
      </c>
      <c r="D1326" s="59" t="s">
        <v>372</v>
      </c>
      <c r="E1326" s="59" t="s">
        <v>380</v>
      </c>
      <c r="F1326" s="59" t="s">
        <v>449</v>
      </c>
      <c r="G1326" s="59" t="s">
        <v>450</v>
      </c>
      <c r="H1326" s="60">
        <v>20</v>
      </c>
      <c r="I1326" s="60">
        <v>17</v>
      </c>
      <c r="J1326" s="61">
        <v>0</v>
      </c>
      <c r="K1326" s="61">
        <v>1.67</v>
      </c>
    </row>
    <row r="1327" spans="1:11" ht="18.75" customHeight="1" thickBot="1">
      <c r="A1327" s="59" t="s">
        <v>448</v>
      </c>
      <c r="B1327" s="59" t="s">
        <v>28</v>
      </c>
      <c r="C1327" s="59" t="s">
        <v>28</v>
      </c>
      <c r="D1327" s="59" t="s">
        <v>372</v>
      </c>
      <c r="E1327" s="59" t="s">
        <v>380</v>
      </c>
      <c r="F1327" s="59" t="s">
        <v>449</v>
      </c>
      <c r="G1327" s="59" t="s">
        <v>450</v>
      </c>
      <c r="H1327" s="60">
        <v>20</v>
      </c>
      <c r="I1327" s="60">
        <v>22</v>
      </c>
      <c r="J1327" s="61">
        <v>0</v>
      </c>
      <c r="K1327" s="61">
        <v>233.43</v>
      </c>
    </row>
    <row r="1328" spans="1:11" ht="18.75" customHeight="1" thickBot="1">
      <c r="A1328" s="59" t="s">
        <v>448</v>
      </c>
      <c r="B1328" s="59" t="s">
        <v>28</v>
      </c>
      <c r="C1328" s="59" t="s">
        <v>28</v>
      </c>
      <c r="D1328" s="59" t="s">
        <v>372</v>
      </c>
      <c r="E1328" s="59" t="s">
        <v>380</v>
      </c>
      <c r="F1328" s="59" t="s">
        <v>449</v>
      </c>
      <c r="G1328" s="59" t="s">
        <v>450</v>
      </c>
      <c r="H1328" s="60">
        <v>20</v>
      </c>
      <c r="I1328" s="60">
        <v>93</v>
      </c>
      <c r="J1328" s="61">
        <v>0</v>
      </c>
      <c r="K1328" s="61">
        <v>0.83</v>
      </c>
    </row>
    <row r="1329" spans="1:11" ht="18.75" customHeight="1" thickBot="1">
      <c r="A1329" s="59" t="s">
        <v>448</v>
      </c>
      <c r="B1329" s="59" t="s">
        <v>28</v>
      </c>
      <c r="C1329" s="59" t="s">
        <v>28</v>
      </c>
      <c r="D1329" s="59" t="s">
        <v>372</v>
      </c>
      <c r="E1329" s="59" t="s">
        <v>380</v>
      </c>
      <c r="F1329" s="59" t="s">
        <v>449</v>
      </c>
      <c r="G1329" s="59" t="s">
        <v>450</v>
      </c>
      <c r="H1329" s="60">
        <v>20</v>
      </c>
      <c r="I1329" s="60">
        <v>94</v>
      </c>
      <c r="J1329" s="61">
        <v>0</v>
      </c>
      <c r="K1329" s="61">
        <v>66.66</v>
      </c>
    </row>
    <row r="1330" spans="1:11" ht="18.75" customHeight="1" thickBot="1">
      <c r="A1330" s="59" t="s">
        <v>448</v>
      </c>
      <c r="B1330" s="59" t="s">
        <v>28</v>
      </c>
      <c r="C1330" s="59" t="s">
        <v>28</v>
      </c>
      <c r="D1330" s="59" t="s">
        <v>372</v>
      </c>
      <c r="E1330" s="59" t="s">
        <v>380</v>
      </c>
      <c r="F1330" s="59" t="s">
        <v>449</v>
      </c>
      <c r="G1330" s="59" t="s">
        <v>450</v>
      </c>
      <c r="H1330" s="60">
        <v>20</v>
      </c>
      <c r="I1330" s="60">
        <v>97</v>
      </c>
      <c r="J1330" s="61">
        <v>0</v>
      </c>
      <c r="K1330" s="61">
        <v>4.4000000000000004</v>
      </c>
    </row>
    <row r="1331" spans="1:11" ht="18.75" customHeight="1" thickBot="1">
      <c r="A1331" s="59" t="s">
        <v>448</v>
      </c>
      <c r="B1331" s="59" t="s">
        <v>28</v>
      </c>
      <c r="C1331" s="59" t="s">
        <v>28</v>
      </c>
      <c r="D1331" s="59" t="s">
        <v>372</v>
      </c>
      <c r="E1331" s="59" t="s">
        <v>380</v>
      </c>
      <c r="F1331" s="59" t="s">
        <v>449</v>
      </c>
      <c r="G1331" s="59" t="s">
        <v>450</v>
      </c>
      <c r="H1331" s="60">
        <v>20</v>
      </c>
      <c r="I1331" s="60">
        <v>107</v>
      </c>
      <c r="J1331" s="61">
        <v>0</v>
      </c>
      <c r="K1331" s="61">
        <v>3.07</v>
      </c>
    </row>
    <row r="1332" spans="1:11" ht="18.75" customHeight="1" thickBot="1">
      <c r="A1332" s="59" t="s">
        <v>448</v>
      </c>
      <c r="B1332" s="59" t="s">
        <v>28</v>
      </c>
      <c r="C1332" s="59" t="s">
        <v>28</v>
      </c>
      <c r="D1332" s="59" t="s">
        <v>372</v>
      </c>
      <c r="E1332" s="59" t="s">
        <v>380</v>
      </c>
      <c r="F1332" s="59" t="s">
        <v>449</v>
      </c>
      <c r="G1332" s="59" t="s">
        <v>450</v>
      </c>
      <c r="H1332" s="60">
        <v>20</v>
      </c>
      <c r="I1332" s="60">
        <v>109</v>
      </c>
      <c r="J1332" s="61">
        <v>0</v>
      </c>
      <c r="K1332" s="61">
        <v>3.13</v>
      </c>
    </row>
    <row r="1333" spans="1:11" ht="18.75" customHeight="1" thickBot="1">
      <c r="A1333" s="59" t="s">
        <v>448</v>
      </c>
      <c r="B1333" s="59" t="s">
        <v>28</v>
      </c>
      <c r="C1333" s="59" t="s">
        <v>28</v>
      </c>
      <c r="D1333" s="59" t="s">
        <v>372</v>
      </c>
      <c r="E1333" s="59" t="s">
        <v>380</v>
      </c>
      <c r="F1333" s="59" t="s">
        <v>449</v>
      </c>
      <c r="G1333" s="59" t="s">
        <v>450</v>
      </c>
      <c r="H1333" s="60">
        <v>20</v>
      </c>
      <c r="I1333" s="60">
        <v>111</v>
      </c>
      <c r="J1333" s="61">
        <v>0</v>
      </c>
      <c r="K1333" s="61">
        <v>4.26</v>
      </c>
    </row>
    <row r="1334" spans="1:11" ht="18.75" customHeight="1" thickBot="1">
      <c r="A1334" s="59" t="s">
        <v>448</v>
      </c>
      <c r="B1334" s="59" t="s">
        <v>28</v>
      </c>
      <c r="C1334" s="59" t="s">
        <v>28</v>
      </c>
      <c r="D1334" s="59" t="s">
        <v>372</v>
      </c>
      <c r="E1334" s="59" t="s">
        <v>380</v>
      </c>
      <c r="F1334" s="59" t="s">
        <v>449</v>
      </c>
      <c r="G1334" s="59" t="s">
        <v>450</v>
      </c>
      <c r="H1334" s="60">
        <v>20</v>
      </c>
      <c r="I1334" s="60">
        <v>113</v>
      </c>
      <c r="J1334" s="61">
        <v>0</v>
      </c>
      <c r="K1334" s="61">
        <v>71.09</v>
      </c>
    </row>
    <row r="1335" spans="1:11" ht="18.75" customHeight="1" thickBot="1">
      <c r="A1335" s="59" t="s">
        <v>448</v>
      </c>
      <c r="B1335" s="59" t="s">
        <v>28</v>
      </c>
      <c r="C1335" s="59" t="s">
        <v>28</v>
      </c>
      <c r="D1335" s="59" t="s">
        <v>372</v>
      </c>
      <c r="E1335" s="59" t="s">
        <v>380</v>
      </c>
      <c r="F1335" s="59" t="s">
        <v>449</v>
      </c>
      <c r="G1335" s="59" t="s">
        <v>450</v>
      </c>
      <c r="H1335" s="60">
        <v>20</v>
      </c>
      <c r="I1335" s="60">
        <v>150</v>
      </c>
      <c r="J1335" s="61">
        <v>0</v>
      </c>
      <c r="K1335" s="61">
        <v>16.05</v>
      </c>
    </row>
    <row r="1336" spans="1:11" ht="18.75" customHeight="1" thickBot="1">
      <c r="A1336" s="59" t="s">
        <v>448</v>
      </c>
      <c r="B1336" s="59" t="s">
        <v>28</v>
      </c>
      <c r="C1336" s="59" t="s">
        <v>28</v>
      </c>
      <c r="D1336" s="59" t="s">
        <v>372</v>
      </c>
      <c r="E1336" s="59" t="s">
        <v>380</v>
      </c>
      <c r="F1336" s="59" t="s">
        <v>449</v>
      </c>
      <c r="G1336" s="59" t="s">
        <v>450</v>
      </c>
      <c r="H1336" s="60">
        <v>211</v>
      </c>
      <c r="I1336" s="60">
        <v>93</v>
      </c>
      <c r="J1336" s="61">
        <v>0</v>
      </c>
      <c r="K1336" s="61">
        <v>31.47</v>
      </c>
    </row>
    <row r="1337" spans="1:11" ht="18.75" customHeight="1" thickBot="1">
      <c r="A1337" s="59" t="s">
        <v>448</v>
      </c>
      <c r="B1337" s="59" t="s">
        <v>28</v>
      </c>
      <c r="C1337" s="59" t="s">
        <v>28</v>
      </c>
      <c r="D1337" s="59" t="s">
        <v>372</v>
      </c>
      <c r="E1337" s="59" t="s">
        <v>380</v>
      </c>
      <c r="F1337" s="59" t="s">
        <v>449</v>
      </c>
      <c r="G1337" s="59" t="s">
        <v>450</v>
      </c>
      <c r="H1337" s="60">
        <v>211</v>
      </c>
      <c r="I1337" s="60">
        <v>94</v>
      </c>
      <c r="J1337" s="61">
        <v>0</v>
      </c>
      <c r="K1337" s="61">
        <v>115.73</v>
      </c>
    </row>
    <row r="1338" spans="1:11" ht="18.75" customHeight="1" thickBot="1">
      <c r="A1338" s="59" t="s">
        <v>448</v>
      </c>
      <c r="B1338" s="59" t="s">
        <v>28</v>
      </c>
      <c r="C1338" s="59" t="s">
        <v>28</v>
      </c>
      <c r="D1338" s="59" t="s">
        <v>372</v>
      </c>
      <c r="E1338" s="59" t="s">
        <v>380</v>
      </c>
      <c r="F1338" s="59" t="s">
        <v>449</v>
      </c>
      <c r="G1338" s="59" t="s">
        <v>450</v>
      </c>
      <c r="H1338" s="60">
        <v>211</v>
      </c>
      <c r="I1338" s="60">
        <v>95</v>
      </c>
      <c r="J1338" s="61">
        <v>0</v>
      </c>
      <c r="K1338" s="61">
        <v>14.72</v>
      </c>
    </row>
    <row r="1339" spans="1:11" ht="18.75" customHeight="1" thickBot="1">
      <c r="A1339" s="59" t="s">
        <v>448</v>
      </c>
      <c r="B1339" s="59" t="s">
        <v>28</v>
      </c>
      <c r="C1339" s="59" t="s">
        <v>28</v>
      </c>
      <c r="D1339" s="59" t="s">
        <v>372</v>
      </c>
      <c r="E1339" s="59" t="s">
        <v>380</v>
      </c>
      <c r="F1339" s="59" t="s">
        <v>449</v>
      </c>
      <c r="G1339" s="59" t="s">
        <v>450</v>
      </c>
      <c r="H1339" s="60">
        <v>211</v>
      </c>
      <c r="I1339" s="60">
        <v>97</v>
      </c>
      <c r="J1339" s="61">
        <v>0</v>
      </c>
      <c r="K1339" s="61">
        <v>143.72999999999999</v>
      </c>
    </row>
    <row r="1340" spans="1:11" ht="18.75" customHeight="1" thickBot="1">
      <c r="A1340" s="59" t="s">
        <v>448</v>
      </c>
      <c r="B1340" s="59" t="s">
        <v>28</v>
      </c>
      <c r="C1340" s="59" t="s">
        <v>28</v>
      </c>
      <c r="D1340" s="59" t="s">
        <v>372</v>
      </c>
      <c r="E1340" s="59" t="s">
        <v>380</v>
      </c>
      <c r="F1340" s="59" t="s">
        <v>449</v>
      </c>
      <c r="G1340" s="59" t="s">
        <v>450</v>
      </c>
      <c r="H1340" s="60">
        <v>211</v>
      </c>
      <c r="I1340" s="60">
        <v>98</v>
      </c>
      <c r="J1340" s="61">
        <v>0</v>
      </c>
      <c r="K1340" s="61">
        <v>7.91</v>
      </c>
    </row>
    <row r="1341" spans="1:11" ht="18.75" customHeight="1" thickBot="1">
      <c r="A1341" s="59" t="s">
        <v>448</v>
      </c>
      <c r="B1341" s="59" t="s">
        <v>28</v>
      </c>
      <c r="C1341" s="59" t="s">
        <v>28</v>
      </c>
      <c r="D1341" s="59" t="s">
        <v>372</v>
      </c>
      <c r="E1341" s="59" t="s">
        <v>380</v>
      </c>
      <c r="F1341" s="59" t="s">
        <v>449</v>
      </c>
      <c r="G1341" s="59" t="s">
        <v>450</v>
      </c>
      <c r="H1341" s="60">
        <v>211</v>
      </c>
      <c r="I1341" s="60">
        <v>107</v>
      </c>
      <c r="J1341" s="61">
        <v>0</v>
      </c>
      <c r="K1341" s="61">
        <v>100.15</v>
      </c>
    </row>
    <row r="1342" spans="1:11" ht="18.75" customHeight="1" thickBot="1">
      <c r="A1342" s="59" t="s">
        <v>448</v>
      </c>
      <c r="B1342" s="59" t="s">
        <v>28</v>
      </c>
      <c r="C1342" s="59" t="s">
        <v>28</v>
      </c>
      <c r="D1342" s="59" t="s">
        <v>372</v>
      </c>
      <c r="E1342" s="59" t="s">
        <v>380</v>
      </c>
      <c r="F1342" s="59" t="s">
        <v>449</v>
      </c>
      <c r="G1342" s="59" t="s">
        <v>450</v>
      </c>
      <c r="H1342" s="60">
        <v>211</v>
      </c>
      <c r="I1342" s="60">
        <v>109</v>
      </c>
      <c r="J1342" s="61">
        <v>0</v>
      </c>
      <c r="K1342" s="61">
        <v>404.61</v>
      </c>
    </row>
    <row r="1343" spans="1:11" ht="18.75" customHeight="1" thickBot="1">
      <c r="A1343" s="59" t="s">
        <v>448</v>
      </c>
      <c r="B1343" s="59" t="s">
        <v>28</v>
      </c>
      <c r="C1343" s="59" t="s">
        <v>28</v>
      </c>
      <c r="D1343" s="59" t="s">
        <v>372</v>
      </c>
      <c r="E1343" s="59" t="s">
        <v>380</v>
      </c>
      <c r="F1343" s="59" t="s">
        <v>449</v>
      </c>
      <c r="G1343" s="59" t="s">
        <v>450</v>
      </c>
      <c r="H1343" s="60">
        <v>211</v>
      </c>
      <c r="I1343" s="60">
        <v>111</v>
      </c>
      <c r="J1343" s="61">
        <v>0</v>
      </c>
      <c r="K1343" s="61">
        <v>80.08</v>
      </c>
    </row>
    <row r="1344" spans="1:11" ht="18.75" customHeight="1" thickBot="1">
      <c r="A1344" s="59" t="s">
        <v>448</v>
      </c>
      <c r="B1344" s="59" t="s">
        <v>28</v>
      </c>
      <c r="C1344" s="59" t="s">
        <v>28</v>
      </c>
      <c r="D1344" s="59" t="s">
        <v>372</v>
      </c>
      <c r="E1344" s="59" t="s">
        <v>380</v>
      </c>
      <c r="F1344" s="59" t="s">
        <v>449</v>
      </c>
      <c r="G1344" s="59" t="s">
        <v>450</v>
      </c>
      <c r="H1344" s="60">
        <v>211</v>
      </c>
      <c r="I1344" s="60">
        <v>113</v>
      </c>
      <c r="J1344" s="61">
        <v>0</v>
      </c>
      <c r="K1344" s="61">
        <v>143.33000000000001</v>
      </c>
    </row>
    <row r="1345" spans="1:11" ht="18.75" customHeight="1" thickBot="1">
      <c r="A1345" s="59" t="s">
        <v>448</v>
      </c>
      <c r="B1345" s="59" t="s">
        <v>28</v>
      </c>
      <c r="C1345" s="59" t="s">
        <v>28</v>
      </c>
      <c r="D1345" s="59" t="s">
        <v>372</v>
      </c>
      <c r="E1345" s="59" t="s">
        <v>380</v>
      </c>
      <c r="F1345" s="59" t="s">
        <v>449</v>
      </c>
      <c r="G1345" s="59" t="s">
        <v>450</v>
      </c>
      <c r="H1345" s="60">
        <v>211</v>
      </c>
      <c r="I1345" s="60">
        <v>116</v>
      </c>
      <c r="J1345" s="61">
        <v>0</v>
      </c>
      <c r="K1345" s="61">
        <v>100.85</v>
      </c>
    </row>
    <row r="1346" spans="1:11" ht="18.75" customHeight="1" thickBot="1">
      <c r="A1346" s="59" t="s">
        <v>448</v>
      </c>
      <c r="B1346" s="59" t="s">
        <v>28</v>
      </c>
      <c r="C1346" s="59" t="s">
        <v>28</v>
      </c>
      <c r="D1346" s="59" t="s">
        <v>372</v>
      </c>
      <c r="E1346" s="59" t="s">
        <v>380</v>
      </c>
      <c r="F1346" s="59" t="s">
        <v>449</v>
      </c>
      <c r="G1346" s="59" t="s">
        <v>450</v>
      </c>
      <c r="H1346" s="60">
        <v>211</v>
      </c>
      <c r="I1346" s="60">
        <v>122</v>
      </c>
      <c r="J1346" s="61">
        <v>0</v>
      </c>
      <c r="K1346" s="61">
        <v>17.12</v>
      </c>
    </row>
    <row r="1347" spans="1:11" ht="18.75" customHeight="1" thickBot="1">
      <c r="A1347" s="59" t="s">
        <v>448</v>
      </c>
      <c r="B1347" s="59" t="s">
        <v>28</v>
      </c>
      <c r="C1347" s="59" t="s">
        <v>28</v>
      </c>
      <c r="D1347" s="59" t="s">
        <v>372</v>
      </c>
      <c r="E1347" s="59" t="s">
        <v>380</v>
      </c>
      <c r="F1347" s="59" t="s">
        <v>449</v>
      </c>
      <c r="G1347" s="59" t="s">
        <v>450</v>
      </c>
      <c r="H1347" s="60">
        <v>211</v>
      </c>
      <c r="I1347" s="60">
        <v>150</v>
      </c>
      <c r="J1347" s="61">
        <v>0</v>
      </c>
      <c r="K1347" s="61">
        <v>28.72</v>
      </c>
    </row>
    <row r="1348" spans="1:11" ht="18.75" customHeight="1" thickBot="1">
      <c r="A1348" s="59" t="s">
        <v>448</v>
      </c>
      <c r="B1348" s="59" t="s">
        <v>28</v>
      </c>
      <c r="C1348" s="59" t="s">
        <v>28</v>
      </c>
      <c r="D1348" s="59" t="s">
        <v>372</v>
      </c>
      <c r="E1348" s="59" t="s">
        <v>380</v>
      </c>
      <c r="F1348" s="59" t="s">
        <v>449</v>
      </c>
      <c r="G1348" s="59" t="s">
        <v>450</v>
      </c>
      <c r="H1348" s="60">
        <v>211</v>
      </c>
      <c r="I1348" s="60">
        <v>166</v>
      </c>
      <c r="J1348" s="61">
        <v>0</v>
      </c>
      <c r="K1348" s="61">
        <v>8.7100000000000009</v>
      </c>
    </row>
    <row r="1349" spans="1:11" ht="18.75" customHeight="1" thickBot="1">
      <c r="A1349" s="59" t="s">
        <v>448</v>
      </c>
      <c r="B1349" s="59" t="s">
        <v>28</v>
      </c>
      <c r="C1349" s="59" t="s">
        <v>28</v>
      </c>
      <c r="D1349" s="59" t="s">
        <v>372</v>
      </c>
      <c r="E1349" s="59" t="s">
        <v>380</v>
      </c>
      <c r="F1349" s="59" t="s">
        <v>449</v>
      </c>
      <c r="G1349" s="59" t="s">
        <v>450</v>
      </c>
      <c r="H1349" s="60">
        <v>211</v>
      </c>
      <c r="I1349" s="60">
        <v>204</v>
      </c>
      <c r="J1349" s="61">
        <v>0</v>
      </c>
      <c r="K1349" s="61">
        <v>152.85</v>
      </c>
    </row>
    <row r="1350" spans="1:11" ht="18.75" customHeight="1" thickBot="1">
      <c r="A1350" s="59" t="s">
        <v>448</v>
      </c>
      <c r="B1350" s="59" t="s">
        <v>28</v>
      </c>
      <c r="C1350" s="59" t="s">
        <v>28</v>
      </c>
      <c r="D1350" s="59" t="s">
        <v>372</v>
      </c>
      <c r="E1350" s="59" t="s">
        <v>380</v>
      </c>
      <c r="F1350" s="59" t="s">
        <v>449</v>
      </c>
      <c r="G1350" s="59" t="s">
        <v>450</v>
      </c>
      <c r="H1350" s="60">
        <v>211</v>
      </c>
      <c r="I1350" s="60">
        <v>211</v>
      </c>
      <c r="J1350" s="61">
        <v>0</v>
      </c>
      <c r="K1350" s="61">
        <v>22645.65</v>
      </c>
    </row>
    <row r="1351" spans="1:11" ht="18.75" customHeight="1" thickBot="1">
      <c r="A1351" s="59" t="s">
        <v>448</v>
      </c>
      <c r="B1351" s="59" t="s">
        <v>28</v>
      </c>
      <c r="C1351" s="59" t="s">
        <v>28</v>
      </c>
      <c r="D1351" s="59" t="s">
        <v>372</v>
      </c>
      <c r="E1351" s="59" t="s">
        <v>380</v>
      </c>
      <c r="F1351" s="59" t="s">
        <v>449</v>
      </c>
      <c r="G1351" s="59" t="s">
        <v>450</v>
      </c>
      <c r="H1351" s="60">
        <v>211</v>
      </c>
      <c r="I1351" s="60">
        <v>212</v>
      </c>
      <c r="J1351" s="61">
        <v>0</v>
      </c>
      <c r="K1351" s="61">
        <v>3.96</v>
      </c>
    </row>
    <row r="1352" spans="1:11" ht="18.75" customHeight="1" thickBot="1">
      <c r="A1352" s="59" t="s">
        <v>448</v>
      </c>
      <c r="B1352" s="59" t="s">
        <v>28</v>
      </c>
      <c r="C1352" s="59" t="s">
        <v>28</v>
      </c>
      <c r="D1352" s="59" t="s">
        <v>372</v>
      </c>
      <c r="E1352" s="59" t="s">
        <v>380</v>
      </c>
      <c r="F1352" s="59" t="s">
        <v>449</v>
      </c>
      <c r="G1352" s="59" t="s">
        <v>450</v>
      </c>
      <c r="H1352" s="60">
        <v>211</v>
      </c>
      <c r="I1352" s="60">
        <v>213</v>
      </c>
      <c r="J1352" s="61">
        <v>0</v>
      </c>
      <c r="K1352" s="61">
        <v>101.38</v>
      </c>
    </row>
    <row r="1353" spans="1:11" ht="18.75" customHeight="1" thickBot="1">
      <c r="A1353" s="59" t="s">
        <v>448</v>
      </c>
      <c r="B1353" s="59" t="s">
        <v>28</v>
      </c>
      <c r="C1353" s="59" t="s">
        <v>28</v>
      </c>
      <c r="D1353" s="59" t="s">
        <v>372</v>
      </c>
      <c r="E1353" s="59" t="s">
        <v>380</v>
      </c>
      <c r="F1353" s="59" t="s">
        <v>449</v>
      </c>
      <c r="G1353" s="59" t="s">
        <v>450</v>
      </c>
      <c r="H1353" s="60">
        <v>211</v>
      </c>
      <c r="I1353" s="60">
        <v>214</v>
      </c>
      <c r="J1353" s="61">
        <v>0</v>
      </c>
      <c r="K1353" s="61">
        <v>6.67</v>
      </c>
    </row>
    <row r="1354" spans="1:11" ht="18.75" customHeight="1" thickBot="1">
      <c r="A1354" s="59" t="s">
        <v>448</v>
      </c>
      <c r="B1354" s="59" t="s">
        <v>28</v>
      </c>
      <c r="C1354" s="59" t="s">
        <v>28</v>
      </c>
      <c r="D1354" s="59" t="s">
        <v>372</v>
      </c>
      <c r="E1354" s="59" t="s">
        <v>380</v>
      </c>
      <c r="F1354" s="59" t="s">
        <v>449</v>
      </c>
      <c r="G1354" s="59" t="s">
        <v>450</v>
      </c>
      <c r="H1354" s="60">
        <v>211</v>
      </c>
      <c r="I1354" s="60">
        <v>215</v>
      </c>
      <c r="J1354" s="61">
        <v>0</v>
      </c>
      <c r="K1354" s="61">
        <v>29800.560000000001</v>
      </c>
    </row>
    <row r="1355" spans="1:11" ht="18.75" customHeight="1" thickBot="1">
      <c r="A1355" s="59" t="s">
        <v>448</v>
      </c>
      <c r="B1355" s="59" t="s">
        <v>28</v>
      </c>
      <c r="C1355" s="59" t="s">
        <v>28</v>
      </c>
      <c r="D1355" s="59" t="s">
        <v>372</v>
      </c>
      <c r="E1355" s="59" t="s">
        <v>380</v>
      </c>
      <c r="F1355" s="59" t="s">
        <v>449</v>
      </c>
      <c r="G1355" s="59" t="s">
        <v>450</v>
      </c>
      <c r="H1355" s="60">
        <v>211</v>
      </c>
      <c r="I1355" s="60">
        <v>217</v>
      </c>
      <c r="J1355" s="61">
        <v>0</v>
      </c>
      <c r="K1355" s="61">
        <v>71.77</v>
      </c>
    </row>
    <row r="1356" spans="1:11" ht="18.75" customHeight="1" thickBot="1">
      <c r="A1356" s="59" t="s">
        <v>448</v>
      </c>
      <c r="B1356" s="59" t="s">
        <v>28</v>
      </c>
      <c r="C1356" s="59" t="s">
        <v>28</v>
      </c>
      <c r="D1356" s="59" t="s">
        <v>372</v>
      </c>
      <c r="E1356" s="59" t="s">
        <v>380</v>
      </c>
      <c r="F1356" s="59" t="s">
        <v>449</v>
      </c>
      <c r="G1356" s="59" t="s">
        <v>450</v>
      </c>
      <c r="H1356" s="60">
        <v>211</v>
      </c>
      <c r="I1356" s="60">
        <v>223</v>
      </c>
      <c r="J1356" s="61">
        <v>0</v>
      </c>
      <c r="K1356" s="61">
        <v>73.8</v>
      </c>
    </row>
    <row r="1357" spans="1:11" ht="18.75" customHeight="1" thickBot="1">
      <c r="A1357" s="59" t="s">
        <v>448</v>
      </c>
      <c r="B1357" s="59" t="s">
        <v>28</v>
      </c>
      <c r="C1357" s="59" t="s">
        <v>28</v>
      </c>
      <c r="D1357" s="59" t="s">
        <v>372</v>
      </c>
      <c r="E1357" s="59" t="s">
        <v>380</v>
      </c>
      <c r="F1357" s="59" t="s">
        <v>449</v>
      </c>
      <c r="G1357" s="59" t="s">
        <v>450</v>
      </c>
      <c r="H1357" s="60">
        <v>211</v>
      </c>
      <c r="I1357" s="60">
        <v>225</v>
      </c>
      <c r="J1357" s="61">
        <v>0</v>
      </c>
      <c r="K1357" s="61">
        <v>11.67</v>
      </c>
    </row>
    <row r="1358" spans="1:11" ht="18.75" customHeight="1" thickBot="1">
      <c r="A1358" s="59" t="s">
        <v>448</v>
      </c>
      <c r="B1358" s="59" t="s">
        <v>28</v>
      </c>
      <c r="C1358" s="59" t="s">
        <v>28</v>
      </c>
      <c r="D1358" s="59" t="s">
        <v>372</v>
      </c>
      <c r="E1358" s="59" t="s">
        <v>380</v>
      </c>
      <c r="F1358" s="59" t="s">
        <v>449</v>
      </c>
      <c r="G1358" s="59" t="s">
        <v>450</v>
      </c>
      <c r="H1358" s="60">
        <v>211</v>
      </c>
      <c r="I1358" s="60">
        <v>227</v>
      </c>
      <c r="J1358" s="61">
        <v>0</v>
      </c>
      <c r="K1358" s="61">
        <v>374.75</v>
      </c>
    </row>
    <row r="1359" spans="1:11" ht="18.75" customHeight="1" thickBot="1">
      <c r="A1359" s="59" t="s">
        <v>448</v>
      </c>
      <c r="B1359" s="59" t="s">
        <v>28</v>
      </c>
      <c r="C1359" s="59" t="s">
        <v>28</v>
      </c>
      <c r="D1359" s="59" t="s">
        <v>372</v>
      </c>
      <c r="E1359" s="59" t="s">
        <v>380</v>
      </c>
      <c r="F1359" s="59" t="s">
        <v>449</v>
      </c>
      <c r="G1359" s="59" t="s">
        <v>450</v>
      </c>
      <c r="H1359" s="60">
        <v>211</v>
      </c>
      <c r="I1359" s="60">
        <v>229</v>
      </c>
      <c r="J1359" s="61">
        <v>0</v>
      </c>
      <c r="K1359" s="61">
        <v>141.32</v>
      </c>
    </row>
    <row r="1360" spans="1:11" ht="18.75" customHeight="1" thickBot="1">
      <c r="A1360" s="59" t="s">
        <v>448</v>
      </c>
      <c r="B1360" s="59" t="s">
        <v>28</v>
      </c>
      <c r="C1360" s="59" t="s">
        <v>28</v>
      </c>
      <c r="D1360" s="59" t="s">
        <v>372</v>
      </c>
      <c r="E1360" s="59" t="s">
        <v>380</v>
      </c>
      <c r="F1360" s="59" t="s">
        <v>449</v>
      </c>
      <c r="G1360" s="59" t="s">
        <v>450</v>
      </c>
      <c r="H1360" s="60">
        <v>211</v>
      </c>
      <c r="I1360" s="60">
        <v>240</v>
      </c>
      <c r="J1360" s="61">
        <v>0</v>
      </c>
      <c r="K1360" s="61">
        <v>12000.07</v>
      </c>
    </row>
    <row r="1361" spans="1:11" ht="18.75" customHeight="1" thickBot="1">
      <c r="A1361" s="59" t="s">
        <v>448</v>
      </c>
      <c r="B1361" s="59" t="s">
        <v>28</v>
      </c>
      <c r="C1361" s="59" t="s">
        <v>28</v>
      </c>
      <c r="D1361" s="59" t="s">
        <v>372</v>
      </c>
      <c r="E1361" s="59" t="s">
        <v>380</v>
      </c>
      <c r="F1361" s="59" t="s">
        <v>449</v>
      </c>
      <c r="G1361" s="59" t="s">
        <v>450</v>
      </c>
      <c r="H1361" s="60">
        <v>211</v>
      </c>
      <c r="I1361" s="60">
        <v>244</v>
      </c>
      <c r="J1361" s="61">
        <v>0</v>
      </c>
      <c r="K1361" s="61">
        <v>757.22</v>
      </c>
    </row>
    <row r="1362" spans="1:11" ht="18.75" customHeight="1" thickBot="1">
      <c r="A1362" s="59" t="s">
        <v>448</v>
      </c>
      <c r="B1362" s="59" t="s">
        <v>28</v>
      </c>
      <c r="C1362" s="59" t="s">
        <v>28</v>
      </c>
      <c r="D1362" s="59" t="s">
        <v>372</v>
      </c>
      <c r="E1362" s="59" t="s">
        <v>380</v>
      </c>
      <c r="F1362" s="59" t="s">
        <v>449</v>
      </c>
      <c r="G1362" s="59" t="s">
        <v>450</v>
      </c>
      <c r="H1362" s="60">
        <v>211</v>
      </c>
      <c r="I1362" s="60">
        <v>248</v>
      </c>
      <c r="J1362" s="61">
        <v>0</v>
      </c>
      <c r="K1362" s="61">
        <v>347.07</v>
      </c>
    </row>
    <row r="1363" spans="1:11" ht="18.75" customHeight="1" thickBot="1">
      <c r="A1363" s="59" t="s">
        <v>448</v>
      </c>
      <c r="B1363" s="59" t="s">
        <v>28</v>
      </c>
      <c r="C1363" s="59" t="s">
        <v>28</v>
      </c>
      <c r="D1363" s="59" t="s">
        <v>372</v>
      </c>
      <c r="E1363" s="59" t="s">
        <v>380</v>
      </c>
      <c r="F1363" s="59" t="s">
        <v>449</v>
      </c>
      <c r="G1363" s="59" t="s">
        <v>450</v>
      </c>
      <c r="H1363" s="60">
        <v>211</v>
      </c>
      <c r="I1363" s="60">
        <v>359</v>
      </c>
      <c r="J1363" s="61">
        <v>0</v>
      </c>
      <c r="K1363" s="61">
        <v>34554.81</v>
      </c>
    </row>
    <row r="1364" spans="1:11" ht="18.75" customHeight="1" thickBot="1">
      <c r="A1364" s="59" t="s">
        <v>448</v>
      </c>
      <c r="B1364" s="59" t="s">
        <v>28</v>
      </c>
      <c r="C1364" s="59" t="s">
        <v>28</v>
      </c>
      <c r="D1364" s="59" t="s">
        <v>372</v>
      </c>
      <c r="E1364" s="59" t="s">
        <v>380</v>
      </c>
      <c r="F1364" s="59" t="s">
        <v>449</v>
      </c>
      <c r="G1364" s="59" t="s">
        <v>450</v>
      </c>
      <c r="H1364" s="60">
        <v>212</v>
      </c>
      <c r="I1364" s="60">
        <v>94</v>
      </c>
      <c r="J1364" s="61">
        <v>0</v>
      </c>
      <c r="K1364" s="61">
        <v>23.23</v>
      </c>
    </row>
    <row r="1365" spans="1:11" ht="18.75" customHeight="1" thickBot="1">
      <c r="A1365" s="59" t="s">
        <v>448</v>
      </c>
      <c r="B1365" s="59" t="s">
        <v>28</v>
      </c>
      <c r="C1365" s="59" t="s">
        <v>28</v>
      </c>
      <c r="D1365" s="59" t="s">
        <v>372</v>
      </c>
      <c r="E1365" s="59" t="s">
        <v>380</v>
      </c>
      <c r="F1365" s="59" t="s">
        <v>449</v>
      </c>
      <c r="G1365" s="59" t="s">
        <v>450</v>
      </c>
      <c r="H1365" s="60">
        <v>212</v>
      </c>
      <c r="I1365" s="60">
        <v>97</v>
      </c>
      <c r="J1365" s="61">
        <v>0</v>
      </c>
      <c r="K1365" s="61">
        <v>11.74</v>
      </c>
    </row>
    <row r="1366" spans="1:11" ht="18.75" customHeight="1" thickBot="1">
      <c r="A1366" s="59" t="s">
        <v>448</v>
      </c>
      <c r="B1366" s="59" t="s">
        <v>28</v>
      </c>
      <c r="C1366" s="59" t="s">
        <v>28</v>
      </c>
      <c r="D1366" s="59" t="s">
        <v>372</v>
      </c>
      <c r="E1366" s="59" t="s">
        <v>380</v>
      </c>
      <c r="F1366" s="59" t="s">
        <v>449</v>
      </c>
      <c r="G1366" s="59" t="s">
        <v>450</v>
      </c>
      <c r="H1366" s="60">
        <v>212</v>
      </c>
      <c r="I1366" s="60">
        <v>98</v>
      </c>
      <c r="J1366" s="61">
        <v>0</v>
      </c>
      <c r="K1366" s="61">
        <v>20.47</v>
      </c>
    </row>
    <row r="1367" spans="1:11" ht="18.75" customHeight="1" thickBot="1">
      <c r="A1367" s="59" t="s">
        <v>448</v>
      </c>
      <c r="B1367" s="59" t="s">
        <v>28</v>
      </c>
      <c r="C1367" s="59" t="s">
        <v>28</v>
      </c>
      <c r="D1367" s="59" t="s">
        <v>372</v>
      </c>
      <c r="E1367" s="59" t="s">
        <v>380</v>
      </c>
      <c r="F1367" s="59" t="s">
        <v>449</v>
      </c>
      <c r="G1367" s="59" t="s">
        <v>450</v>
      </c>
      <c r="H1367" s="60">
        <v>212</v>
      </c>
      <c r="I1367" s="60">
        <v>107</v>
      </c>
      <c r="J1367" s="61">
        <v>0</v>
      </c>
      <c r="K1367" s="61">
        <v>9.6</v>
      </c>
    </row>
    <row r="1368" spans="1:11" ht="18.75" customHeight="1" thickBot="1">
      <c r="A1368" s="59" t="s">
        <v>448</v>
      </c>
      <c r="B1368" s="59" t="s">
        <v>28</v>
      </c>
      <c r="C1368" s="59" t="s">
        <v>28</v>
      </c>
      <c r="D1368" s="59" t="s">
        <v>372</v>
      </c>
      <c r="E1368" s="59" t="s">
        <v>380</v>
      </c>
      <c r="F1368" s="59" t="s">
        <v>449</v>
      </c>
      <c r="G1368" s="59" t="s">
        <v>450</v>
      </c>
      <c r="H1368" s="60">
        <v>212</v>
      </c>
      <c r="I1368" s="60">
        <v>109</v>
      </c>
      <c r="J1368" s="61">
        <v>0</v>
      </c>
      <c r="K1368" s="61">
        <v>161.96</v>
      </c>
    </row>
    <row r="1369" spans="1:11" ht="18.75" customHeight="1" thickBot="1">
      <c r="A1369" s="59" t="s">
        <v>448</v>
      </c>
      <c r="B1369" s="59" t="s">
        <v>28</v>
      </c>
      <c r="C1369" s="59" t="s">
        <v>28</v>
      </c>
      <c r="D1369" s="59" t="s">
        <v>372</v>
      </c>
      <c r="E1369" s="59" t="s">
        <v>380</v>
      </c>
      <c r="F1369" s="59" t="s">
        <v>449</v>
      </c>
      <c r="G1369" s="59" t="s">
        <v>450</v>
      </c>
      <c r="H1369" s="60">
        <v>212</v>
      </c>
      <c r="I1369" s="60">
        <v>113</v>
      </c>
      <c r="J1369" s="61">
        <v>0</v>
      </c>
      <c r="K1369" s="61">
        <v>12.58</v>
      </c>
    </row>
    <row r="1370" spans="1:11" ht="18.75" customHeight="1" thickBot="1">
      <c r="A1370" s="59" t="s">
        <v>448</v>
      </c>
      <c r="B1370" s="59" t="s">
        <v>28</v>
      </c>
      <c r="C1370" s="59" t="s">
        <v>28</v>
      </c>
      <c r="D1370" s="59" t="s">
        <v>372</v>
      </c>
      <c r="E1370" s="59" t="s">
        <v>380</v>
      </c>
      <c r="F1370" s="59" t="s">
        <v>449</v>
      </c>
      <c r="G1370" s="59" t="s">
        <v>450</v>
      </c>
      <c r="H1370" s="60">
        <v>212</v>
      </c>
      <c r="I1370" s="60">
        <v>116</v>
      </c>
      <c r="J1370" s="61">
        <v>0</v>
      </c>
      <c r="K1370" s="61">
        <v>3.87</v>
      </c>
    </row>
    <row r="1371" spans="1:11" ht="18.75" customHeight="1" thickBot="1">
      <c r="A1371" s="59" t="s">
        <v>448</v>
      </c>
      <c r="B1371" s="59" t="s">
        <v>28</v>
      </c>
      <c r="C1371" s="59" t="s">
        <v>28</v>
      </c>
      <c r="D1371" s="59" t="s">
        <v>372</v>
      </c>
      <c r="E1371" s="59" t="s">
        <v>380</v>
      </c>
      <c r="F1371" s="59" t="s">
        <v>449</v>
      </c>
      <c r="G1371" s="59" t="s">
        <v>450</v>
      </c>
      <c r="H1371" s="60">
        <v>212</v>
      </c>
      <c r="I1371" s="60">
        <v>150</v>
      </c>
      <c r="J1371" s="61">
        <v>0</v>
      </c>
      <c r="K1371" s="61">
        <v>2.83</v>
      </c>
    </row>
    <row r="1372" spans="1:11" ht="18.75" customHeight="1" thickBot="1">
      <c r="A1372" s="59" t="s">
        <v>448</v>
      </c>
      <c r="B1372" s="59" t="s">
        <v>28</v>
      </c>
      <c r="C1372" s="59" t="s">
        <v>28</v>
      </c>
      <c r="D1372" s="59" t="s">
        <v>372</v>
      </c>
      <c r="E1372" s="59" t="s">
        <v>380</v>
      </c>
      <c r="F1372" s="59" t="s">
        <v>449</v>
      </c>
      <c r="G1372" s="59" t="s">
        <v>450</v>
      </c>
      <c r="H1372" s="60">
        <v>212</v>
      </c>
      <c r="I1372" s="60">
        <v>211</v>
      </c>
      <c r="J1372" s="61">
        <v>0</v>
      </c>
      <c r="K1372" s="61">
        <v>4939.8100000000004</v>
      </c>
    </row>
    <row r="1373" spans="1:11" ht="18.75" customHeight="1" thickBot="1">
      <c r="A1373" s="59" t="s">
        <v>448</v>
      </c>
      <c r="B1373" s="59" t="s">
        <v>28</v>
      </c>
      <c r="C1373" s="59" t="s">
        <v>28</v>
      </c>
      <c r="D1373" s="59" t="s">
        <v>372</v>
      </c>
      <c r="E1373" s="59" t="s">
        <v>380</v>
      </c>
      <c r="F1373" s="59" t="s">
        <v>449</v>
      </c>
      <c r="G1373" s="59" t="s">
        <v>450</v>
      </c>
      <c r="H1373" s="60">
        <v>212</v>
      </c>
      <c r="I1373" s="60">
        <v>215</v>
      </c>
      <c r="J1373" s="61">
        <v>0</v>
      </c>
      <c r="K1373" s="61">
        <v>16022.15</v>
      </c>
    </row>
    <row r="1374" spans="1:11" ht="18.75" customHeight="1" thickBot="1">
      <c r="A1374" s="59" t="s">
        <v>448</v>
      </c>
      <c r="B1374" s="59" t="s">
        <v>28</v>
      </c>
      <c r="C1374" s="59" t="s">
        <v>28</v>
      </c>
      <c r="D1374" s="59" t="s">
        <v>372</v>
      </c>
      <c r="E1374" s="59" t="s">
        <v>380</v>
      </c>
      <c r="F1374" s="59" t="s">
        <v>449</v>
      </c>
      <c r="G1374" s="59" t="s">
        <v>450</v>
      </c>
      <c r="H1374" s="60">
        <v>212</v>
      </c>
      <c r="I1374" s="60">
        <v>223</v>
      </c>
      <c r="J1374" s="61">
        <v>0</v>
      </c>
      <c r="K1374" s="61">
        <v>40.06</v>
      </c>
    </row>
    <row r="1375" spans="1:11" ht="18.75" customHeight="1" thickBot="1">
      <c r="A1375" s="59" t="s">
        <v>448</v>
      </c>
      <c r="B1375" s="59" t="s">
        <v>28</v>
      </c>
      <c r="C1375" s="59" t="s">
        <v>28</v>
      </c>
      <c r="D1375" s="59" t="s">
        <v>372</v>
      </c>
      <c r="E1375" s="59" t="s">
        <v>380</v>
      </c>
      <c r="F1375" s="59" t="s">
        <v>449</v>
      </c>
      <c r="G1375" s="59" t="s">
        <v>450</v>
      </c>
      <c r="H1375" s="60">
        <v>212</v>
      </c>
      <c r="I1375" s="60">
        <v>225</v>
      </c>
      <c r="J1375" s="61">
        <v>0</v>
      </c>
      <c r="K1375" s="61">
        <v>180.69</v>
      </c>
    </row>
    <row r="1376" spans="1:11" ht="18.75" customHeight="1" thickBot="1">
      <c r="A1376" s="59" t="s">
        <v>448</v>
      </c>
      <c r="B1376" s="59" t="s">
        <v>28</v>
      </c>
      <c r="C1376" s="59" t="s">
        <v>28</v>
      </c>
      <c r="D1376" s="59" t="s">
        <v>372</v>
      </c>
      <c r="E1376" s="59" t="s">
        <v>380</v>
      </c>
      <c r="F1376" s="59" t="s">
        <v>449</v>
      </c>
      <c r="G1376" s="59" t="s">
        <v>450</v>
      </c>
      <c r="H1376" s="60">
        <v>212</v>
      </c>
      <c r="I1376" s="60">
        <v>227</v>
      </c>
      <c r="J1376" s="61">
        <v>0</v>
      </c>
      <c r="K1376" s="61">
        <v>119.29</v>
      </c>
    </row>
    <row r="1377" spans="1:11" ht="18.75" customHeight="1" thickBot="1">
      <c r="A1377" s="59" t="s">
        <v>448</v>
      </c>
      <c r="B1377" s="59" t="s">
        <v>28</v>
      </c>
      <c r="C1377" s="59" t="s">
        <v>28</v>
      </c>
      <c r="D1377" s="59" t="s">
        <v>372</v>
      </c>
      <c r="E1377" s="59" t="s">
        <v>380</v>
      </c>
      <c r="F1377" s="59" t="s">
        <v>449</v>
      </c>
      <c r="G1377" s="59" t="s">
        <v>450</v>
      </c>
      <c r="H1377" s="60">
        <v>212</v>
      </c>
      <c r="I1377" s="60">
        <v>229</v>
      </c>
      <c r="J1377" s="61">
        <v>0</v>
      </c>
      <c r="K1377" s="61">
        <v>114.85</v>
      </c>
    </row>
    <row r="1378" spans="1:11" ht="18.75" customHeight="1" thickBot="1">
      <c r="A1378" s="59" t="s">
        <v>448</v>
      </c>
      <c r="B1378" s="59" t="s">
        <v>28</v>
      </c>
      <c r="C1378" s="59" t="s">
        <v>28</v>
      </c>
      <c r="D1378" s="59" t="s">
        <v>372</v>
      </c>
      <c r="E1378" s="59" t="s">
        <v>380</v>
      </c>
      <c r="F1378" s="59" t="s">
        <v>449</v>
      </c>
      <c r="G1378" s="59" t="s">
        <v>450</v>
      </c>
      <c r="H1378" s="60">
        <v>212</v>
      </c>
      <c r="I1378" s="60">
        <v>240</v>
      </c>
      <c r="J1378" s="61">
        <v>0</v>
      </c>
      <c r="K1378" s="61">
        <v>6044.14</v>
      </c>
    </row>
    <row r="1379" spans="1:11" ht="18.75" customHeight="1" thickBot="1">
      <c r="A1379" s="59" t="s">
        <v>448</v>
      </c>
      <c r="B1379" s="59" t="s">
        <v>28</v>
      </c>
      <c r="C1379" s="59" t="s">
        <v>28</v>
      </c>
      <c r="D1379" s="59" t="s">
        <v>372</v>
      </c>
      <c r="E1379" s="59" t="s">
        <v>380</v>
      </c>
      <c r="F1379" s="59" t="s">
        <v>449</v>
      </c>
      <c r="G1379" s="59" t="s">
        <v>450</v>
      </c>
      <c r="H1379" s="60">
        <v>212</v>
      </c>
      <c r="I1379" s="60">
        <v>244</v>
      </c>
      <c r="J1379" s="61">
        <v>0</v>
      </c>
      <c r="K1379" s="61">
        <v>984.9</v>
      </c>
    </row>
    <row r="1380" spans="1:11" ht="18.75" customHeight="1" thickBot="1">
      <c r="A1380" s="59" t="s">
        <v>448</v>
      </c>
      <c r="B1380" s="59" t="s">
        <v>28</v>
      </c>
      <c r="C1380" s="59" t="s">
        <v>28</v>
      </c>
      <c r="D1380" s="59" t="s">
        <v>372</v>
      </c>
      <c r="E1380" s="59" t="s">
        <v>380</v>
      </c>
      <c r="F1380" s="59" t="s">
        <v>449</v>
      </c>
      <c r="G1380" s="59" t="s">
        <v>450</v>
      </c>
      <c r="H1380" s="60">
        <v>212</v>
      </c>
      <c r="I1380" s="60">
        <v>248</v>
      </c>
      <c r="J1380" s="61">
        <v>0</v>
      </c>
      <c r="K1380" s="61">
        <v>1087.99</v>
      </c>
    </row>
    <row r="1381" spans="1:11" ht="18.75" customHeight="1" thickBot="1">
      <c r="A1381" s="59" t="s">
        <v>448</v>
      </c>
      <c r="B1381" s="59" t="s">
        <v>28</v>
      </c>
      <c r="C1381" s="59" t="s">
        <v>28</v>
      </c>
      <c r="D1381" s="59" t="s">
        <v>372</v>
      </c>
      <c r="E1381" s="59" t="s">
        <v>380</v>
      </c>
      <c r="F1381" s="59" t="s">
        <v>449</v>
      </c>
      <c r="G1381" s="59" t="s">
        <v>450</v>
      </c>
      <c r="H1381" s="60">
        <v>212</v>
      </c>
      <c r="I1381" s="60">
        <v>251</v>
      </c>
      <c r="J1381" s="61">
        <v>0</v>
      </c>
      <c r="K1381" s="61">
        <v>415.31</v>
      </c>
    </row>
    <row r="1382" spans="1:11" ht="18.75" customHeight="1" thickBot="1">
      <c r="A1382" s="59" t="s">
        <v>448</v>
      </c>
      <c r="B1382" s="59" t="s">
        <v>28</v>
      </c>
      <c r="C1382" s="59" t="s">
        <v>28</v>
      </c>
      <c r="D1382" s="59" t="s">
        <v>372</v>
      </c>
      <c r="E1382" s="59" t="s">
        <v>380</v>
      </c>
      <c r="F1382" s="59" t="s">
        <v>449</v>
      </c>
      <c r="G1382" s="59" t="s">
        <v>450</v>
      </c>
      <c r="H1382" s="60">
        <v>216</v>
      </c>
      <c r="I1382" s="60">
        <v>93</v>
      </c>
      <c r="J1382" s="61">
        <v>0</v>
      </c>
      <c r="K1382" s="61">
        <v>1.45</v>
      </c>
    </row>
    <row r="1383" spans="1:11" ht="18.75" customHeight="1" thickBot="1">
      <c r="A1383" s="59" t="s">
        <v>448</v>
      </c>
      <c r="B1383" s="59" t="s">
        <v>28</v>
      </c>
      <c r="C1383" s="59" t="s">
        <v>28</v>
      </c>
      <c r="D1383" s="59" t="s">
        <v>372</v>
      </c>
      <c r="E1383" s="59" t="s">
        <v>380</v>
      </c>
      <c r="F1383" s="59" t="s">
        <v>449</v>
      </c>
      <c r="G1383" s="59" t="s">
        <v>450</v>
      </c>
      <c r="H1383" s="60">
        <v>216</v>
      </c>
      <c r="I1383" s="60">
        <v>94</v>
      </c>
      <c r="J1383" s="61">
        <v>0</v>
      </c>
      <c r="K1383" s="61">
        <v>1.91</v>
      </c>
    </row>
    <row r="1384" spans="1:11" ht="18.75" customHeight="1" thickBot="1">
      <c r="A1384" s="59" t="s">
        <v>448</v>
      </c>
      <c r="B1384" s="59" t="s">
        <v>28</v>
      </c>
      <c r="C1384" s="59" t="s">
        <v>28</v>
      </c>
      <c r="D1384" s="59" t="s">
        <v>372</v>
      </c>
      <c r="E1384" s="59" t="s">
        <v>380</v>
      </c>
      <c r="F1384" s="59" t="s">
        <v>449</v>
      </c>
      <c r="G1384" s="59" t="s">
        <v>450</v>
      </c>
      <c r="H1384" s="60">
        <v>216</v>
      </c>
      <c r="I1384" s="60">
        <v>97</v>
      </c>
      <c r="J1384" s="61">
        <v>0</v>
      </c>
      <c r="K1384" s="61">
        <v>73.34</v>
      </c>
    </row>
    <row r="1385" spans="1:11" ht="18.75" customHeight="1" thickBot="1">
      <c r="A1385" s="59" t="s">
        <v>448</v>
      </c>
      <c r="B1385" s="59" t="s">
        <v>28</v>
      </c>
      <c r="C1385" s="59" t="s">
        <v>28</v>
      </c>
      <c r="D1385" s="59" t="s">
        <v>372</v>
      </c>
      <c r="E1385" s="59" t="s">
        <v>380</v>
      </c>
      <c r="F1385" s="59" t="s">
        <v>449</v>
      </c>
      <c r="G1385" s="59" t="s">
        <v>450</v>
      </c>
      <c r="H1385" s="60">
        <v>216</v>
      </c>
      <c r="I1385" s="60">
        <v>107</v>
      </c>
      <c r="J1385" s="61">
        <v>0</v>
      </c>
      <c r="K1385" s="61">
        <v>3.32</v>
      </c>
    </row>
    <row r="1386" spans="1:11" ht="18.75" customHeight="1" thickBot="1">
      <c r="A1386" s="59" t="s">
        <v>448</v>
      </c>
      <c r="B1386" s="59" t="s">
        <v>28</v>
      </c>
      <c r="C1386" s="59" t="s">
        <v>28</v>
      </c>
      <c r="D1386" s="59" t="s">
        <v>372</v>
      </c>
      <c r="E1386" s="59" t="s">
        <v>380</v>
      </c>
      <c r="F1386" s="59" t="s">
        <v>449</v>
      </c>
      <c r="G1386" s="59" t="s">
        <v>450</v>
      </c>
      <c r="H1386" s="60">
        <v>216</v>
      </c>
      <c r="I1386" s="60">
        <v>109</v>
      </c>
      <c r="J1386" s="61">
        <v>0</v>
      </c>
      <c r="K1386" s="61">
        <v>68.86</v>
      </c>
    </row>
    <row r="1387" spans="1:11" ht="18.75" customHeight="1" thickBot="1">
      <c r="A1387" s="59" t="s">
        <v>448</v>
      </c>
      <c r="B1387" s="59" t="s">
        <v>28</v>
      </c>
      <c r="C1387" s="59" t="s">
        <v>28</v>
      </c>
      <c r="D1387" s="59" t="s">
        <v>372</v>
      </c>
      <c r="E1387" s="59" t="s">
        <v>380</v>
      </c>
      <c r="F1387" s="59" t="s">
        <v>449</v>
      </c>
      <c r="G1387" s="59" t="s">
        <v>450</v>
      </c>
      <c r="H1387" s="60">
        <v>216</v>
      </c>
      <c r="I1387" s="60">
        <v>113</v>
      </c>
      <c r="J1387" s="61">
        <v>0</v>
      </c>
      <c r="K1387" s="61">
        <v>21.15</v>
      </c>
    </row>
    <row r="1388" spans="1:11" ht="18.75" customHeight="1" thickBot="1">
      <c r="A1388" s="59" t="s">
        <v>448</v>
      </c>
      <c r="B1388" s="59" t="s">
        <v>28</v>
      </c>
      <c r="C1388" s="59" t="s">
        <v>28</v>
      </c>
      <c r="D1388" s="59" t="s">
        <v>372</v>
      </c>
      <c r="E1388" s="59" t="s">
        <v>380</v>
      </c>
      <c r="F1388" s="59" t="s">
        <v>449</v>
      </c>
      <c r="G1388" s="59" t="s">
        <v>450</v>
      </c>
      <c r="H1388" s="60">
        <v>216</v>
      </c>
      <c r="I1388" s="60">
        <v>211</v>
      </c>
      <c r="J1388" s="61">
        <v>0</v>
      </c>
      <c r="K1388" s="61">
        <v>264.10000000000002</v>
      </c>
    </row>
    <row r="1389" spans="1:11" ht="18.75" customHeight="1" thickBot="1">
      <c r="A1389" s="59" t="s">
        <v>448</v>
      </c>
      <c r="B1389" s="59" t="s">
        <v>28</v>
      </c>
      <c r="C1389" s="59" t="s">
        <v>28</v>
      </c>
      <c r="D1389" s="59" t="s">
        <v>372</v>
      </c>
      <c r="E1389" s="59" t="s">
        <v>380</v>
      </c>
      <c r="F1389" s="59" t="s">
        <v>449</v>
      </c>
      <c r="G1389" s="59" t="s">
        <v>450</v>
      </c>
      <c r="H1389" s="60">
        <v>216</v>
      </c>
      <c r="I1389" s="60">
        <v>215</v>
      </c>
      <c r="J1389" s="61">
        <v>0</v>
      </c>
      <c r="K1389" s="61">
        <v>1215.92</v>
      </c>
    </row>
    <row r="1390" spans="1:11" ht="18.75" customHeight="1" thickBot="1">
      <c r="A1390" s="59" t="s">
        <v>448</v>
      </c>
      <c r="B1390" s="59" t="s">
        <v>28</v>
      </c>
      <c r="C1390" s="59" t="s">
        <v>28</v>
      </c>
      <c r="D1390" s="59" t="s">
        <v>372</v>
      </c>
      <c r="E1390" s="59" t="s">
        <v>380</v>
      </c>
      <c r="F1390" s="59" t="s">
        <v>449</v>
      </c>
      <c r="G1390" s="59" t="s">
        <v>450</v>
      </c>
      <c r="H1390" s="60">
        <v>216</v>
      </c>
      <c r="I1390" s="60">
        <v>256</v>
      </c>
      <c r="J1390" s="61">
        <v>0</v>
      </c>
      <c r="K1390" s="61">
        <v>1127.29</v>
      </c>
    </row>
    <row r="1391" spans="1:11" ht="18.75" customHeight="1" thickBot="1">
      <c r="A1391" s="59" t="s">
        <v>448</v>
      </c>
      <c r="B1391" s="59" t="s">
        <v>28</v>
      </c>
      <c r="C1391" s="59" t="s">
        <v>28</v>
      </c>
      <c r="D1391" s="59" t="s">
        <v>372</v>
      </c>
      <c r="E1391" s="59" t="s">
        <v>380</v>
      </c>
      <c r="F1391" s="59" t="s">
        <v>449</v>
      </c>
      <c r="G1391" s="59" t="s">
        <v>450</v>
      </c>
      <c r="H1391" s="60">
        <v>216</v>
      </c>
      <c r="I1391" s="60">
        <v>358</v>
      </c>
      <c r="J1391" s="61">
        <v>0</v>
      </c>
      <c r="K1391" s="61">
        <v>5532.18</v>
      </c>
    </row>
    <row r="1392" spans="1:11" ht="18.75" customHeight="1" thickBot="1">
      <c r="A1392" s="59" t="s">
        <v>448</v>
      </c>
      <c r="B1392" s="59" t="s">
        <v>28</v>
      </c>
      <c r="C1392" s="59" t="s">
        <v>28</v>
      </c>
      <c r="D1392" s="59" t="s">
        <v>372</v>
      </c>
      <c r="E1392" s="59" t="s">
        <v>380</v>
      </c>
      <c r="F1392" s="59" t="s">
        <v>449</v>
      </c>
      <c r="G1392" s="59" t="s">
        <v>450</v>
      </c>
      <c r="H1392" s="60">
        <v>221</v>
      </c>
      <c r="I1392" s="60">
        <v>93</v>
      </c>
      <c r="J1392" s="61">
        <v>0</v>
      </c>
      <c r="K1392" s="61">
        <v>2.68</v>
      </c>
    </row>
    <row r="1393" spans="1:11" ht="18.75" customHeight="1" thickBot="1">
      <c r="A1393" s="59" t="s">
        <v>448</v>
      </c>
      <c r="B1393" s="59" t="s">
        <v>28</v>
      </c>
      <c r="C1393" s="59" t="s">
        <v>28</v>
      </c>
      <c r="D1393" s="59" t="s">
        <v>372</v>
      </c>
      <c r="E1393" s="59" t="s">
        <v>380</v>
      </c>
      <c r="F1393" s="59" t="s">
        <v>449</v>
      </c>
      <c r="G1393" s="59" t="s">
        <v>450</v>
      </c>
      <c r="H1393" s="60">
        <v>221</v>
      </c>
      <c r="I1393" s="60">
        <v>94</v>
      </c>
      <c r="J1393" s="61">
        <v>0</v>
      </c>
      <c r="K1393" s="61">
        <v>5.18</v>
      </c>
    </row>
    <row r="1394" spans="1:11" ht="18.75" customHeight="1" thickBot="1">
      <c r="A1394" s="59" t="s">
        <v>448</v>
      </c>
      <c r="B1394" s="59" t="s">
        <v>28</v>
      </c>
      <c r="C1394" s="59" t="s">
        <v>28</v>
      </c>
      <c r="D1394" s="59" t="s">
        <v>372</v>
      </c>
      <c r="E1394" s="59" t="s">
        <v>380</v>
      </c>
      <c r="F1394" s="59" t="s">
        <v>449</v>
      </c>
      <c r="G1394" s="59" t="s">
        <v>450</v>
      </c>
      <c r="H1394" s="60">
        <v>221</v>
      </c>
      <c r="I1394" s="60">
        <v>107</v>
      </c>
      <c r="J1394" s="61">
        <v>0</v>
      </c>
      <c r="K1394" s="61">
        <v>4.93</v>
      </c>
    </row>
    <row r="1395" spans="1:11" ht="18.75" customHeight="1" thickBot="1">
      <c r="A1395" s="59" t="s">
        <v>448</v>
      </c>
      <c r="B1395" s="59" t="s">
        <v>28</v>
      </c>
      <c r="C1395" s="59" t="s">
        <v>28</v>
      </c>
      <c r="D1395" s="59" t="s">
        <v>372</v>
      </c>
      <c r="E1395" s="59" t="s">
        <v>380</v>
      </c>
      <c r="F1395" s="59" t="s">
        <v>449</v>
      </c>
      <c r="G1395" s="59" t="s">
        <v>450</v>
      </c>
      <c r="H1395" s="60">
        <v>221</v>
      </c>
      <c r="I1395" s="60">
        <v>109</v>
      </c>
      <c r="J1395" s="61">
        <v>0</v>
      </c>
      <c r="K1395" s="61">
        <v>46.53</v>
      </c>
    </row>
    <row r="1396" spans="1:11" ht="18.75" customHeight="1" thickBot="1">
      <c r="A1396" s="59" t="s">
        <v>448</v>
      </c>
      <c r="B1396" s="59" t="s">
        <v>28</v>
      </c>
      <c r="C1396" s="59" t="s">
        <v>28</v>
      </c>
      <c r="D1396" s="59" t="s">
        <v>372</v>
      </c>
      <c r="E1396" s="59" t="s">
        <v>380</v>
      </c>
      <c r="F1396" s="59" t="s">
        <v>449</v>
      </c>
      <c r="G1396" s="59" t="s">
        <v>450</v>
      </c>
      <c r="H1396" s="60">
        <v>221</v>
      </c>
      <c r="I1396" s="60">
        <v>113</v>
      </c>
      <c r="J1396" s="61">
        <v>0</v>
      </c>
      <c r="K1396" s="61">
        <v>2.66</v>
      </c>
    </row>
    <row r="1397" spans="1:11" ht="18.75" customHeight="1" thickBot="1">
      <c r="A1397" s="59" t="s">
        <v>448</v>
      </c>
      <c r="B1397" s="59" t="s">
        <v>28</v>
      </c>
      <c r="C1397" s="59" t="s">
        <v>28</v>
      </c>
      <c r="D1397" s="59" t="s">
        <v>372</v>
      </c>
      <c r="E1397" s="59" t="s">
        <v>380</v>
      </c>
      <c r="F1397" s="59" t="s">
        <v>449</v>
      </c>
      <c r="G1397" s="59" t="s">
        <v>450</v>
      </c>
      <c r="H1397" s="60">
        <v>221</v>
      </c>
      <c r="I1397" s="60">
        <v>150</v>
      </c>
      <c r="J1397" s="61">
        <v>0</v>
      </c>
      <c r="K1397" s="61">
        <v>0.51</v>
      </c>
    </row>
    <row r="1398" spans="1:11" ht="18.75" customHeight="1" thickBot="1">
      <c r="A1398" s="59" t="s">
        <v>448</v>
      </c>
      <c r="B1398" s="59" t="s">
        <v>28</v>
      </c>
      <c r="C1398" s="59" t="s">
        <v>28</v>
      </c>
      <c r="D1398" s="59" t="s">
        <v>372</v>
      </c>
      <c r="E1398" s="59" t="s">
        <v>380</v>
      </c>
      <c r="F1398" s="59" t="s">
        <v>449</v>
      </c>
      <c r="G1398" s="59" t="s">
        <v>450</v>
      </c>
      <c r="H1398" s="60">
        <v>221</v>
      </c>
      <c r="I1398" s="60">
        <v>211</v>
      </c>
      <c r="J1398" s="61">
        <v>0</v>
      </c>
      <c r="K1398" s="61">
        <v>435.27</v>
      </c>
    </row>
    <row r="1399" spans="1:11" ht="18.75" customHeight="1" thickBot="1">
      <c r="A1399" s="59" t="s">
        <v>448</v>
      </c>
      <c r="B1399" s="59" t="s">
        <v>28</v>
      </c>
      <c r="C1399" s="59" t="s">
        <v>28</v>
      </c>
      <c r="D1399" s="59" t="s">
        <v>372</v>
      </c>
      <c r="E1399" s="59" t="s">
        <v>380</v>
      </c>
      <c r="F1399" s="59" t="s">
        <v>449</v>
      </c>
      <c r="G1399" s="59" t="s">
        <v>450</v>
      </c>
      <c r="H1399" s="60">
        <v>221</v>
      </c>
      <c r="I1399" s="60">
        <v>215</v>
      </c>
      <c r="J1399" s="61">
        <v>0</v>
      </c>
      <c r="K1399" s="61">
        <v>1787.54</v>
      </c>
    </row>
    <row r="1400" spans="1:11" ht="18.75" customHeight="1" thickBot="1">
      <c r="A1400" s="59" t="s">
        <v>448</v>
      </c>
      <c r="B1400" s="59" t="s">
        <v>28</v>
      </c>
      <c r="C1400" s="59" t="s">
        <v>28</v>
      </c>
      <c r="D1400" s="59" t="s">
        <v>372</v>
      </c>
      <c r="E1400" s="59" t="s">
        <v>380</v>
      </c>
      <c r="F1400" s="59" t="s">
        <v>449</v>
      </c>
      <c r="G1400" s="59" t="s">
        <v>450</v>
      </c>
      <c r="H1400" s="60">
        <v>221</v>
      </c>
      <c r="I1400" s="60">
        <v>217</v>
      </c>
      <c r="J1400" s="61">
        <v>0</v>
      </c>
      <c r="K1400" s="61">
        <v>162.94999999999999</v>
      </c>
    </row>
    <row r="1401" spans="1:11" ht="18.75" customHeight="1" thickBot="1">
      <c r="A1401" s="59" t="s">
        <v>448</v>
      </c>
      <c r="B1401" s="59" t="s">
        <v>28</v>
      </c>
      <c r="C1401" s="59" t="s">
        <v>28</v>
      </c>
      <c r="D1401" s="59" t="s">
        <v>372</v>
      </c>
      <c r="E1401" s="59" t="s">
        <v>380</v>
      </c>
      <c r="F1401" s="59" t="s">
        <v>449</v>
      </c>
      <c r="G1401" s="59" t="s">
        <v>450</v>
      </c>
      <c r="H1401" s="60">
        <v>221</v>
      </c>
      <c r="I1401" s="60">
        <v>220</v>
      </c>
      <c r="J1401" s="61">
        <v>0</v>
      </c>
      <c r="K1401" s="61">
        <v>341.59</v>
      </c>
    </row>
    <row r="1402" spans="1:11" ht="18.75" customHeight="1" thickBot="1">
      <c r="A1402" s="59" t="s">
        <v>448</v>
      </c>
      <c r="B1402" s="59" t="s">
        <v>28</v>
      </c>
      <c r="C1402" s="59" t="s">
        <v>28</v>
      </c>
      <c r="D1402" s="59" t="s">
        <v>372</v>
      </c>
      <c r="E1402" s="59" t="s">
        <v>380</v>
      </c>
      <c r="F1402" s="59" t="s">
        <v>449</v>
      </c>
      <c r="G1402" s="59" t="s">
        <v>450</v>
      </c>
      <c r="H1402" s="60">
        <v>221</v>
      </c>
      <c r="I1402" s="60">
        <v>240</v>
      </c>
      <c r="J1402" s="61">
        <v>0</v>
      </c>
      <c r="K1402" s="61">
        <v>1448.52</v>
      </c>
    </row>
    <row r="1403" spans="1:11" ht="18.75" customHeight="1" thickBot="1">
      <c r="A1403" s="59" t="s">
        <v>448</v>
      </c>
      <c r="B1403" s="59" t="s">
        <v>28</v>
      </c>
      <c r="C1403" s="59" t="s">
        <v>28</v>
      </c>
      <c r="D1403" s="59" t="s">
        <v>372</v>
      </c>
      <c r="E1403" s="59" t="s">
        <v>380</v>
      </c>
      <c r="F1403" s="59" t="s">
        <v>449</v>
      </c>
      <c r="G1403" s="59" t="s">
        <v>450</v>
      </c>
      <c r="H1403" s="60">
        <v>221</v>
      </c>
      <c r="I1403" s="60">
        <v>244</v>
      </c>
      <c r="J1403" s="61">
        <v>0</v>
      </c>
      <c r="K1403" s="61">
        <v>3938.09</v>
      </c>
    </row>
    <row r="1404" spans="1:11" ht="18.75" customHeight="1" thickBot="1">
      <c r="A1404" s="59" t="s">
        <v>448</v>
      </c>
      <c r="B1404" s="59" t="s">
        <v>28</v>
      </c>
      <c r="C1404" s="59" t="s">
        <v>28</v>
      </c>
      <c r="D1404" s="59" t="s">
        <v>372</v>
      </c>
      <c r="E1404" s="59" t="s">
        <v>380</v>
      </c>
      <c r="F1404" s="59" t="s">
        <v>449</v>
      </c>
      <c r="G1404" s="59" t="s">
        <v>450</v>
      </c>
      <c r="H1404" s="60">
        <v>221</v>
      </c>
      <c r="I1404" s="60">
        <v>332</v>
      </c>
      <c r="J1404" s="61">
        <v>0</v>
      </c>
      <c r="K1404" s="61">
        <v>6138.3</v>
      </c>
    </row>
    <row r="1405" spans="1:11" ht="18.75" customHeight="1" thickBot="1">
      <c r="A1405" s="59" t="s">
        <v>448</v>
      </c>
      <c r="B1405" s="59" t="s">
        <v>28</v>
      </c>
      <c r="C1405" s="59" t="s">
        <v>28</v>
      </c>
      <c r="D1405" s="59" t="s">
        <v>372</v>
      </c>
      <c r="E1405" s="59" t="s">
        <v>380</v>
      </c>
      <c r="F1405" s="59" t="s">
        <v>449</v>
      </c>
      <c r="G1405" s="59" t="s">
        <v>450</v>
      </c>
      <c r="H1405" s="60">
        <v>221</v>
      </c>
      <c r="I1405" s="60">
        <v>358</v>
      </c>
      <c r="J1405" s="61">
        <v>0</v>
      </c>
      <c r="K1405" s="61">
        <v>4333.2299999999996</v>
      </c>
    </row>
    <row r="1406" spans="1:11" ht="18.75" customHeight="1" thickBot="1">
      <c r="A1406" s="59" t="s">
        <v>448</v>
      </c>
      <c r="B1406" s="59" t="s">
        <v>28</v>
      </c>
      <c r="C1406" s="59" t="s">
        <v>28</v>
      </c>
      <c r="D1406" s="59" t="s">
        <v>372</v>
      </c>
      <c r="E1406" s="59" t="s">
        <v>380</v>
      </c>
      <c r="F1406" s="59" t="s">
        <v>449</v>
      </c>
      <c r="G1406" s="59" t="s">
        <v>450</v>
      </c>
      <c r="H1406" s="60">
        <v>221</v>
      </c>
      <c r="I1406" s="60">
        <v>359</v>
      </c>
      <c r="J1406" s="61">
        <v>0</v>
      </c>
      <c r="K1406" s="61">
        <v>8407.2800000000007</v>
      </c>
    </row>
    <row r="1407" spans="1:11" ht="18.75" customHeight="1" thickBot="1">
      <c r="A1407" s="59" t="s">
        <v>448</v>
      </c>
      <c r="B1407" s="59" t="s">
        <v>28</v>
      </c>
      <c r="C1407" s="59" t="s">
        <v>28</v>
      </c>
      <c r="D1407" s="59" t="s">
        <v>372</v>
      </c>
      <c r="E1407" s="59" t="s">
        <v>380</v>
      </c>
      <c r="F1407" s="59" t="s">
        <v>449</v>
      </c>
      <c r="G1407" s="59" t="s">
        <v>450</v>
      </c>
      <c r="H1407" s="60">
        <v>222</v>
      </c>
      <c r="I1407" s="60">
        <v>113</v>
      </c>
      <c r="J1407" s="61">
        <v>0</v>
      </c>
      <c r="K1407" s="61">
        <v>5.42</v>
      </c>
    </row>
    <row r="1408" spans="1:11" ht="18.75" customHeight="1" thickBot="1">
      <c r="A1408" s="59" t="s">
        <v>448</v>
      </c>
      <c r="B1408" s="59" t="s">
        <v>28</v>
      </c>
      <c r="C1408" s="59" t="s">
        <v>28</v>
      </c>
      <c r="D1408" s="59" t="s">
        <v>372</v>
      </c>
      <c r="E1408" s="59" t="s">
        <v>380</v>
      </c>
      <c r="F1408" s="59" t="s">
        <v>449</v>
      </c>
      <c r="G1408" s="59" t="s">
        <v>450</v>
      </c>
      <c r="H1408" s="60">
        <v>222</v>
      </c>
      <c r="I1408" s="60">
        <v>211</v>
      </c>
      <c r="J1408" s="61">
        <v>0</v>
      </c>
      <c r="K1408" s="61">
        <v>14.84</v>
      </c>
    </row>
    <row r="1409" spans="1:11" ht="18.75" customHeight="1" thickBot="1">
      <c r="A1409" s="59" t="s">
        <v>448</v>
      </c>
      <c r="B1409" s="59" t="s">
        <v>28</v>
      </c>
      <c r="C1409" s="59" t="s">
        <v>28</v>
      </c>
      <c r="D1409" s="59" t="s">
        <v>372</v>
      </c>
      <c r="E1409" s="59" t="s">
        <v>380</v>
      </c>
      <c r="F1409" s="59" t="s">
        <v>449</v>
      </c>
      <c r="G1409" s="59" t="s">
        <v>450</v>
      </c>
      <c r="H1409" s="60">
        <v>222</v>
      </c>
      <c r="I1409" s="60">
        <v>215</v>
      </c>
      <c r="J1409" s="61">
        <v>0</v>
      </c>
      <c r="K1409" s="61">
        <v>165.28</v>
      </c>
    </row>
    <row r="1410" spans="1:11" ht="18.75" customHeight="1" thickBot="1">
      <c r="A1410" s="59" t="s">
        <v>448</v>
      </c>
      <c r="B1410" s="59" t="s">
        <v>28</v>
      </c>
      <c r="C1410" s="59" t="s">
        <v>28</v>
      </c>
      <c r="D1410" s="59" t="s">
        <v>372</v>
      </c>
      <c r="E1410" s="59" t="s">
        <v>380</v>
      </c>
      <c r="F1410" s="59" t="s">
        <v>449</v>
      </c>
      <c r="G1410" s="59" t="s">
        <v>450</v>
      </c>
      <c r="H1410" s="60">
        <v>222</v>
      </c>
      <c r="I1410" s="60">
        <v>240</v>
      </c>
      <c r="J1410" s="61">
        <v>0</v>
      </c>
      <c r="K1410" s="61">
        <v>968.59</v>
      </c>
    </row>
    <row r="1411" spans="1:11" ht="18.75" customHeight="1" thickBot="1">
      <c r="A1411" s="59" t="s">
        <v>448</v>
      </c>
      <c r="B1411" s="59" t="s">
        <v>28</v>
      </c>
      <c r="C1411" s="59" t="s">
        <v>28</v>
      </c>
      <c r="D1411" s="59" t="s">
        <v>372</v>
      </c>
      <c r="E1411" s="59" t="s">
        <v>380</v>
      </c>
      <c r="F1411" s="59" t="s">
        <v>449</v>
      </c>
      <c r="G1411" s="59" t="s">
        <v>450</v>
      </c>
      <c r="H1411" s="60">
        <v>222</v>
      </c>
      <c r="I1411" s="60">
        <v>251</v>
      </c>
      <c r="J1411" s="61">
        <v>0</v>
      </c>
      <c r="K1411" s="61">
        <v>5.91</v>
      </c>
    </row>
    <row r="1412" spans="1:11" ht="18.75" customHeight="1" thickBot="1">
      <c r="A1412" s="59" t="s">
        <v>448</v>
      </c>
      <c r="B1412" s="59" t="s">
        <v>28</v>
      </c>
      <c r="C1412" s="59" t="s">
        <v>28</v>
      </c>
      <c r="D1412" s="59" t="s">
        <v>372</v>
      </c>
      <c r="E1412" s="59" t="s">
        <v>380</v>
      </c>
      <c r="F1412" s="59" t="s">
        <v>449</v>
      </c>
      <c r="G1412" s="59" t="s">
        <v>450</v>
      </c>
      <c r="H1412" s="60">
        <v>230</v>
      </c>
      <c r="I1412" s="60">
        <v>97</v>
      </c>
      <c r="J1412" s="61">
        <v>0</v>
      </c>
      <c r="K1412" s="61">
        <v>10.89</v>
      </c>
    </row>
    <row r="1413" spans="1:11" ht="18.75" customHeight="1" thickBot="1">
      <c r="A1413" s="59" t="s">
        <v>448</v>
      </c>
      <c r="B1413" s="59" t="s">
        <v>28</v>
      </c>
      <c r="C1413" s="59" t="s">
        <v>28</v>
      </c>
      <c r="D1413" s="59" t="s">
        <v>372</v>
      </c>
      <c r="E1413" s="59" t="s">
        <v>380</v>
      </c>
      <c r="F1413" s="59" t="s">
        <v>449</v>
      </c>
      <c r="G1413" s="59" t="s">
        <v>450</v>
      </c>
      <c r="H1413" s="60">
        <v>230</v>
      </c>
      <c r="I1413" s="60">
        <v>107</v>
      </c>
      <c r="J1413" s="61">
        <v>0</v>
      </c>
      <c r="K1413" s="61">
        <v>2.63</v>
      </c>
    </row>
    <row r="1414" spans="1:11" ht="18.75" customHeight="1" thickBot="1">
      <c r="A1414" s="59" t="s">
        <v>448</v>
      </c>
      <c r="B1414" s="59" t="s">
        <v>28</v>
      </c>
      <c r="C1414" s="59" t="s">
        <v>28</v>
      </c>
      <c r="D1414" s="59" t="s">
        <v>372</v>
      </c>
      <c r="E1414" s="59" t="s">
        <v>380</v>
      </c>
      <c r="F1414" s="59" t="s">
        <v>449</v>
      </c>
      <c r="G1414" s="59" t="s">
        <v>450</v>
      </c>
      <c r="H1414" s="60">
        <v>230</v>
      </c>
      <c r="I1414" s="60">
        <v>109</v>
      </c>
      <c r="J1414" s="61">
        <v>0</v>
      </c>
      <c r="K1414" s="61">
        <v>4.9800000000000004</v>
      </c>
    </row>
    <row r="1415" spans="1:11" ht="18.75" customHeight="1" thickBot="1">
      <c r="A1415" s="59" t="s">
        <v>448</v>
      </c>
      <c r="B1415" s="59" t="s">
        <v>28</v>
      </c>
      <c r="C1415" s="59" t="s">
        <v>28</v>
      </c>
      <c r="D1415" s="59" t="s">
        <v>372</v>
      </c>
      <c r="E1415" s="59" t="s">
        <v>380</v>
      </c>
      <c r="F1415" s="59" t="s">
        <v>449</v>
      </c>
      <c r="G1415" s="59" t="s">
        <v>450</v>
      </c>
      <c r="H1415" s="60">
        <v>230</v>
      </c>
      <c r="I1415" s="60">
        <v>211</v>
      </c>
      <c r="J1415" s="61">
        <v>0</v>
      </c>
      <c r="K1415" s="61">
        <v>11.9</v>
      </c>
    </row>
    <row r="1416" spans="1:11" ht="18.75" customHeight="1" thickBot="1">
      <c r="A1416" s="59" t="s">
        <v>448</v>
      </c>
      <c r="B1416" s="59" t="s">
        <v>28</v>
      </c>
      <c r="C1416" s="59" t="s">
        <v>28</v>
      </c>
      <c r="D1416" s="59" t="s">
        <v>372</v>
      </c>
      <c r="E1416" s="59" t="s">
        <v>380</v>
      </c>
      <c r="F1416" s="59" t="s">
        <v>449</v>
      </c>
      <c r="G1416" s="59" t="s">
        <v>450</v>
      </c>
      <c r="H1416" s="60">
        <v>230</v>
      </c>
      <c r="I1416" s="60">
        <v>215</v>
      </c>
      <c r="J1416" s="61">
        <v>0</v>
      </c>
      <c r="K1416" s="61">
        <v>77.400000000000006</v>
      </c>
    </row>
    <row r="1417" spans="1:11" ht="18.75" customHeight="1" thickBot="1">
      <c r="A1417" s="59" t="s">
        <v>448</v>
      </c>
      <c r="B1417" s="59" t="s">
        <v>28</v>
      </c>
      <c r="C1417" s="59" t="s">
        <v>28</v>
      </c>
      <c r="D1417" s="59" t="s">
        <v>372</v>
      </c>
      <c r="E1417" s="59" t="s">
        <v>380</v>
      </c>
      <c r="F1417" s="59" t="s">
        <v>449</v>
      </c>
      <c r="G1417" s="59" t="s">
        <v>450</v>
      </c>
      <c r="H1417" s="60">
        <v>230</v>
      </c>
      <c r="I1417" s="60">
        <v>220</v>
      </c>
      <c r="J1417" s="61">
        <v>0</v>
      </c>
      <c r="K1417" s="61">
        <v>845.98</v>
      </c>
    </row>
    <row r="1418" spans="1:11" ht="18.75" customHeight="1" thickBot="1">
      <c r="A1418" s="59" t="s">
        <v>448</v>
      </c>
      <c r="B1418" s="59" t="s">
        <v>28</v>
      </c>
      <c r="C1418" s="59" t="s">
        <v>28</v>
      </c>
      <c r="D1418" s="59" t="s">
        <v>372</v>
      </c>
      <c r="E1418" s="59" t="s">
        <v>380</v>
      </c>
      <c r="F1418" s="59" t="s">
        <v>449</v>
      </c>
      <c r="G1418" s="59" t="s">
        <v>450</v>
      </c>
      <c r="H1418" s="60">
        <v>230</v>
      </c>
      <c r="I1418" s="60">
        <v>236</v>
      </c>
      <c r="J1418" s="61">
        <v>0</v>
      </c>
      <c r="K1418" s="61">
        <v>111.42</v>
      </c>
    </row>
    <row r="1419" spans="1:11" ht="18.75" customHeight="1" thickBot="1">
      <c r="A1419" s="59" t="s">
        <v>448</v>
      </c>
      <c r="B1419" s="59" t="s">
        <v>28</v>
      </c>
      <c r="C1419" s="59" t="s">
        <v>28</v>
      </c>
      <c r="D1419" s="59" t="s">
        <v>372</v>
      </c>
      <c r="E1419" s="59" t="s">
        <v>380</v>
      </c>
      <c r="F1419" s="59" t="s">
        <v>449</v>
      </c>
      <c r="G1419" s="59" t="s">
        <v>450</v>
      </c>
      <c r="H1419" s="60">
        <v>230</v>
      </c>
      <c r="I1419" s="60">
        <v>244</v>
      </c>
      <c r="J1419" s="61">
        <v>0</v>
      </c>
      <c r="K1419" s="61">
        <v>8720.07</v>
      </c>
    </row>
    <row r="1420" spans="1:11" ht="18.75" customHeight="1" thickBot="1">
      <c r="A1420" s="59" t="s">
        <v>448</v>
      </c>
      <c r="B1420" s="59" t="s">
        <v>28</v>
      </c>
      <c r="C1420" s="59" t="s">
        <v>28</v>
      </c>
      <c r="D1420" s="59" t="s">
        <v>372</v>
      </c>
      <c r="E1420" s="59" t="s">
        <v>380</v>
      </c>
      <c r="F1420" s="59" t="s">
        <v>449</v>
      </c>
      <c r="G1420" s="59" t="s">
        <v>450</v>
      </c>
      <c r="H1420" s="60">
        <v>230</v>
      </c>
      <c r="I1420" s="60">
        <v>248</v>
      </c>
      <c r="J1420" s="61">
        <v>0</v>
      </c>
      <c r="K1420" s="61">
        <v>911.83</v>
      </c>
    </row>
    <row r="1421" spans="1:11" ht="18.75" customHeight="1" thickBot="1">
      <c r="A1421" s="59" t="s">
        <v>448</v>
      </c>
      <c r="B1421" s="59" t="s">
        <v>28</v>
      </c>
      <c r="C1421" s="59" t="s">
        <v>28</v>
      </c>
      <c r="D1421" s="59" t="s">
        <v>372</v>
      </c>
      <c r="E1421" s="59" t="s">
        <v>380</v>
      </c>
      <c r="F1421" s="59" t="s">
        <v>449</v>
      </c>
      <c r="G1421" s="59" t="s">
        <v>450</v>
      </c>
      <c r="H1421" s="60">
        <v>230</v>
      </c>
      <c r="I1421" s="60">
        <v>257</v>
      </c>
      <c r="J1421" s="61">
        <v>0</v>
      </c>
      <c r="K1421" s="61">
        <v>2514.25</v>
      </c>
    </row>
    <row r="1422" spans="1:11" ht="18.75" customHeight="1" thickBot="1">
      <c r="A1422" s="59" t="s">
        <v>448</v>
      </c>
      <c r="B1422" s="59" t="s">
        <v>28</v>
      </c>
      <c r="C1422" s="59" t="s">
        <v>28</v>
      </c>
      <c r="D1422" s="59" t="s">
        <v>372</v>
      </c>
      <c r="E1422" s="59" t="s">
        <v>380</v>
      </c>
      <c r="F1422" s="59" t="s">
        <v>449</v>
      </c>
      <c r="G1422" s="59" t="s">
        <v>450</v>
      </c>
      <c r="H1422" s="60">
        <v>230</v>
      </c>
      <c r="I1422" s="60">
        <v>330</v>
      </c>
      <c r="J1422" s="61">
        <v>0</v>
      </c>
      <c r="K1422" s="61">
        <v>7217.09</v>
      </c>
    </row>
    <row r="1423" spans="1:11" ht="18.75" customHeight="1" thickBot="1">
      <c r="A1423" s="59" t="s">
        <v>448</v>
      </c>
      <c r="B1423" s="59" t="s">
        <v>28</v>
      </c>
      <c r="C1423" s="59" t="s">
        <v>28</v>
      </c>
      <c r="D1423" s="59" t="s">
        <v>372</v>
      </c>
      <c r="E1423" s="59" t="s">
        <v>380</v>
      </c>
      <c r="F1423" s="59" t="s">
        <v>449</v>
      </c>
      <c r="G1423" s="59" t="s">
        <v>450</v>
      </c>
      <c r="H1423" s="60">
        <v>230</v>
      </c>
      <c r="I1423" s="60">
        <v>358</v>
      </c>
      <c r="J1423" s="61">
        <v>0</v>
      </c>
      <c r="K1423" s="61">
        <v>13008.93</v>
      </c>
    </row>
    <row r="1424" spans="1:11" ht="18.75" hidden="1" customHeight="1" thickBot="1">
      <c r="A1424" s="59" t="s">
        <v>448</v>
      </c>
      <c r="B1424" s="59" t="s">
        <v>28</v>
      </c>
      <c r="C1424" s="59" t="s">
        <v>28</v>
      </c>
      <c r="D1424" s="59" t="s">
        <v>372</v>
      </c>
      <c r="E1424" s="59" t="s">
        <v>382</v>
      </c>
      <c r="F1424" s="59" t="s">
        <v>449</v>
      </c>
      <c r="G1424" s="59" t="s">
        <v>450</v>
      </c>
      <c r="H1424" s="60">
        <v>10</v>
      </c>
      <c r="I1424" s="60">
        <v>15</v>
      </c>
      <c r="J1424" s="61">
        <v>0</v>
      </c>
      <c r="K1424" s="61">
        <v>-0.62</v>
      </c>
    </row>
    <row r="1425" spans="1:11" ht="18.75" hidden="1" customHeight="1" thickBot="1">
      <c r="A1425" s="59" t="s">
        <v>448</v>
      </c>
      <c r="B1425" s="59" t="s">
        <v>28</v>
      </c>
      <c r="C1425" s="59" t="s">
        <v>28</v>
      </c>
      <c r="D1425" s="59" t="s">
        <v>372</v>
      </c>
      <c r="E1425" s="59" t="s">
        <v>382</v>
      </c>
      <c r="F1425" s="59" t="s">
        <v>449</v>
      </c>
      <c r="G1425" s="59" t="s">
        <v>450</v>
      </c>
      <c r="H1425" s="60">
        <v>10</v>
      </c>
      <c r="I1425" s="60">
        <v>94</v>
      </c>
      <c r="J1425" s="61">
        <v>0</v>
      </c>
      <c r="K1425" s="61">
        <v>-1.86</v>
      </c>
    </row>
    <row r="1426" spans="1:11" ht="18.75" hidden="1" customHeight="1" thickBot="1">
      <c r="A1426" s="59" t="s">
        <v>448</v>
      </c>
      <c r="B1426" s="59" t="s">
        <v>28</v>
      </c>
      <c r="C1426" s="59" t="s">
        <v>28</v>
      </c>
      <c r="D1426" s="59" t="s">
        <v>372</v>
      </c>
      <c r="E1426" s="59" t="s">
        <v>382</v>
      </c>
      <c r="F1426" s="59" t="s">
        <v>449</v>
      </c>
      <c r="G1426" s="59" t="s">
        <v>450</v>
      </c>
      <c r="H1426" s="60">
        <v>10</v>
      </c>
      <c r="I1426" s="60">
        <v>107</v>
      </c>
      <c r="J1426" s="61">
        <v>0</v>
      </c>
      <c r="K1426" s="61">
        <v>-1</v>
      </c>
    </row>
    <row r="1427" spans="1:11" ht="18.75" hidden="1" customHeight="1" thickBot="1">
      <c r="A1427" s="59" t="s">
        <v>448</v>
      </c>
      <c r="B1427" s="59" t="s">
        <v>28</v>
      </c>
      <c r="C1427" s="59" t="s">
        <v>28</v>
      </c>
      <c r="D1427" s="59" t="s">
        <v>372</v>
      </c>
      <c r="E1427" s="59" t="s">
        <v>382</v>
      </c>
      <c r="F1427" s="59" t="s">
        <v>449</v>
      </c>
      <c r="G1427" s="59" t="s">
        <v>450</v>
      </c>
      <c r="H1427" s="60">
        <v>20</v>
      </c>
      <c r="I1427" s="60">
        <v>22</v>
      </c>
      <c r="J1427" s="61">
        <v>0</v>
      </c>
      <c r="K1427" s="61">
        <v>-1.22</v>
      </c>
    </row>
    <row r="1428" spans="1:11" ht="18.75" hidden="1" customHeight="1" thickBot="1">
      <c r="A1428" s="59" t="s">
        <v>448</v>
      </c>
      <c r="B1428" s="59" t="s">
        <v>28</v>
      </c>
      <c r="C1428" s="59" t="s">
        <v>28</v>
      </c>
      <c r="D1428" s="59" t="s">
        <v>372</v>
      </c>
      <c r="E1428" s="59" t="s">
        <v>382</v>
      </c>
      <c r="F1428" s="59" t="s">
        <v>449</v>
      </c>
      <c r="G1428" s="59" t="s">
        <v>450</v>
      </c>
      <c r="H1428" s="60">
        <v>20</v>
      </c>
      <c r="I1428" s="60">
        <v>150</v>
      </c>
      <c r="J1428" s="61">
        <v>0</v>
      </c>
      <c r="K1428" s="61">
        <v>-0.4</v>
      </c>
    </row>
    <row r="1429" spans="1:11" ht="18.75" hidden="1" customHeight="1" thickBot="1">
      <c r="A1429" s="59" t="s">
        <v>448</v>
      </c>
      <c r="B1429" s="59" t="s">
        <v>28</v>
      </c>
      <c r="C1429" s="59" t="s">
        <v>28</v>
      </c>
      <c r="D1429" s="59" t="s">
        <v>372</v>
      </c>
      <c r="E1429" s="59" t="s">
        <v>382</v>
      </c>
      <c r="F1429" s="59" t="s">
        <v>449</v>
      </c>
      <c r="G1429" s="59" t="s">
        <v>450</v>
      </c>
      <c r="H1429" s="60">
        <v>211</v>
      </c>
      <c r="I1429" s="60">
        <v>97</v>
      </c>
      <c r="J1429" s="61">
        <v>0</v>
      </c>
      <c r="K1429" s="61">
        <v>-2.62</v>
      </c>
    </row>
    <row r="1430" spans="1:11" ht="18.75" hidden="1" customHeight="1" thickBot="1">
      <c r="A1430" s="59" t="s">
        <v>448</v>
      </c>
      <c r="B1430" s="59" t="s">
        <v>28</v>
      </c>
      <c r="C1430" s="59" t="s">
        <v>28</v>
      </c>
      <c r="D1430" s="59" t="s">
        <v>372</v>
      </c>
      <c r="E1430" s="59" t="s">
        <v>382</v>
      </c>
      <c r="F1430" s="59" t="s">
        <v>449</v>
      </c>
      <c r="G1430" s="59" t="s">
        <v>450</v>
      </c>
      <c r="H1430" s="60">
        <v>211</v>
      </c>
      <c r="I1430" s="60">
        <v>107</v>
      </c>
      <c r="J1430" s="61">
        <v>0</v>
      </c>
      <c r="K1430" s="61">
        <v>-1.1100000000000001</v>
      </c>
    </row>
    <row r="1431" spans="1:11" ht="18.75" hidden="1" customHeight="1" thickBot="1">
      <c r="A1431" s="59" t="s">
        <v>448</v>
      </c>
      <c r="B1431" s="59" t="s">
        <v>28</v>
      </c>
      <c r="C1431" s="59" t="s">
        <v>28</v>
      </c>
      <c r="D1431" s="59" t="s">
        <v>372</v>
      </c>
      <c r="E1431" s="59" t="s">
        <v>382</v>
      </c>
      <c r="F1431" s="59" t="s">
        <v>449</v>
      </c>
      <c r="G1431" s="59" t="s">
        <v>450</v>
      </c>
      <c r="H1431" s="60">
        <v>211</v>
      </c>
      <c r="I1431" s="60">
        <v>109</v>
      </c>
      <c r="J1431" s="61">
        <v>0</v>
      </c>
      <c r="K1431" s="61">
        <v>-19.46</v>
      </c>
    </row>
    <row r="1432" spans="1:11" ht="18.75" hidden="1" customHeight="1" thickBot="1">
      <c r="A1432" s="59" t="s">
        <v>448</v>
      </c>
      <c r="B1432" s="59" t="s">
        <v>28</v>
      </c>
      <c r="C1432" s="59" t="s">
        <v>28</v>
      </c>
      <c r="D1432" s="59" t="s">
        <v>372</v>
      </c>
      <c r="E1432" s="59" t="s">
        <v>382</v>
      </c>
      <c r="F1432" s="59" t="s">
        <v>449</v>
      </c>
      <c r="G1432" s="59" t="s">
        <v>450</v>
      </c>
      <c r="H1432" s="60">
        <v>211</v>
      </c>
      <c r="I1432" s="60">
        <v>211</v>
      </c>
      <c r="J1432" s="61">
        <v>0</v>
      </c>
      <c r="K1432" s="61">
        <v>-141.72</v>
      </c>
    </row>
    <row r="1433" spans="1:11" ht="18.75" hidden="1" customHeight="1" thickBot="1">
      <c r="A1433" s="59" t="s">
        <v>448</v>
      </c>
      <c r="B1433" s="59" t="s">
        <v>28</v>
      </c>
      <c r="C1433" s="59" t="s">
        <v>28</v>
      </c>
      <c r="D1433" s="59" t="s">
        <v>372</v>
      </c>
      <c r="E1433" s="59" t="s">
        <v>382</v>
      </c>
      <c r="F1433" s="59" t="s">
        <v>449</v>
      </c>
      <c r="G1433" s="59" t="s">
        <v>450</v>
      </c>
      <c r="H1433" s="60">
        <v>211</v>
      </c>
      <c r="I1433" s="60">
        <v>215</v>
      </c>
      <c r="J1433" s="61">
        <v>0</v>
      </c>
      <c r="K1433" s="61">
        <v>-319</v>
      </c>
    </row>
    <row r="1434" spans="1:11" ht="18.75" hidden="1" customHeight="1" thickBot="1">
      <c r="A1434" s="59" t="s">
        <v>448</v>
      </c>
      <c r="B1434" s="59" t="s">
        <v>28</v>
      </c>
      <c r="C1434" s="59" t="s">
        <v>28</v>
      </c>
      <c r="D1434" s="59" t="s">
        <v>372</v>
      </c>
      <c r="E1434" s="59" t="s">
        <v>382</v>
      </c>
      <c r="F1434" s="59" t="s">
        <v>449</v>
      </c>
      <c r="G1434" s="59" t="s">
        <v>450</v>
      </c>
      <c r="H1434" s="60">
        <v>211</v>
      </c>
      <c r="I1434" s="60">
        <v>240</v>
      </c>
      <c r="J1434" s="61">
        <v>0</v>
      </c>
      <c r="K1434" s="61">
        <v>-1238.22</v>
      </c>
    </row>
    <row r="1435" spans="1:11" ht="18.75" hidden="1" customHeight="1" thickBot="1">
      <c r="A1435" s="59" t="s">
        <v>448</v>
      </c>
      <c r="B1435" s="59" t="s">
        <v>28</v>
      </c>
      <c r="C1435" s="59" t="s">
        <v>28</v>
      </c>
      <c r="D1435" s="59" t="s">
        <v>372</v>
      </c>
      <c r="E1435" s="59" t="s">
        <v>382</v>
      </c>
      <c r="F1435" s="59" t="s">
        <v>449</v>
      </c>
      <c r="G1435" s="59" t="s">
        <v>450</v>
      </c>
      <c r="H1435" s="60">
        <v>211</v>
      </c>
      <c r="I1435" s="60">
        <v>244</v>
      </c>
      <c r="J1435" s="61">
        <v>0</v>
      </c>
      <c r="K1435" s="61">
        <v>-1255.9000000000001</v>
      </c>
    </row>
    <row r="1436" spans="1:11" ht="18.75" hidden="1" customHeight="1" thickBot="1">
      <c r="A1436" s="59" t="s">
        <v>448</v>
      </c>
      <c r="B1436" s="59" t="s">
        <v>28</v>
      </c>
      <c r="C1436" s="59" t="s">
        <v>28</v>
      </c>
      <c r="D1436" s="59" t="s">
        <v>372</v>
      </c>
      <c r="E1436" s="59" t="s">
        <v>382</v>
      </c>
      <c r="F1436" s="59" t="s">
        <v>449</v>
      </c>
      <c r="G1436" s="59" t="s">
        <v>450</v>
      </c>
      <c r="H1436" s="60">
        <v>212</v>
      </c>
      <c r="I1436" s="60">
        <v>211</v>
      </c>
      <c r="J1436" s="61">
        <v>0</v>
      </c>
      <c r="K1436" s="61">
        <v>-42.53</v>
      </c>
    </row>
    <row r="1437" spans="1:11" ht="18.75" hidden="1" customHeight="1" thickBot="1">
      <c r="A1437" s="59" t="s">
        <v>448</v>
      </c>
      <c r="B1437" s="59" t="s">
        <v>28</v>
      </c>
      <c r="C1437" s="59" t="s">
        <v>28</v>
      </c>
      <c r="D1437" s="59" t="s">
        <v>372</v>
      </c>
      <c r="E1437" s="59" t="s">
        <v>382</v>
      </c>
      <c r="F1437" s="59" t="s">
        <v>449</v>
      </c>
      <c r="G1437" s="59" t="s">
        <v>450</v>
      </c>
      <c r="H1437" s="60">
        <v>212</v>
      </c>
      <c r="I1437" s="60">
        <v>215</v>
      </c>
      <c r="J1437" s="61">
        <v>0</v>
      </c>
      <c r="K1437" s="61">
        <v>-392.47</v>
      </c>
    </row>
    <row r="1438" spans="1:11" ht="18.75" hidden="1" customHeight="1" thickBot="1">
      <c r="A1438" s="59" t="s">
        <v>448</v>
      </c>
      <c r="B1438" s="59" t="s">
        <v>28</v>
      </c>
      <c r="C1438" s="59" t="s">
        <v>28</v>
      </c>
      <c r="D1438" s="59" t="s">
        <v>372</v>
      </c>
      <c r="E1438" s="59" t="s">
        <v>382</v>
      </c>
      <c r="F1438" s="59" t="s">
        <v>449</v>
      </c>
      <c r="G1438" s="59" t="s">
        <v>450</v>
      </c>
      <c r="H1438" s="60">
        <v>216</v>
      </c>
      <c r="I1438" s="60">
        <v>215</v>
      </c>
      <c r="J1438" s="61">
        <v>0</v>
      </c>
      <c r="K1438" s="61">
        <v>-54.51</v>
      </c>
    </row>
    <row r="1439" spans="1:11" ht="18.75" hidden="1" customHeight="1" thickBot="1">
      <c r="A1439" s="59" t="s">
        <v>448</v>
      </c>
      <c r="B1439" s="59" t="s">
        <v>28</v>
      </c>
      <c r="C1439" s="59" t="s">
        <v>28</v>
      </c>
      <c r="D1439" s="59" t="s">
        <v>372</v>
      </c>
      <c r="E1439" s="59" t="s">
        <v>382</v>
      </c>
      <c r="F1439" s="59" t="s">
        <v>449</v>
      </c>
      <c r="G1439" s="59" t="s">
        <v>450</v>
      </c>
      <c r="H1439" s="60">
        <v>221</v>
      </c>
      <c r="I1439" s="60">
        <v>211</v>
      </c>
      <c r="J1439" s="61">
        <v>0</v>
      </c>
      <c r="K1439" s="61">
        <v>-11.29</v>
      </c>
    </row>
    <row r="1440" spans="1:11" ht="18.75" hidden="1" customHeight="1" thickBot="1">
      <c r="A1440" s="59" t="s">
        <v>448</v>
      </c>
      <c r="B1440" s="59" t="s">
        <v>28</v>
      </c>
      <c r="C1440" s="59" t="s">
        <v>28</v>
      </c>
      <c r="D1440" s="59" t="s">
        <v>373</v>
      </c>
      <c r="E1440" s="59" t="s">
        <v>378</v>
      </c>
      <c r="F1440" s="59" t="s">
        <v>449</v>
      </c>
      <c r="G1440" s="59" t="s">
        <v>450</v>
      </c>
      <c r="H1440" s="60">
        <v>10</v>
      </c>
      <c r="I1440" s="60">
        <v>15</v>
      </c>
      <c r="J1440" s="61">
        <v>0</v>
      </c>
      <c r="K1440" s="61">
        <v>-228.73</v>
      </c>
    </row>
    <row r="1441" spans="1:11" ht="18.75" hidden="1" customHeight="1" thickBot="1">
      <c r="A1441" s="59" t="s">
        <v>448</v>
      </c>
      <c r="B1441" s="59" t="s">
        <v>28</v>
      </c>
      <c r="C1441" s="59" t="s">
        <v>28</v>
      </c>
      <c r="D1441" s="59" t="s">
        <v>373</v>
      </c>
      <c r="E1441" s="59" t="s">
        <v>378</v>
      </c>
      <c r="F1441" s="59" t="s">
        <v>449</v>
      </c>
      <c r="G1441" s="59" t="s">
        <v>450</v>
      </c>
      <c r="H1441" s="60">
        <v>10</v>
      </c>
      <c r="I1441" s="60">
        <v>22</v>
      </c>
      <c r="J1441" s="61">
        <v>0</v>
      </c>
      <c r="K1441" s="61">
        <v>-47.5</v>
      </c>
    </row>
    <row r="1442" spans="1:11" ht="18.75" hidden="1" customHeight="1" thickBot="1">
      <c r="A1442" s="59" t="s">
        <v>448</v>
      </c>
      <c r="B1442" s="59" t="s">
        <v>28</v>
      </c>
      <c r="C1442" s="59" t="s">
        <v>28</v>
      </c>
      <c r="D1442" s="59" t="s">
        <v>373</v>
      </c>
      <c r="E1442" s="59" t="s">
        <v>378</v>
      </c>
      <c r="F1442" s="59" t="s">
        <v>449</v>
      </c>
      <c r="G1442" s="59" t="s">
        <v>450</v>
      </c>
      <c r="H1442" s="60">
        <v>10</v>
      </c>
      <c r="I1442" s="60">
        <v>93</v>
      </c>
      <c r="J1442" s="61">
        <v>0</v>
      </c>
      <c r="K1442" s="61">
        <v>-3.77</v>
      </c>
    </row>
    <row r="1443" spans="1:11" ht="18.75" hidden="1" customHeight="1" thickBot="1">
      <c r="A1443" s="59" t="s">
        <v>448</v>
      </c>
      <c r="B1443" s="59" t="s">
        <v>28</v>
      </c>
      <c r="C1443" s="59" t="s">
        <v>28</v>
      </c>
      <c r="D1443" s="59" t="s">
        <v>373</v>
      </c>
      <c r="E1443" s="59" t="s">
        <v>378</v>
      </c>
      <c r="F1443" s="59" t="s">
        <v>449</v>
      </c>
      <c r="G1443" s="59" t="s">
        <v>450</v>
      </c>
      <c r="H1443" s="60">
        <v>10</v>
      </c>
      <c r="I1443" s="60">
        <v>94</v>
      </c>
      <c r="J1443" s="61">
        <v>0</v>
      </c>
      <c r="K1443" s="61">
        <v>-79.14</v>
      </c>
    </row>
    <row r="1444" spans="1:11" ht="18.75" hidden="1" customHeight="1" thickBot="1">
      <c r="A1444" s="59" t="s">
        <v>448</v>
      </c>
      <c r="B1444" s="59" t="s">
        <v>28</v>
      </c>
      <c r="C1444" s="59" t="s">
        <v>28</v>
      </c>
      <c r="D1444" s="59" t="s">
        <v>373</v>
      </c>
      <c r="E1444" s="59" t="s">
        <v>378</v>
      </c>
      <c r="F1444" s="59" t="s">
        <v>449</v>
      </c>
      <c r="G1444" s="59" t="s">
        <v>450</v>
      </c>
      <c r="H1444" s="60">
        <v>10</v>
      </c>
      <c r="I1444" s="60">
        <v>97</v>
      </c>
      <c r="J1444" s="61">
        <v>0</v>
      </c>
      <c r="K1444" s="61">
        <v>-4.34</v>
      </c>
    </row>
    <row r="1445" spans="1:11" ht="18.75" hidden="1" customHeight="1" thickBot="1">
      <c r="A1445" s="59" t="s">
        <v>448</v>
      </c>
      <c r="B1445" s="59" t="s">
        <v>28</v>
      </c>
      <c r="C1445" s="59" t="s">
        <v>28</v>
      </c>
      <c r="D1445" s="59" t="s">
        <v>373</v>
      </c>
      <c r="E1445" s="59" t="s">
        <v>378</v>
      </c>
      <c r="F1445" s="59" t="s">
        <v>449</v>
      </c>
      <c r="G1445" s="59" t="s">
        <v>450</v>
      </c>
      <c r="H1445" s="60">
        <v>10</v>
      </c>
      <c r="I1445" s="60">
        <v>107</v>
      </c>
      <c r="J1445" s="61">
        <v>0</v>
      </c>
      <c r="K1445" s="61">
        <v>-5.53</v>
      </c>
    </row>
    <row r="1446" spans="1:11" ht="18.75" hidden="1" customHeight="1" thickBot="1">
      <c r="A1446" s="59" t="s">
        <v>448</v>
      </c>
      <c r="B1446" s="59" t="s">
        <v>28</v>
      </c>
      <c r="C1446" s="59" t="s">
        <v>28</v>
      </c>
      <c r="D1446" s="59" t="s">
        <v>373</v>
      </c>
      <c r="E1446" s="59" t="s">
        <v>378</v>
      </c>
      <c r="F1446" s="59" t="s">
        <v>449</v>
      </c>
      <c r="G1446" s="59" t="s">
        <v>450</v>
      </c>
      <c r="H1446" s="60">
        <v>10</v>
      </c>
      <c r="I1446" s="60">
        <v>109</v>
      </c>
      <c r="J1446" s="61">
        <v>0</v>
      </c>
      <c r="K1446" s="61">
        <v>-3.13</v>
      </c>
    </row>
    <row r="1447" spans="1:11" ht="18.75" hidden="1" customHeight="1" thickBot="1">
      <c r="A1447" s="59" t="s">
        <v>448</v>
      </c>
      <c r="B1447" s="59" t="s">
        <v>28</v>
      </c>
      <c r="C1447" s="59" t="s">
        <v>28</v>
      </c>
      <c r="D1447" s="59" t="s">
        <v>373</v>
      </c>
      <c r="E1447" s="59" t="s">
        <v>378</v>
      </c>
      <c r="F1447" s="59" t="s">
        <v>449</v>
      </c>
      <c r="G1447" s="59" t="s">
        <v>450</v>
      </c>
      <c r="H1447" s="60">
        <v>10</v>
      </c>
      <c r="I1447" s="60">
        <v>111</v>
      </c>
      <c r="J1447" s="61">
        <v>0</v>
      </c>
      <c r="K1447" s="61">
        <v>-2.0699999999999998</v>
      </c>
    </row>
    <row r="1448" spans="1:11" ht="18.75" hidden="1" customHeight="1" thickBot="1">
      <c r="A1448" s="59" t="s">
        <v>448</v>
      </c>
      <c r="B1448" s="59" t="s">
        <v>28</v>
      </c>
      <c r="C1448" s="59" t="s">
        <v>28</v>
      </c>
      <c r="D1448" s="59" t="s">
        <v>373</v>
      </c>
      <c r="E1448" s="59" t="s">
        <v>378</v>
      </c>
      <c r="F1448" s="59" t="s">
        <v>449</v>
      </c>
      <c r="G1448" s="59" t="s">
        <v>450</v>
      </c>
      <c r="H1448" s="60">
        <v>10</v>
      </c>
      <c r="I1448" s="60">
        <v>113</v>
      </c>
      <c r="J1448" s="61">
        <v>0</v>
      </c>
      <c r="K1448" s="61">
        <v>-44.45</v>
      </c>
    </row>
    <row r="1449" spans="1:11" ht="18.75" hidden="1" customHeight="1" thickBot="1">
      <c r="A1449" s="59" t="s">
        <v>448</v>
      </c>
      <c r="B1449" s="59" t="s">
        <v>28</v>
      </c>
      <c r="C1449" s="59" t="s">
        <v>28</v>
      </c>
      <c r="D1449" s="59" t="s">
        <v>373</v>
      </c>
      <c r="E1449" s="59" t="s">
        <v>378</v>
      </c>
      <c r="F1449" s="59" t="s">
        <v>449</v>
      </c>
      <c r="G1449" s="59" t="s">
        <v>450</v>
      </c>
      <c r="H1449" s="60">
        <v>10</v>
      </c>
      <c r="I1449" s="60">
        <v>150</v>
      </c>
      <c r="J1449" s="61">
        <v>0</v>
      </c>
      <c r="K1449" s="61">
        <v>-20.38</v>
      </c>
    </row>
    <row r="1450" spans="1:11" ht="18.75" hidden="1" customHeight="1" thickBot="1">
      <c r="A1450" s="59" t="s">
        <v>448</v>
      </c>
      <c r="B1450" s="59" t="s">
        <v>28</v>
      </c>
      <c r="C1450" s="59" t="s">
        <v>28</v>
      </c>
      <c r="D1450" s="59" t="s">
        <v>373</v>
      </c>
      <c r="E1450" s="59" t="s">
        <v>378</v>
      </c>
      <c r="F1450" s="59" t="s">
        <v>449</v>
      </c>
      <c r="G1450" s="59" t="s">
        <v>450</v>
      </c>
      <c r="H1450" s="60">
        <v>20</v>
      </c>
      <c r="I1450" s="60">
        <v>15</v>
      </c>
      <c r="J1450" s="61">
        <v>0</v>
      </c>
      <c r="K1450" s="61">
        <v>-163.12</v>
      </c>
    </row>
    <row r="1451" spans="1:11" ht="18.75" hidden="1" customHeight="1" thickBot="1">
      <c r="A1451" s="59" t="s">
        <v>448</v>
      </c>
      <c r="B1451" s="59" t="s">
        <v>28</v>
      </c>
      <c r="C1451" s="59" t="s">
        <v>28</v>
      </c>
      <c r="D1451" s="59" t="s">
        <v>373</v>
      </c>
      <c r="E1451" s="59" t="s">
        <v>378</v>
      </c>
      <c r="F1451" s="59" t="s">
        <v>449</v>
      </c>
      <c r="G1451" s="59" t="s">
        <v>450</v>
      </c>
      <c r="H1451" s="60">
        <v>20</v>
      </c>
      <c r="I1451" s="60">
        <v>17</v>
      </c>
      <c r="J1451" s="61">
        <v>0</v>
      </c>
      <c r="K1451" s="61">
        <v>-1.67</v>
      </c>
    </row>
    <row r="1452" spans="1:11" ht="18.75" hidden="1" customHeight="1" thickBot="1">
      <c r="A1452" s="59" t="s">
        <v>448</v>
      </c>
      <c r="B1452" s="59" t="s">
        <v>28</v>
      </c>
      <c r="C1452" s="59" t="s">
        <v>28</v>
      </c>
      <c r="D1452" s="59" t="s">
        <v>373</v>
      </c>
      <c r="E1452" s="59" t="s">
        <v>378</v>
      </c>
      <c r="F1452" s="59" t="s">
        <v>449</v>
      </c>
      <c r="G1452" s="59" t="s">
        <v>450</v>
      </c>
      <c r="H1452" s="60">
        <v>20</v>
      </c>
      <c r="I1452" s="60">
        <v>22</v>
      </c>
      <c r="J1452" s="61">
        <v>0</v>
      </c>
      <c r="K1452" s="61">
        <v>-234.72</v>
      </c>
    </row>
    <row r="1453" spans="1:11" ht="18.75" hidden="1" customHeight="1" thickBot="1">
      <c r="A1453" s="59" t="s">
        <v>448</v>
      </c>
      <c r="B1453" s="59" t="s">
        <v>28</v>
      </c>
      <c r="C1453" s="59" t="s">
        <v>28</v>
      </c>
      <c r="D1453" s="59" t="s">
        <v>373</v>
      </c>
      <c r="E1453" s="59" t="s">
        <v>378</v>
      </c>
      <c r="F1453" s="59" t="s">
        <v>449</v>
      </c>
      <c r="G1453" s="59" t="s">
        <v>450</v>
      </c>
      <c r="H1453" s="60">
        <v>20</v>
      </c>
      <c r="I1453" s="60">
        <v>93</v>
      </c>
      <c r="J1453" s="61">
        <v>0</v>
      </c>
      <c r="K1453" s="61">
        <v>-0.83</v>
      </c>
    </row>
    <row r="1454" spans="1:11" ht="18.75" hidden="1" customHeight="1" thickBot="1">
      <c r="A1454" s="59" t="s">
        <v>448</v>
      </c>
      <c r="B1454" s="59" t="s">
        <v>28</v>
      </c>
      <c r="C1454" s="59" t="s">
        <v>28</v>
      </c>
      <c r="D1454" s="59" t="s">
        <v>373</v>
      </c>
      <c r="E1454" s="59" t="s">
        <v>378</v>
      </c>
      <c r="F1454" s="59" t="s">
        <v>449</v>
      </c>
      <c r="G1454" s="59" t="s">
        <v>450</v>
      </c>
      <c r="H1454" s="60">
        <v>20</v>
      </c>
      <c r="I1454" s="60">
        <v>94</v>
      </c>
      <c r="J1454" s="61">
        <v>0</v>
      </c>
      <c r="K1454" s="61">
        <v>-50.23</v>
      </c>
    </row>
    <row r="1455" spans="1:11" ht="18.75" hidden="1" customHeight="1" thickBot="1">
      <c r="A1455" s="59" t="s">
        <v>448</v>
      </c>
      <c r="B1455" s="59" t="s">
        <v>28</v>
      </c>
      <c r="C1455" s="59" t="s">
        <v>28</v>
      </c>
      <c r="D1455" s="59" t="s">
        <v>373</v>
      </c>
      <c r="E1455" s="59" t="s">
        <v>378</v>
      </c>
      <c r="F1455" s="59" t="s">
        <v>449</v>
      </c>
      <c r="G1455" s="59" t="s">
        <v>450</v>
      </c>
      <c r="H1455" s="60">
        <v>20</v>
      </c>
      <c r="I1455" s="60">
        <v>97</v>
      </c>
      <c r="J1455" s="61">
        <v>0</v>
      </c>
      <c r="K1455" s="61">
        <v>-6.35</v>
      </c>
    </row>
    <row r="1456" spans="1:11" ht="18.75" hidden="1" customHeight="1" thickBot="1">
      <c r="A1456" s="59" t="s">
        <v>448</v>
      </c>
      <c r="B1456" s="59" t="s">
        <v>28</v>
      </c>
      <c r="C1456" s="59" t="s">
        <v>28</v>
      </c>
      <c r="D1456" s="59" t="s">
        <v>373</v>
      </c>
      <c r="E1456" s="59" t="s">
        <v>378</v>
      </c>
      <c r="F1456" s="59" t="s">
        <v>449</v>
      </c>
      <c r="G1456" s="59" t="s">
        <v>450</v>
      </c>
      <c r="H1456" s="60">
        <v>20</v>
      </c>
      <c r="I1456" s="60">
        <v>107</v>
      </c>
      <c r="J1456" s="61">
        <v>0</v>
      </c>
      <c r="K1456" s="61">
        <v>-2.0099999999999998</v>
      </c>
    </row>
    <row r="1457" spans="1:11" ht="18.75" hidden="1" customHeight="1" thickBot="1">
      <c r="A1457" s="59" t="s">
        <v>448</v>
      </c>
      <c r="B1457" s="59" t="s">
        <v>28</v>
      </c>
      <c r="C1457" s="59" t="s">
        <v>28</v>
      </c>
      <c r="D1457" s="59" t="s">
        <v>373</v>
      </c>
      <c r="E1457" s="59" t="s">
        <v>378</v>
      </c>
      <c r="F1457" s="59" t="s">
        <v>449</v>
      </c>
      <c r="G1457" s="59" t="s">
        <v>450</v>
      </c>
      <c r="H1457" s="60">
        <v>20</v>
      </c>
      <c r="I1457" s="60">
        <v>109</v>
      </c>
      <c r="J1457" s="61">
        <v>0</v>
      </c>
      <c r="K1457" s="61">
        <v>-2.82</v>
      </c>
    </row>
    <row r="1458" spans="1:11" ht="18.75" hidden="1" customHeight="1" thickBot="1">
      <c r="A1458" s="59" t="s">
        <v>448</v>
      </c>
      <c r="B1458" s="59" t="s">
        <v>28</v>
      </c>
      <c r="C1458" s="59" t="s">
        <v>28</v>
      </c>
      <c r="D1458" s="59" t="s">
        <v>373</v>
      </c>
      <c r="E1458" s="59" t="s">
        <v>378</v>
      </c>
      <c r="F1458" s="59" t="s">
        <v>449</v>
      </c>
      <c r="G1458" s="59" t="s">
        <v>450</v>
      </c>
      <c r="H1458" s="60">
        <v>20</v>
      </c>
      <c r="I1458" s="60">
        <v>113</v>
      </c>
      <c r="J1458" s="61">
        <v>0</v>
      </c>
      <c r="K1458" s="61">
        <v>-59.47</v>
      </c>
    </row>
    <row r="1459" spans="1:11" ht="18.75" hidden="1" customHeight="1" thickBot="1">
      <c r="A1459" s="59" t="s">
        <v>448</v>
      </c>
      <c r="B1459" s="59" t="s">
        <v>28</v>
      </c>
      <c r="C1459" s="59" t="s">
        <v>28</v>
      </c>
      <c r="D1459" s="59" t="s">
        <v>373</v>
      </c>
      <c r="E1459" s="59" t="s">
        <v>378</v>
      </c>
      <c r="F1459" s="59" t="s">
        <v>449</v>
      </c>
      <c r="G1459" s="59" t="s">
        <v>450</v>
      </c>
      <c r="H1459" s="60">
        <v>20</v>
      </c>
      <c r="I1459" s="60">
        <v>150</v>
      </c>
      <c r="J1459" s="61">
        <v>0</v>
      </c>
      <c r="K1459" s="61">
        <v>-12.52</v>
      </c>
    </row>
    <row r="1460" spans="1:11" ht="18.75" hidden="1" customHeight="1" thickBot="1">
      <c r="A1460" s="59" t="s">
        <v>448</v>
      </c>
      <c r="B1460" s="59" t="s">
        <v>28</v>
      </c>
      <c r="C1460" s="59" t="s">
        <v>28</v>
      </c>
      <c r="D1460" s="59" t="s">
        <v>373</v>
      </c>
      <c r="E1460" s="59" t="s">
        <v>378</v>
      </c>
      <c r="F1460" s="59" t="s">
        <v>449</v>
      </c>
      <c r="G1460" s="59" t="s">
        <v>450</v>
      </c>
      <c r="H1460" s="60">
        <v>211</v>
      </c>
      <c r="I1460" s="60">
        <v>93</v>
      </c>
      <c r="J1460" s="61">
        <v>0</v>
      </c>
      <c r="K1460" s="61">
        <v>-21.78</v>
      </c>
    </row>
    <row r="1461" spans="1:11" ht="18.75" hidden="1" customHeight="1" thickBot="1">
      <c r="A1461" s="59" t="s">
        <v>448</v>
      </c>
      <c r="B1461" s="59" t="s">
        <v>28</v>
      </c>
      <c r="C1461" s="59" t="s">
        <v>28</v>
      </c>
      <c r="D1461" s="59" t="s">
        <v>373</v>
      </c>
      <c r="E1461" s="59" t="s">
        <v>378</v>
      </c>
      <c r="F1461" s="59" t="s">
        <v>449</v>
      </c>
      <c r="G1461" s="59" t="s">
        <v>450</v>
      </c>
      <c r="H1461" s="60">
        <v>211</v>
      </c>
      <c r="I1461" s="60">
        <v>94</v>
      </c>
      <c r="J1461" s="61">
        <v>0</v>
      </c>
      <c r="K1461" s="61">
        <v>-17.05</v>
      </c>
    </row>
    <row r="1462" spans="1:11" ht="18.75" hidden="1" customHeight="1" thickBot="1">
      <c r="A1462" s="59" t="s">
        <v>448</v>
      </c>
      <c r="B1462" s="59" t="s">
        <v>28</v>
      </c>
      <c r="C1462" s="59" t="s">
        <v>28</v>
      </c>
      <c r="D1462" s="59" t="s">
        <v>373</v>
      </c>
      <c r="E1462" s="59" t="s">
        <v>378</v>
      </c>
      <c r="F1462" s="59" t="s">
        <v>449</v>
      </c>
      <c r="G1462" s="59" t="s">
        <v>450</v>
      </c>
      <c r="H1462" s="60">
        <v>211</v>
      </c>
      <c r="I1462" s="60">
        <v>97</v>
      </c>
      <c r="J1462" s="61">
        <v>0</v>
      </c>
      <c r="K1462" s="61">
        <v>-74.62</v>
      </c>
    </row>
    <row r="1463" spans="1:11" ht="18.75" hidden="1" customHeight="1" thickBot="1">
      <c r="A1463" s="59" t="s">
        <v>448</v>
      </c>
      <c r="B1463" s="59" t="s">
        <v>28</v>
      </c>
      <c r="C1463" s="59" t="s">
        <v>28</v>
      </c>
      <c r="D1463" s="59" t="s">
        <v>373</v>
      </c>
      <c r="E1463" s="59" t="s">
        <v>378</v>
      </c>
      <c r="F1463" s="59" t="s">
        <v>449</v>
      </c>
      <c r="G1463" s="59" t="s">
        <v>450</v>
      </c>
      <c r="H1463" s="60">
        <v>211</v>
      </c>
      <c r="I1463" s="60">
        <v>98</v>
      </c>
      <c r="J1463" s="61">
        <v>0</v>
      </c>
      <c r="K1463" s="61">
        <v>-1.98</v>
      </c>
    </row>
    <row r="1464" spans="1:11" ht="18.75" hidden="1" customHeight="1" thickBot="1">
      <c r="A1464" s="59" t="s">
        <v>448</v>
      </c>
      <c r="B1464" s="59" t="s">
        <v>28</v>
      </c>
      <c r="C1464" s="59" t="s">
        <v>28</v>
      </c>
      <c r="D1464" s="59" t="s">
        <v>373</v>
      </c>
      <c r="E1464" s="59" t="s">
        <v>378</v>
      </c>
      <c r="F1464" s="59" t="s">
        <v>449</v>
      </c>
      <c r="G1464" s="59" t="s">
        <v>450</v>
      </c>
      <c r="H1464" s="60">
        <v>211</v>
      </c>
      <c r="I1464" s="60">
        <v>107</v>
      </c>
      <c r="J1464" s="61">
        <v>0</v>
      </c>
      <c r="K1464" s="61">
        <v>-29</v>
      </c>
    </row>
    <row r="1465" spans="1:11" ht="18.75" hidden="1" customHeight="1" thickBot="1">
      <c r="A1465" s="59" t="s">
        <v>448</v>
      </c>
      <c r="B1465" s="59" t="s">
        <v>28</v>
      </c>
      <c r="C1465" s="59" t="s">
        <v>28</v>
      </c>
      <c r="D1465" s="59" t="s">
        <v>373</v>
      </c>
      <c r="E1465" s="59" t="s">
        <v>378</v>
      </c>
      <c r="F1465" s="59" t="s">
        <v>449</v>
      </c>
      <c r="G1465" s="59" t="s">
        <v>450</v>
      </c>
      <c r="H1465" s="60">
        <v>211</v>
      </c>
      <c r="I1465" s="60">
        <v>109</v>
      </c>
      <c r="J1465" s="61">
        <v>0</v>
      </c>
      <c r="K1465" s="61">
        <v>-80.37</v>
      </c>
    </row>
    <row r="1466" spans="1:11" ht="18.75" hidden="1" customHeight="1" thickBot="1">
      <c r="A1466" s="59" t="s">
        <v>448</v>
      </c>
      <c r="B1466" s="59" t="s">
        <v>28</v>
      </c>
      <c r="C1466" s="59" t="s">
        <v>28</v>
      </c>
      <c r="D1466" s="59" t="s">
        <v>373</v>
      </c>
      <c r="E1466" s="59" t="s">
        <v>378</v>
      </c>
      <c r="F1466" s="59" t="s">
        <v>449</v>
      </c>
      <c r="G1466" s="59" t="s">
        <v>450</v>
      </c>
      <c r="H1466" s="60">
        <v>211</v>
      </c>
      <c r="I1466" s="60">
        <v>113</v>
      </c>
      <c r="J1466" s="61">
        <v>0</v>
      </c>
      <c r="K1466" s="61">
        <v>-28.39</v>
      </c>
    </row>
    <row r="1467" spans="1:11" ht="18.75" hidden="1" customHeight="1" thickBot="1">
      <c r="A1467" s="59" t="s">
        <v>448</v>
      </c>
      <c r="B1467" s="59" t="s">
        <v>28</v>
      </c>
      <c r="C1467" s="59" t="s">
        <v>28</v>
      </c>
      <c r="D1467" s="59" t="s">
        <v>373</v>
      </c>
      <c r="E1467" s="59" t="s">
        <v>378</v>
      </c>
      <c r="F1467" s="59" t="s">
        <v>449</v>
      </c>
      <c r="G1467" s="59" t="s">
        <v>450</v>
      </c>
      <c r="H1467" s="60">
        <v>211</v>
      </c>
      <c r="I1467" s="60">
        <v>116</v>
      </c>
      <c r="J1467" s="61">
        <v>0</v>
      </c>
      <c r="K1467" s="61">
        <v>-26.68</v>
      </c>
    </row>
    <row r="1468" spans="1:11" ht="18.75" hidden="1" customHeight="1" thickBot="1">
      <c r="A1468" s="59" t="s">
        <v>448</v>
      </c>
      <c r="B1468" s="59" t="s">
        <v>28</v>
      </c>
      <c r="C1468" s="59" t="s">
        <v>28</v>
      </c>
      <c r="D1468" s="59" t="s">
        <v>373</v>
      </c>
      <c r="E1468" s="59" t="s">
        <v>378</v>
      </c>
      <c r="F1468" s="59" t="s">
        <v>449</v>
      </c>
      <c r="G1468" s="59" t="s">
        <v>450</v>
      </c>
      <c r="H1468" s="60">
        <v>211</v>
      </c>
      <c r="I1468" s="60">
        <v>131</v>
      </c>
      <c r="J1468" s="61">
        <v>0</v>
      </c>
      <c r="K1468" s="61">
        <v>-22.84</v>
      </c>
    </row>
    <row r="1469" spans="1:11" ht="18.75" hidden="1" customHeight="1" thickBot="1">
      <c r="A1469" s="59" t="s">
        <v>448</v>
      </c>
      <c r="B1469" s="59" t="s">
        <v>28</v>
      </c>
      <c r="C1469" s="59" t="s">
        <v>28</v>
      </c>
      <c r="D1469" s="59" t="s">
        <v>373</v>
      </c>
      <c r="E1469" s="59" t="s">
        <v>378</v>
      </c>
      <c r="F1469" s="59" t="s">
        <v>449</v>
      </c>
      <c r="G1469" s="59" t="s">
        <v>450</v>
      </c>
      <c r="H1469" s="60">
        <v>211</v>
      </c>
      <c r="I1469" s="60">
        <v>150</v>
      </c>
      <c r="J1469" s="61">
        <v>0</v>
      </c>
      <c r="K1469" s="61">
        <v>-7.94</v>
      </c>
    </row>
    <row r="1470" spans="1:11" ht="18.75" hidden="1" customHeight="1" thickBot="1">
      <c r="A1470" s="59" t="s">
        <v>448</v>
      </c>
      <c r="B1470" s="59" t="s">
        <v>28</v>
      </c>
      <c r="C1470" s="59" t="s">
        <v>28</v>
      </c>
      <c r="D1470" s="59" t="s">
        <v>373</v>
      </c>
      <c r="E1470" s="59" t="s">
        <v>378</v>
      </c>
      <c r="F1470" s="59" t="s">
        <v>449</v>
      </c>
      <c r="G1470" s="59" t="s">
        <v>450</v>
      </c>
      <c r="H1470" s="60">
        <v>211</v>
      </c>
      <c r="I1470" s="60">
        <v>211</v>
      </c>
      <c r="J1470" s="61">
        <v>0</v>
      </c>
      <c r="K1470" s="61">
        <v>-4169.2</v>
      </c>
    </row>
    <row r="1471" spans="1:11" ht="18.75" hidden="1" customHeight="1" thickBot="1">
      <c r="A1471" s="59" t="s">
        <v>448</v>
      </c>
      <c r="B1471" s="59" t="s">
        <v>28</v>
      </c>
      <c r="C1471" s="59" t="s">
        <v>28</v>
      </c>
      <c r="D1471" s="59" t="s">
        <v>373</v>
      </c>
      <c r="E1471" s="59" t="s">
        <v>378</v>
      </c>
      <c r="F1471" s="59" t="s">
        <v>449</v>
      </c>
      <c r="G1471" s="59" t="s">
        <v>450</v>
      </c>
      <c r="H1471" s="60">
        <v>211</v>
      </c>
      <c r="I1471" s="60">
        <v>213</v>
      </c>
      <c r="J1471" s="61">
        <v>0</v>
      </c>
      <c r="K1471" s="61">
        <v>-27.59</v>
      </c>
    </row>
    <row r="1472" spans="1:11" ht="18.75" hidden="1" customHeight="1" thickBot="1">
      <c r="A1472" s="59" t="s">
        <v>448</v>
      </c>
      <c r="B1472" s="59" t="s">
        <v>28</v>
      </c>
      <c r="C1472" s="59" t="s">
        <v>28</v>
      </c>
      <c r="D1472" s="59" t="s">
        <v>373</v>
      </c>
      <c r="E1472" s="59" t="s">
        <v>378</v>
      </c>
      <c r="F1472" s="59" t="s">
        <v>449</v>
      </c>
      <c r="G1472" s="59" t="s">
        <v>450</v>
      </c>
      <c r="H1472" s="60">
        <v>211</v>
      </c>
      <c r="I1472" s="60">
        <v>215</v>
      </c>
      <c r="J1472" s="61">
        <v>0</v>
      </c>
      <c r="K1472" s="61">
        <v>-7966.67</v>
      </c>
    </row>
    <row r="1473" spans="1:11" ht="18.75" hidden="1" customHeight="1" thickBot="1">
      <c r="A1473" s="59" t="s">
        <v>448</v>
      </c>
      <c r="B1473" s="59" t="s">
        <v>28</v>
      </c>
      <c r="C1473" s="59" t="s">
        <v>28</v>
      </c>
      <c r="D1473" s="59" t="s">
        <v>373</v>
      </c>
      <c r="E1473" s="59" t="s">
        <v>378</v>
      </c>
      <c r="F1473" s="59" t="s">
        <v>449</v>
      </c>
      <c r="G1473" s="59" t="s">
        <v>450</v>
      </c>
      <c r="H1473" s="60">
        <v>211</v>
      </c>
      <c r="I1473" s="60">
        <v>227</v>
      </c>
      <c r="J1473" s="61">
        <v>0</v>
      </c>
      <c r="K1473" s="61">
        <v>-118.07</v>
      </c>
    </row>
    <row r="1474" spans="1:11" ht="18.75" hidden="1" customHeight="1" thickBot="1">
      <c r="A1474" s="59" t="s">
        <v>448</v>
      </c>
      <c r="B1474" s="59" t="s">
        <v>28</v>
      </c>
      <c r="C1474" s="59" t="s">
        <v>28</v>
      </c>
      <c r="D1474" s="59" t="s">
        <v>373</v>
      </c>
      <c r="E1474" s="59" t="s">
        <v>378</v>
      </c>
      <c r="F1474" s="59" t="s">
        <v>449</v>
      </c>
      <c r="G1474" s="59" t="s">
        <v>450</v>
      </c>
      <c r="H1474" s="60">
        <v>211</v>
      </c>
      <c r="I1474" s="60">
        <v>229</v>
      </c>
      <c r="J1474" s="61">
        <v>0</v>
      </c>
      <c r="K1474" s="61">
        <v>-9.51</v>
      </c>
    </row>
    <row r="1475" spans="1:11" ht="18.75" hidden="1" customHeight="1" thickBot="1">
      <c r="A1475" s="59" t="s">
        <v>448</v>
      </c>
      <c r="B1475" s="59" t="s">
        <v>28</v>
      </c>
      <c r="C1475" s="59" t="s">
        <v>28</v>
      </c>
      <c r="D1475" s="59" t="s">
        <v>373</v>
      </c>
      <c r="E1475" s="59" t="s">
        <v>378</v>
      </c>
      <c r="F1475" s="59" t="s">
        <v>449</v>
      </c>
      <c r="G1475" s="59" t="s">
        <v>450</v>
      </c>
      <c r="H1475" s="60">
        <v>211</v>
      </c>
      <c r="I1475" s="60">
        <v>240</v>
      </c>
      <c r="J1475" s="61">
        <v>0</v>
      </c>
      <c r="K1475" s="61">
        <v>-8283.06</v>
      </c>
    </row>
    <row r="1476" spans="1:11" ht="18.75" hidden="1" customHeight="1" thickBot="1">
      <c r="A1476" s="59" t="s">
        <v>448</v>
      </c>
      <c r="B1476" s="59" t="s">
        <v>28</v>
      </c>
      <c r="C1476" s="59" t="s">
        <v>28</v>
      </c>
      <c r="D1476" s="59" t="s">
        <v>373</v>
      </c>
      <c r="E1476" s="59" t="s">
        <v>378</v>
      </c>
      <c r="F1476" s="59" t="s">
        <v>449</v>
      </c>
      <c r="G1476" s="59" t="s">
        <v>450</v>
      </c>
      <c r="H1476" s="60">
        <v>211</v>
      </c>
      <c r="I1476" s="60">
        <v>356</v>
      </c>
      <c r="J1476" s="61">
        <v>0</v>
      </c>
      <c r="K1476" s="61">
        <v>-2507.3200000000002</v>
      </c>
    </row>
    <row r="1477" spans="1:11" ht="18.75" hidden="1" customHeight="1" thickBot="1">
      <c r="A1477" s="59" t="s">
        <v>448</v>
      </c>
      <c r="B1477" s="59" t="s">
        <v>28</v>
      </c>
      <c r="C1477" s="59" t="s">
        <v>28</v>
      </c>
      <c r="D1477" s="59" t="s">
        <v>373</v>
      </c>
      <c r="E1477" s="59" t="s">
        <v>378</v>
      </c>
      <c r="F1477" s="59" t="s">
        <v>449</v>
      </c>
      <c r="G1477" s="59" t="s">
        <v>450</v>
      </c>
      <c r="H1477" s="60">
        <v>211</v>
      </c>
      <c r="I1477" s="60">
        <v>359</v>
      </c>
      <c r="J1477" s="61">
        <v>0</v>
      </c>
      <c r="K1477" s="61">
        <v>-63463.89</v>
      </c>
    </row>
    <row r="1478" spans="1:11" ht="18.75" hidden="1" customHeight="1" thickBot="1">
      <c r="A1478" s="59" t="s">
        <v>448</v>
      </c>
      <c r="B1478" s="59" t="s">
        <v>28</v>
      </c>
      <c r="C1478" s="59" t="s">
        <v>28</v>
      </c>
      <c r="D1478" s="59" t="s">
        <v>373</v>
      </c>
      <c r="E1478" s="59" t="s">
        <v>378</v>
      </c>
      <c r="F1478" s="59" t="s">
        <v>449</v>
      </c>
      <c r="G1478" s="59" t="s">
        <v>450</v>
      </c>
      <c r="H1478" s="60">
        <v>212</v>
      </c>
      <c r="I1478" s="60">
        <v>97</v>
      </c>
      <c r="J1478" s="61">
        <v>0</v>
      </c>
      <c r="K1478" s="61">
        <v>-1.1100000000000001</v>
      </c>
    </row>
    <row r="1479" spans="1:11" ht="18.75" hidden="1" customHeight="1" thickBot="1">
      <c r="A1479" s="59" t="s">
        <v>448</v>
      </c>
      <c r="B1479" s="59" t="s">
        <v>28</v>
      </c>
      <c r="C1479" s="59" t="s">
        <v>28</v>
      </c>
      <c r="D1479" s="59" t="s">
        <v>373</v>
      </c>
      <c r="E1479" s="59" t="s">
        <v>378</v>
      </c>
      <c r="F1479" s="59" t="s">
        <v>449</v>
      </c>
      <c r="G1479" s="59" t="s">
        <v>450</v>
      </c>
      <c r="H1479" s="60">
        <v>212</v>
      </c>
      <c r="I1479" s="60">
        <v>107</v>
      </c>
      <c r="J1479" s="61">
        <v>0</v>
      </c>
      <c r="K1479" s="61">
        <v>-4.4000000000000004</v>
      </c>
    </row>
    <row r="1480" spans="1:11" ht="18.75" hidden="1" customHeight="1" thickBot="1">
      <c r="A1480" s="59" t="s">
        <v>448</v>
      </c>
      <c r="B1480" s="59" t="s">
        <v>28</v>
      </c>
      <c r="C1480" s="59" t="s">
        <v>28</v>
      </c>
      <c r="D1480" s="59" t="s">
        <v>373</v>
      </c>
      <c r="E1480" s="59" t="s">
        <v>378</v>
      </c>
      <c r="F1480" s="59" t="s">
        <v>449</v>
      </c>
      <c r="G1480" s="59" t="s">
        <v>450</v>
      </c>
      <c r="H1480" s="60">
        <v>212</v>
      </c>
      <c r="I1480" s="60">
        <v>109</v>
      </c>
      <c r="J1480" s="61">
        <v>0</v>
      </c>
      <c r="K1480" s="61">
        <v>-56.19</v>
      </c>
    </row>
    <row r="1481" spans="1:11" ht="18.75" hidden="1" customHeight="1" thickBot="1">
      <c r="A1481" s="59" t="s">
        <v>448</v>
      </c>
      <c r="B1481" s="59" t="s">
        <v>28</v>
      </c>
      <c r="C1481" s="59" t="s">
        <v>28</v>
      </c>
      <c r="D1481" s="59" t="s">
        <v>373</v>
      </c>
      <c r="E1481" s="59" t="s">
        <v>378</v>
      </c>
      <c r="F1481" s="59" t="s">
        <v>449</v>
      </c>
      <c r="G1481" s="59" t="s">
        <v>450</v>
      </c>
      <c r="H1481" s="60">
        <v>212</v>
      </c>
      <c r="I1481" s="60">
        <v>113</v>
      </c>
      <c r="J1481" s="61">
        <v>0</v>
      </c>
      <c r="K1481" s="61">
        <v>-1.9</v>
      </c>
    </row>
    <row r="1482" spans="1:11" ht="18.75" hidden="1" customHeight="1" thickBot="1">
      <c r="A1482" s="59" t="s">
        <v>448</v>
      </c>
      <c r="B1482" s="59" t="s">
        <v>28</v>
      </c>
      <c r="C1482" s="59" t="s">
        <v>28</v>
      </c>
      <c r="D1482" s="59" t="s">
        <v>373</v>
      </c>
      <c r="E1482" s="59" t="s">
        <v>378</v>
      </c>
      <c r="F1482" s="59" t="s">
        <v>449</v>
      </c>
      <c r="G1482" s="59" t="s">
        <v>450</v>
      </c>
      <c r="H1482" s="60">
        <v>212</v>
      </c>
      <c r="I1482" s="60">
        <v>211</v>
      </c>
      <c r="J1482" s="61">
        <v>0</v>
      </c>
      <c r="K1482" s="61">
        <v>-967.78</v>
      </c>
    </row>
    <row r="1483" spans="1:11" ht="18.75" hidden="1" customHeight="1" thickBot="1">
      <c r="A1483" s="59" t="s">
        <v>448</v>
      </c>
      <c r="B1483" s="59" t="s">
        <v>28</v>
      </c>
      <c r="C1483" s="59" t="s">
        <v>28</v>
      </c>
      <c r="D1483" s="59" t="s">
        <v>373</v>
      </c>
      <c r="E1483" s="59" t="s">
        <v>378</v>
      </c>
      <c r="F1483" s="59" t="s">
        <v>449</v>
      </c>
      <c r="G1483" s="59" t="s">
        <v>450</v>
      </c>
      <c r="H1483" s="60">
        <v>212</v>
      </c>
      <c r="I1483" s="60">
        <v>215</v>
      </c>
      <c r="J1483" s="61">
        <v>0</v>
      </c>
      <c r="K1483" s="61">
        <v>-4827.8</v>
      </c>
    </row>
    <row r="1484" spans="1:11" ht="18.75" hidden="1" customHeight="1" thickBot="1">
      <c r="A1484" s="59" t="s">
        <v>448</v>
      </c>
      <c r="B1484" s="59" t="s">
        <v>28</v>
      </c>
      <c r="C1484" s="59" t="s">
        <v>28</v>
      </c>
      <c r="D1484" s="59" t="s">
        <v>373</v>
      </c>
      <c r="E1484" s="59" t="s">
        <v>378</v>
      </c>
      <c r="F1484" s="59" t="s">
        <v>449</v>
      </c>
      <c r="G1484" s="59" t="s">
        <v>450</v>
      </c>
      <c r="H1484" s="60">
        <v>212</v>
      </c>
      <c r="I1484" s="60">
        <v>223</v>
      </c>
      <c r="J1484" s="61">
        <v>0</v>
      </c>
      <c r="K1484" s="61">
        <v>-12.62</v>
      </c>
    </row>
    <row r="1485" spans="1:11" ht="18.75" hidden="1" customHeight="1" thickBot="1">
      <c r="A1485" s="59" t="s">
        <v>448</v>
      </c>
      <c r="B1485" s="59" t="s">
        <v>28</v>
      </c>
      <c r="C1485" s="59" t="s">
        <v>28</v>
      </c>
      <c r="D1485" s="59" t="s">
        <v>373</v>
      </c>
      <c r="E1485" s="59" t="s">
        <v>378</v>
      </c>
      <c r="F1485" s="59" t="s">
        <v>449</v>
      </c>
      <c r="G1485" s="59" t="s">
        <v>450</v>
      </c>
      <c r="H1485" s="60">
        <v>212</v>
      </c>
      <c r="I1485" s="60">
        <v>227</v>
      </c>
      <c r="J1485" s="61">
        <v>0</v>
      </c>
      <c r="K1485" s="61">
        <v>-7.75</v>
      </c>
    </row>
    <row r="1486" spans="1:11" ht="18.75" hidden="1" customHeight="1" thickBot="1">
      <c r="A1486" s="59" t="s">
        <v>448</v>
      </c>
      <c r="B1486" s="59" t="s">
        <v>28</v>
      </c>
      <c r="C1486" s="59" t="s">
        <v>28</v>
      </c>
      <c r="D1486" s="59" t="s">
        <v>373</v>
      </c>
      <c r="E1486" s="59" t="s">
        <v>378</v>
      </c>
      <c r="F1486" s="59" t="s">
        <v>449</v>
      </c>
      <c r="G1486" s="59" t="s">
        <v>450</v>
      </c>
      <c r="H1486" s="60">
        <v>212</v>
      </c>
      <c r="I1486" s="60">
        <v>229</v>
      </c>
      <c r="J1486" s="61">
        <v>0</v>
      </c>
      <c r="K1486" s="61">
        <v>-140.52000000000001</v>
      </c>
    </row>
    <row r="1487" spans="1:11" ht="18.75" hidden="1" customHeight="1" thickBot="1">
      <c r="A1487" s="59" t="s">
        <v>448</v>
      </c>
      <c r="B1487" s="59" t="s">
        <v>28</v>
      </c>
      <c r="C1487" s="59" t="s">
        <v>28</v>
      </c>
      <c r="D1487" s="59" t="s">
        <v>373</v>
      </c>
      <c r="E1487" s="59" t="s">
        <v>378</v>
      </c>
      <c r="F1487" s="59" t="s">
        <v>449</v>
      </c>
      <c r="G1487" s="59" t="s">
        <v>450</v>
      </c>
      <c r="H1487" s="60">
        <v>212</v>
      </c>
      <c r="I1487" s="60">
        <v>240</v>
      </c>
      <c r="J1487" s="61">
        <v>0</v>
      </c>
      <c r="K1487" s="61">
        <v>-3401.36</v>
      </c>
    </row>
    <row r="1488" spans="1:11" ht="18.75" hidden="1" customHeight="1" thickBot="1">
      <c r="A1488" s="59" t="s">
        <v>448</v>
      </c>
      <c r="B1488" s="59" t="s">
        <v>28</v>
      </c>
      <c r="C1488" s="59" t="s">
        <v>28</v>
      </c>
      <c r="D1488" s="59" t="s">
        <v>373</v>
      </c>
      <c r="E1488" s="59" t="s">
        <v>378</v>
      </c>
      <c r="F1488" s="59" t="s">
        <v>449</v>
      </c>
      <c r="G1488" s="59" t="s">
        <v>450</v>
      </c>
      <c r="H1488" s="60">
        <v>212</v>
      </c>
      <c r="I1488" s="60">
        <v>244</v>
      </c>
      <c r="J1488" s="61">
        <v>0</v>
      </c>
      <c r="K1488" s="61">
        <v>-1194.68</v>
      </c>
    </row>
    <row r="1489" spans="1:11" ht="18.75" hidden="1" customHeight="1" thickBot="1">
      <c r="A1489" s="59" t="s">
        <v>448</v>
      </c>
      <c r="B1489" s="59" t="s">
        <v>28</v>
      </c>
      <c r="C1489" s="59" t="s">
        <v>28</v>
      </c>
      <c r="D1489" s="59" t="s">
        <v>373</v>
      </c>
      <c r="E1489" s="59" t="s">
        <v>378</v>
      </c>
      <c r="F1489" s="59" t="s">
        <v>449</v>
      </c>
      <c r="G1489" s="59" t="s">
        <v>450</v>
      </c>
      <c r="H1489" s="60">
        <v>212</v>
      </c>
      <c r="I1489" s="60">
        <v>248</v>
      </c>
      <c r="J1489" s="61">
        <v>0</v>
      </c>
      <c r="K1489" s="61">
        <v>-1138.07</v>
      </c>
    </row>
    <row r="1490" spans="1:11" ht="18.75" hidden="1" customHeight="1" thickBot="1">
      <c r="A1490" s="59" t="s">
        <v>448</v>
      </c>
      <c r="B1490" s="59" t="s">
        <v>28</v>
      </c>
      <c r="C1490" s="59" t="s">
        <v>28</v>
      </c>
      <c r="D1490" s="59" t="s">
        <v>373</v>
      </c>
      <c r="E1490" s="59" t="s">
        <v>378</v>
      </c>
      <c r="F1490" s="59" t="s">
        <v>449</v>
      </c>
      <c r="G1490" s="59" t="s">
        <v>450</v>
      </c>
      <c r="H1490" s="60">
        <v>216</v>
      </c>
      <c r="I1490" s="60">
        <v>94</v>
      </c>
      <c r="J1490" s="61">
        <v>0</v>
      </c>
      <c r="K1490" s="61">
        <v>-2.04</v>
      </c>
    </row>
    <row r="1491" spans="1:11" ht="18.75" hidden="1" customHeight="1" thickBot="1">
      <c r="A1491" s="59" t="s">
        <v>448</v>
      </c>
      <c r="B1491" s="59" t="s">
        <v>28</v>
      </c>
      <c r="C1491" s="59" t="s">
        <v>28</v>
      </c>
      <c r="D1491" s="59" t="s">
        <v>373</v>
      </c>
      <c r="E1491" s="59" t="s">
        <v>378</v>
      </c>
      <c r="F1491" s="59" t="s">
        <v>449</v>
      </c>
      <c r="G1491" s="59" t="s">
        <v>450</v>
      </c>
      <c r="H1491" s="60">
        <v>216</v>
      </c>
      <c r="I1491" s="60">
        <v>211</v>
      </c>
      <c r="J1491" s="61">
        <v>0</v>
      </c>
      <c r="K1491" s="61">
        <v>-25.98</v>
      </c>
    </row>
    <row r="1492" spans="1:11" ht="18.75" hidden="1" customHeight="1" thickBot="1">
      <c r="A1492" s="59" t="s">
        <v>448</v>
      </c>
      <c r="B1492" s="59" t="s">
        <v>28</v>
      </c>
      <c r="C1492" s="59" t="s">
        <v>28</v>
      </c>
      <c r="D1492" s="59" t="s">
        <v>373</v>
      </c>
      <c r="E1492" s="59" t="s">
        <v>378</v>
      </c>
      <c r="F1492" s="59" t="s">
        <v>449</v>
      </c>
      <c r="G1492" s="59" t="s">
        <v>450</v>
      </c>
      <c r="H1492" s="60">
        <v>216</v>
      </c>
      <c r="I1492" s="60">
        <v>215</v>
      </c>
      <c r="J1492" s="61">
        <v>0</v>
      </c>
      <c r="K1492" s="61">
        <v>-25.35</v>
      </c>
    </row>
    <row r="1493" spans="1:11" ht="18.75" hidden="1" customHeight="1" thickBot="1">
      <c r="A1493" s="59" t="s">
        <v>448</v>
      </c>
      <c r="B1493" s="59" t="s">
        <v>28</v>
      </c>
      <c r="C1493" s="59" t="s">
        <v>28</v>
      </c>
      <c r="D1493" s="59" t="s">
        <v>373</v>
      </c>
      <c r="E1493" s="59" t="s">
        <v>378</v>
      </c>
      <c r="F1493" s="59" t="s">
        <v>449</v>
      </c>
      <c r="G1493" s="59" t="s">
        <v>450</v>
      </c>
      <c r="H1493" s="60">
        <v>221</v>
      </c>
      <c r="I1493" s="60">
        <v>93</v>
      </c>
      <c r="J1493" s="61">
        <v>0</v>
      </c>
      <c r="K1493" s="61">
        <v>-0.95</v>
      </c>
    </row>
    <row r="1494" spans="1:11" ht="18.75" hidden="1" customHeight="1" thickBot="1">
      <c r="A1494" s="59" t="s">
        <v>448</v>
      </c>
      <c r="B1494" s="59" t="s">
        <v>28</v>
      </c>
      <c r="C1494" s="59" t="s">
        <v>28</v>
      </c>
      <c r="D1494" s="59" t="s">
        <v>373</v>
      </c>
      <c r="E1494" s="59" t="s">
        <v>378</v>
      </c>
      <c r="F1494" s="59" t="s">
        <v>449</v>
      </c>
      <c r="G1494" s="59" t="s">
        <v>450</v>
      </c>
      <c r="H1494" s="60">
        <v>221</v>
      </c>
      <c r="I1494" s="60">
        <v>94</v>
      </c>
      <c r="J1494" s="61">
        <v>0</v>
      </c>
      <c r="K1494" s="61">
        <v>-3.81</v>
      </c>
    </row>
    <row r="1495" spans="1:11" ht="18.75" hidden="1" customHeight="1" thickBot="1">
      <c r="A1495" s="59" t="s">
        <v>448</v>
      </c>
      <c r="B1495" s="59" t="s">
        <v>28</v>
      </c>
      <c r="C1495" s="59" t="s">
        <v>28</v>
      </c>
      <c r="D1495" s="59" t="s">
        <v>373</v>
      </c>
      <c r="E1495" s="59" t="s">
        <v>378</v>
      </c>
      <c r="F1495" s="59" t="s">
        <v>449</v>
      </c>
      <c r="G1495" s="59" t="s">
        <v>450</v>
      </c>
      <c r="H1495" s="60">
        <v>221</v>
      </c>
      <c r="I1495" s="60">
        <v>107</v>
      </c>
      <c r="J1495" s="61">
        <v>0</v>
      </c>
      <c r="K1495" s="61">
        <v>-3.82</v>
      </c>
    </row>
    <row r="1496" spans="1:11" ht="18.75" hidden="1" customHeight="1" thickBot="1">
      <c r="A1496" s="59" t="s">
        <v>448</v>
      </c>
      <c r="B1496" s="59" t="s">
        <v>28</v>
      </c>
      <c r="C1496" s="59" t="s">
        <v>28</v>
      </c>
      <c r="D1496" s="59" t="s">
        <v>373</v>
      </c>
      <c r="E1496" s="59" t="s">
        <v>378</v>
      </c>
      <c r="F1496" s="59" t="s">
        <v>449</v>
      </c>
      <c r="G1496" s="59" t="s">
        <v>450</v>
      </c>
      <c r="H1496" s="60">
        <v>221</v>
      </c>
      <c r="I1496" s="60">
        <v>109</v>
      </c>
      <c r="J1496" s="61">
        <v>0</v>
      </c>
      <c r="K1496" s="61">
        <v>-1.78</v>
      </c>
    </row>
    <row r="1497" spans="1:11" ht="18.75" hidden="1" customHeight="1" thickBot="1">
      <c r="A1497" s="59" t="s">
        <v>448</v>
      </c>
      <c r="B1497" s="59" t="s">
        <v>28</v>
      </c>
      <c r="C1497" s="59" t="s">
        <v>28</v>
      </c>
      <c r="D1497" s="59" t="s">
        <v>373</v>
      </c>
      <c r="E1497" s="59" t="s">
        <v>378</v>
      </c>
      <c r="F1497" s="59" t="s">
        <v>449</v>
      </c>
      <c r="G1497" s="59" t="s">
        <v>450</v>
      </c>
      <c r="H1497" s="60">
        <v>221</v>
      </c>
      <c r="I1497" s="60">
        <v>113</v>
      </c>
      <c r="J1497" s="61">
        <v>0</v>
      </c>
      <c r="K1497" s="61">
        <v>-2.06</v>
      </c>
    </row>
    <row r="1498" spans="1:11" ht="18.75" hidden="1" customHeight="1" thickBot="1">
      <c r="A1498" s="59" t="s">
        <v>448</v>
      </c>
      <c r="B1498" s="59" t="s">
        <v>28</v>
      </c>
      <c r="C1498" s="59" t="s">
        <v>28</v>
      </c>
      <c r="D1498" s="59" t="s">
        <v>373</v>
      </c>
      <c r="E1498" s="59" t="s">
        <v>378</v>
      </c>
      <c r="F1498" s="59" t="s">
        <v>449</v>
      </c>
      <c r="G1498" s="59" t="s">
        <v>450</v>
      </c>
      <c r="H1498" s="60">
        <v>221</v>
      </c>
      <c r="I1498" s="60">
        <v>211</v>
      </c>
      <c r="J1498" s="61">
        <v>0</v>
      </c>
      <c r="K1498" s="61">
        <v>-127.07</v>
      </c>
    </row>
    <row r="1499" spans="1:11" ht="18.75" hidden="1" customHeight="1" thickBot="1">
      <c r="A1499" s="59" t="s">
        <v>448</v>
      </c>
      <c r="B1499" s="59" t="s">
        <v>28</v>
      </c>
      <c r="C1499" s="59" t="s">
        <v>28</v>
      </c>
      <c r="D1499" s="59" t="s">
        <v>373</v>
      </c>
      <c r="E1499" s="59" t="s">
        <v>378</v>
      </c>
      <c r="F1499" s="59" t="s">
        <v>449</v>
      </c>
      <c r="G1499" s="59" t="s">
        <v>450</v>
      </c>
      <c r="H1499" s="60">
        <v>221</v>
      </c>
      <c r="I1499" s="60">
        <v>215</v>
      </c>
      <c r="J1499" s="61">
        <v>0</v>
      </c>
      <c r="K1499" s="61">
        <v>-374.53</v>
      </c>
    </row>
    <row r="1500" spans="1:11" ht="18.75" hidden="1" customHeight="1" thickBot="1">
      <c r="A1500" s="59" t="s">
        <v>448</v>
      </c>
      <c r="B1500" s="59" t="s">
        <v>28</v>
      </c>
      <c r="C1500" s="59" t="s">
        <v>28</v>
      </c>
      <c r="D1500" s="59" t="s">
        <v>373</v>
      </c>
      <c r="E1500" s="59" t="s">
        <v>378</v>
      </c>
      <c r="F1500" s="59" t="s">
        <v>449</v>
      </c>
      <c r="G1500" s="59" t="s">
        <v>450</v>
      </c>
      <c r="H1500" s="60">
        <v>221</v>
      </c>
      <c r="I1500" s="60">
        <v>220</v>
      </c>
      <c r="J1500" s="61">
        <v>0</v>
      </c>
      <c r="K1500" s="61">
        <v>-101.34</v>
      </c>
    </row>
    <row r="1501" spans="1:11" ht="18.75" hidden="1" customHeight="1" thickBot="1">
      <c r="A1501" s="59" t="s">
        <v>448</v>
      </c>
      <c r="B1501" s="59" t="s">
        <v>28</v>
      </c>
      <c r="C1501" s="59" t="s">
        <v>28</v>
      </c>
      <c r="D1501" s="59" t="s">
        <v>373</v>
      </c>
      <c r="E1501" s="59" t="s">
        <v>378</v>
      </c>
      <c r="F1501" s="59" t="s">
        <v>449</v>
      </c>
      <c r="G1501" s="59" t="s">
        <v>450</v>
      </c>
      <c r="H1501" s="60">
        <v>221</v>
      </c>
      <c r="I1501" s="60">
        <v>240</v>
      </c>
      <c r="J1501" s="61">
        <v>0</v>
      </c>
      <c r="K1501" s="61">
        <v>-338.66</v>
      </c>
    </row>
    <row r="1502" spans="1:11" ht="18.75" hidden="1" customHeight="1" thickBot="1">
      <c r="A1502" s="59" t="s">
        <v>448</v>
      </c>
      <c r="B1502" s="59" t="s">
        <v>28</v>
      </c>
      <c r="C1502" s="59" t="s">
        <v>28</v>
      </c>
      <c r="D1502" s="59" t="s">
        <v>373</v>
      </c>
      <c r="E1502" s="59" t="s">
        <v>378</v>
      </c>
      <c r="F1502" s="59" t="s">
        <v>449</v>
      </c>
      <c r="G1502" s="59" t="s">
        <v>450</v>
      </c>
      <c r="H1502" s="60">
        <v>222</v>
      </c>
      <c r="I1502" s="60">
        <v>215</v>
      </c>
      <c r="J1502" s="61">
        <v>0</v>
      </c>
      <c r="K1502" s="61">
        <v>-15.8</v>
      </c>
    </row>
    <row r="1503" spans="1:11" ht="18.75" hidden="1" customHeight="1" thickBot="1">
      <c r="A1503" s="59" t="s">
        <v>448</v>
      </c>
      <c r="B1503" s="59" t="s">
        <v>28</v>
      </c>
      <c r="C1503" s="59" t="s">
        <v>28</v>
      </c>
      <c r="D1503" s="59" t="s">
        <v>373</v>
      </c>
      <c r="E1503" s="59" t="s">
        <v>378</v>
      </c>
      <c r="F1503" s="59" t="s">
        <v>449</v>
      </c>
      <c r="G1503" s="59" t="s">
        <v>450</v>
      </c>
      <c r="H1503" s="60">
        <v>222</v>
      </c>
      <c r="I1503" s="60">
        <v>240</v>
      </c>
      <c r="J1503" s="61">
        <v>0</v>
      </c>
      <c r="K1503" s="61">
        <v>-774.1</v>
      </c>
    </row>
    <row r="1504" spans="1:11" ht="18.75" hidden="1" customHeight="1" thickBot="1">
      <c r="A1504" s="59" t="s">
        <v>448</v>
      </c>
      <c r="B1504" s="59" t="s">
        <v>28</v>
      </c>
      <c r="C1504" s="59" t="s">
        <v>28</v>
      </c>
      <c r="D1504" s="59" t="s">
        <v>373</v>
      </c>
      <c r="E1504" s="59" t="s">
        <v>378</v>
      </c>
      <c r="F1504" s="59" t="s">
        <v>449</v>
      </c>
      <c r="G1504" s="59" t="s">
        <v>450</v>
      </c>
      <c r="H1504" s="60">
        <v>230</v>
      </c>
      <c r="I1504" s="60">
        <v>113</v>
      </c>
      <c r="J1504" s="61">
        <v>0</v>
      </c>
      <c r="K1504" s="61">
        <v>-2.3199999999999998</v>
      </c>
    </row>
    <row r="1505" spans="1:11" ht="18.75" hidden="1" customHeight="1" thickBot="1">
      <c r="A1505" s="59" t="s">
        <v>448</v>
      </c>
      <c r="B1505" s="59" t="s">
        <v>28</v>
      </c>
      <c r="C1505" s="59" t="s">
        <v>28</v>
      </c>
      <c r="D1505" s="59" t="s">
        <v>373</v>
      </c>
      <c r="E1505" s="59" t="s">
        <v>378</v>
      </c>
      <c r="F1505" s="59" t="s">
        <v>449</v>
      </c>
      <c r="G1505" s="59" t="s">
        <v>450</v>
      </c>
      <c r="H1505" s="60">
        <v>230</v>
      </c>
      <c r="I1505" s="60">
        <v>211</v>
      </c>
      <c r="J1505" s="61">
        <v>0</v>
      </c>
      <c r="K1505" s="61">
        <v>-4.09</v>
      </c>
    </row>
    <row r="1506" spans="1:11" ht="18.75" hidden="1" customHeight="1" thickBot="1">
      <c r="A1506" s="59" t="s">
        <v>448</v>
      </c>
      <c r="B1506" s="59" t="s">
        <v>28</v>
      </c>
      <c r="C1506" s="59" t="s">
        <v>28</v>
      </c>
      <c r="D1506" s="59" t="s">
        <v>373</v>
      </c>
      <c r="E1506" s="59" t="s">
        <v>378</v>
      </c>
      <c r="F1506" s="59" t="s">
        <v>449</v>
      </c>
      <c r="G1506" s="59" t="s">
        <v>450</v>
      </c>
      <c r="H1506" s="60">
        <v>230</v>
      </c>
      <c r="I1506" s="60">
        <v>215</v>
      </c>
      <c r="J1506" s="61">
        <v>0</v>
      </c>
      <c r="K1506" s="61">
        <v>-0.83</v>
      </c>
    </row>
    <row r="1507" spans="1:11" ht="18.75" hidden="1" customHeight="1" thickBot="1">
      <c r="A1507" s="59" t="s">
        <v>448</v>
      </c>
      <c r="B1507" s="59" t="s">
        <v>28</v>
      </c>
      <c r="C1507" s="59" t="s">
        <v>28</v>
      </c>
      <c r="D1507" s="59" t="s">
        <v>373</v>
      </c>
      <c r="E1507" s="59" t="s">
        <v>378</v>
      </c>
      <c r="F1507" s="59" t="s">
        <v>449</v>
      </c>
      <c r="G1507" s="59" t="s">
        <v>450</v>
      </c>
      <c r="H1507" s="60">
        <v>230</v>
      </c>
      <c r="I1507" s="60">
        <v>220</v>
      </c>
      <c r="J1507" s="61">
        <v>0</v>
      </c>
      <c r="K1507" s="61">
        <v>-6.41</v>
      </c>
    </row>
    <row r="1508" spans="1:11" ht="18.75" hidden="1" customHeight="1" thickBot="1">
      <c r="A1508" s="59" t="s">
        <v>448</v>
      </c>
      <c r="B1508" s="59" t="s">
        <v>28</v>
      </c>
      <c r="C1508" s="59" t="s">
        <v>28</v>
      </c>
      <c r="D1508" s="59" t="s">
        <v>373</v>
      </c>
      <c r="E1508" s="59" t="s">
        <v>378</v>
      </c>
      <c r="F1508" s="59" t="s">
        <v>449</v>
      </c>
      <c r="G1508" s="59" t="s">
        <v>450</v>
      </c>
      <c r="H1508" s="60">
        <v>230</v>
      </c>
      <c r="I1508" s="60">
        <v>244</v>
      </c>
      <c r="J1508" s="61">
        <v>0</v>
      </c>
      <c r="K1508" s="61">
        <v>-933.77</v>
      </c>
    </row>
    <row r="1509" spans="1:11" ht="18.75" customHeight="1" thickBot="1">
      <c r="A1509" s="59" t="s">
        <v>448</v>
      </c>
      <c r="B1509" s="59" t="s">
        <v>28</v>
      </c>
      <c r="C1509" s="59" t="s">
        <v>28</v>
      </c>
      <c r="D1509" s="59" t="s">
        <v>373</v>
      </c>
      <c r="E1509" s="59" t="s">
        <v>380</v>
      </c>
      <c r="F1509" s="59" t="s">
        <v>449</v>
      </c>
      <c r="G1509" s="59" t="s">
        <v>450</v>
      </c>
      <c r="H1509" s="60">
        <v>0</v>
      </c>
      <c r="I1509" s="60">
        <v>0</v>
      </c>
      <c r="J1509" s="61">
        <v>0</v>
      </c>
      <c r="K1509" s="61">
        <v>768.36</v>
      </c>
    </row>
    <row r="1510" spans="1:11" ht="18.75" customHeight="1" thickBot="1">
      <c r="A1510" s="59" t="s">
        <v>448</v>
      </c>
      <c r="B1510" s="59" t="s">
        <v>28</v>
      </c>
      <c r="C1510" s="59" t="s">
        <v>28</v>
      </c>
      <c r="D1510" s="59" t="s">
        <v>373</v>
      </c>
      <c r="E1510" s="59" t="s">
        <v>380</v>
      </c>
      <c r="F1510" s="59" t="s">
        <v>449</v>
      </c>
      <c r="G1510" s="59" t="s">
        <v>450</v>
      </c>
      <c r="H1510" s="60">
        <v>10</v>
      </c>
      <c r="I1510" s="60">
        <v>15</v>
      </c>
      <c r="J1510" s="61">
        <v>0</v>
      </c>
      <c r="K1510" s="61">
        <v>33.6</v>
      </c>
    </row>
    <row r="1511" spans="1:11" ht="18.75" customHeight="1" thickBot="1">
      <c r="A1511" s="59" t="s">
        <v>448</v>
      </c>
      <c r="B1511" s="59" t="s">
        <v>28</v>
      </c>
      <c r="C1511" s="59" t="s">
        <v>28</v>
      </c>
      <c r="D1511" s="59" t="s">
        <v>373</v>
      </c>
      <c r="E1511" s="59" t="s">
        <v>380</v>
      </c>
      <c r="F1511" s="59" t="s">
        <v>449</v>
      </c>
      <c r="G1511" s="59" t="s">
        <v>450</v>
      </c>
      <c r="H1511" s="60">
        <v>20</v>
      </c>
      <c r="I1511" s="60">
        <v>211</v>
      </c>
      <c r="J1511" s="61">
        <v>0</v>
      </c>
      <c r="K1511" s="61">
        <v>29.67</v>
      </c>
    </row>
    <row r="1512" spans="1:11" ht="18.75" customHeight="1" thickBot="1">
      <c r="A1512" s="59" t="s">
        <v>448</v>
      </c>
      <c r="B1512" s="59" t="s">
        <v>28</v>
      </c>
      <c r="C1512" s="59" t="s">
        <v>28</v>
      </c>
      <c r="D1512" s="59" t="s">
        <v>373</v>
      </c>
      <c r="E1512" s="59" t="s">
        <v>380</v>
      </c>
      <c r="F1512" s="59" t="s">
        <v>449</v>
      </c>
      <c r="G1512" s="59" t="s">
        <v>450</v>
      </c>
      <c r="H1512" s="60">
        <v>211</v>
      </c>
      <c r="I1512" s="60">
        <v>93</v>
      </c>
      <c r="J1512" s="61">
        <v>0</v>
      </c>
      <c r="K1512" s="61">
        <v>34.46</v>
      </c>
    </row>
    <row r="1513" spans="1:11" ht="18.75" customHeight="1" thickBot="1">
      <c r="A1513" s="59" t="s">
        <v>448</v>
      </c>
      <c r="B1513" s="59" t="s">
        <v>28</v>
      </c>
      <c r="C1513" s="59" t="s">
        <v>28</v>
      </c>
      <c r="D1513" s="59" t="s">
        <v>373</v>
      </c>
      <c r="E1513" s="59" t="s">
        <v>380</v>
      </c>
      <c r="F1513" s="59" t="s">
        <v>449</v>
      </c>
      <c r="G1513" s="59" t="s">
        <v>450</v>
      </c>
      <c r="H1513" s="60">
        <v>211</v>
      </c>
      <c r="I1513" s="60">
        <v>94</v>
      </c>
      <c r="J1513" s="61">
        <v>0</v>
      </c>
      <c r="K1513" s="61">
        <v>104.96</v>
      </c>
    </row>
    <row r="1514" spans="1:11" ht="18.75" customHeight="1" thickBot="1">
      <c r="A1514" s="59" t="s">
        <v>448</v>
      </c>
      <c r="B1514" s="59" t="s">
        <v>28</v>
      </c>
      <c r="C1514" s="59" t="s">
        <v>28</v>
      </c>
      <c r="D1514" s="59" t="s">
        <v>373</v>
      </c>
      <c r="E1514" s="59" t="s">
        <v>380</v>
      </c>
      <c r="F1514" s="59" t="s">
        <v>449</v>
      </c>
      <c r="G1514" s="59" t="s">
        <v>450</v>
      </c>
      <c r="H1514" s="60">
        <v>211</v>
      </c>
      <c r="I1514" s="60">
        <v>95</v>
      </c>
      <c r="J1514" s="61">
        <v>0</v>
      </c>
      <c r="K1514" s="61">
        <v>29.81</v>
      </c>
    </row>
    <row r="1515" spans="1:11" ht="18.75" customHeight="1" thickBot="1">
      <c r="A1515" s="59" t="s">
        <v>448</v>
      </c>
      <c r="B1515" s="59" t="s">
        <v>28</v>
      </c>
      <c r="C1515" s="59" t="s">
        <v>28</v>
      </c>
      <c r="D1515" s="59" t="s">
        <v>373</v>
      </c>
      <c r="E1515" s="59" t="s">
        <v>380</v>
      </c>
      <c r="F1515" s="59" t="s">
        <v>449</v>
      </c>
      <c r="G1515" s="59" t="s">
        <v>450</v>
      </c>
      <c r="H1515" s="60">
        <v>211</v>
      </c>
      <c r="I1515" s="60">
        <v>97</v>
      </c>
      <c r="J1515" s="61">
        <v>0</v>
      </c>
      <c r="K1515" s="61">
        <v>124.8</v>
      </c>
    </row>
    <row r="1516" spans="1:11" ht="18.75" customHeight="1" thickBot="1">
      <c r="A1516" s="59" t="s">
        <v>448</v>
      </c>
      <c r="B1516" s="59" t="s">
        <v>28</v>
      </c>
      <c r="C1516" s="59" t="s">
        <v>28</v>
      </c>
      <c r="D1516" s="59" t="s">
        <v>373</v>
      </c>
      <c r="E1516" s="59" t="s">
        <v>380</v>
      </c>
      <c r="F1516" s="59" t="s">
        <v>449</v>
      </c>
      <c r="G1516" s="59" t="s">
        <v>450</v>
      </c>
      <c r="H1516" s="60">
        <v>211</v>
      </c>
      <c r="I1516" s="60">
        <v>98</v>
      </c>
      <c r="J1516" s="61">
        <v>0</v>
      </c>
      <c r="K1516" s="61">
        <v>30.85</v>
      </c>
    </row>
    <row r="1517" spans="1:11" ht="18.75" customHeight="1" thickBot="1">
      <c r="A1517" s="59" t="s">
        <v>448</v>
      </c>
      <c r="B1517" s="59" t="s">
        <v>28</v>
      </c>
      <c r="C1517" s="59" t="s">
        <v>28</v>
      </c>
      <c r="D1517" s="59" t="s">
        <v>373</v>
      </c>
      <c r="E1517" s="59" t="s">
        <v>380</v>
      </c>
      <c r="F1517" s="59" t="s">
        <v>449</v>
      </c>
      <c r="G1517" s="59" t="s">
        <v>450</v>
      </c>
      <c r="H1517" s="60">
        <v>211</v>
      </c>
      <c r="I1517" s="60">
        <v>107</v>
      </c>
      <c r="J1517" s="61">
        <v>0</v>
      </c>
      <c r="K1517" s="61">
        <v>88.86</v>
      </c>
    </row>
    <row r="1518" spans="1:11" ht="18.75" customHeight="1" thickBot="1">
      <c r="A1518" s="59" t="s">
        <v>448</v>
      </c>
      <c r="B1518" s="59" t="s">
        <v>28</v>
      </c>
      <c r="C1518" s="59" t="s">
        <v>28</v>
      </c>
      <c r="D1518" s="59" t="s">
        <v>373</v>
      </c>
      <c r="E1518" s="59" t="s">
        <v>380</v>
      </c>
      <c r="F1518" s="59" t="s">
        <v>449</v>
      </c>
      <c r="G1518" s="59" t="s">
        <v>450</v>
      </c>
      <c r="H1518" s="60">
        <v>211</v>
      </c>
      <c r="I1518" s="60">
        <v>109</v>
      </c>
      <c r="J1518" s="61">
        <v>0</v>
      </c>
      <c r="K1518" s="61">
        <v>406.88</v>
      </c>
    </row>
    <row r="1519" spans="1:11" ht="18.75" customHeight="1" thickBot="1">
      <c r="A1519" s="59" t="s">
        <v>448</v>
      </c>
      <c r="B1519" s="59" t="s">
        <v>28</v>
      </c>
      <c r="C1519" s="59" t="s">
        <v>28</v>
      </c>
      <c r="D1519" s="59" t="s">
        <v>373</v>
      </c>
      <c r="E1519" s="59" t="s">
        <v>380</v>
      </c>
      <c r="F1519" s="59" t="s">
        <v>449</v>
      </c>
      <c r="G1519" s="59" t="s">
        <v>450</v>
      </c>
      <c r="H1519" s="60">
        <v>211</v>
      </c>
      <c r="I1519" s="60">
        <v>110</v>
      </c>
      <c r="J1519" s="61">
        <v>0</v>
      </c>
      <c r="K1519" s="61">
        <v>4.53</v>
      </c>
    </row>
    <row r="1520" spans="1:11" ht="18.75" customHeight="1" thickBot="1">
      <c r="A1520" s="59" t="s">
        <v>448</v>
      </c>
      <c r="B1520" s="59" t="s">
        <v>28</v>
      </c>
      <c r="C1520" s="59" t="s">
        <v>28</v>
      </c>
      <c r="D1520" s="59" t="s">
        <v>373</v>
      </c>
      <c r="E1520" s="59" t="s">
        <v>380</v>
      </c>
      <c r="F1520" s="59" t="s">
        <v>449</v>
      </c>
      <c r="G1520" s="59" t="s">
        <v>450</v>
      </c>
      <c r="H1520" s="60">
        <v>211</v>
      </c>
      <c r="I1520" s="60">
        <v>111</v>
      </c>
      <c r="J1520" s="61">
        <v>0</v>
      </c>
      <c r="K1520" s="61">
        <v>81.38</v>
      </c>
    </row>
    <row r="1521" spans="1:11" ht="18.75" customHeight="1" thickBot="1">
      <c r="A1521" s="59" t="s">
        <v>448</v>
      </c>
      <c r="B1521" s="59" t="s">
        <v>28</v>
      </c>
      <c r="C1521" s="59" t="s">
        <v>28</v>
      </c>
      <c r="D1521" s="59" t="s">
        <v>373</v>
      </c>
      <c r="E1521" s="59" t="s">
        <v>380</v>
      </c>
      <c r="F1521" s="59" t="s">
        <v>449</v>
      </c>
      <c r="G1521" s="59" t="s">
        <v>450</v>
      </c>
      <c r="H1521" s="60">
        <v>211</v>
      </c>
      <c r="I1521" s="60">
        <v>113</v>
      </c>
      <c r="J1521" s="61">
        <v>0</v>
      </c>
      <c r="K1521" s="61">
        <v>158.83000000000001</v>
      </c>
    </row>
    <row r="1522" spans="1:11" ht="18.75" customHeight="1" thickBot="1">
      <c r="A1522" s="59" t="s">
        <v>448</v>
      </c>
      <c r="B1522" s="59" t="s">
        <v>28</v>
      </c>
      <c r="C1522" s="59" t="s">
        <v>28</v>
      </c>
      <c r="D1522" s="59" t="s">
        <v>373</v>
      </c>
      <c r="E1522" s="59" t="s">
        <v>380</v>
      </c>
      <c r="F1522" s="59" t="s">
        <v>449</v>
      </c>
      <c r="G1522" s="59" t="s">
        <v>450</v>
      </c>
      <c r="H1522" s="60">
        <v>211</v>
      </c>
      <c r="I1522" s="60">
        <v>116</v>
      </c>
      <c r="J1522" s="61">
        <v>0</v>
      </c>
      <c r="K1522" s="61">
        <v>89.22</v>
      </c>
    </row>
    <row r="1523" spans="1:11" ht="18.75" customHeight="1" thickBot="1">
      <c r="A1523" s="59" t="s">
        <v>448</v>
      </c>
      <c r="B1523" s="59" t="s">
        <v>28</v>
      </c>
      <c r="C1523" s="59" t="s">
        <v>28</v>
      </c>
      <c r="D1523" s="59" t="s">
        <v>373</v>
      </c>
      <c r="E1523" s="59" t="s">
        <v>380</v>
      </c>
      <c r="F1523" s="59" t="s">
        <v>449</v>
      </c>
      <c r="G1523" s="59" t="s">
        <v>450</v>
      </c>
      <c r="H1523" s="60">
        <v>211</v>
      </c>
      <c r="I1523" s="60">
        <v>122</v>
      </c>
      <c r="J1523" s="61">
        <v>0</v>
      </c>
      <c r="K1523" s="61">
        <v>18.38</v>
      </c>
    </row>
    <row r="1524" spans="1:11" ht="18.75" customHeight="1" thickBot="1">
      <c r="A1524" s="59" t="s">
        <v>448</v>
      </c>
      <c r="B1524" s="59" t="s">
        <v>28</v>
      </c>
      <c r="C1524" s="59" t="s">
        <v>28</v>
      </c>
      <c r="D1524" s="59" t="s">
        <v>373</v>
      </c>
      <c r="E1524" s="59" t="s">
        <v>380</v>
      </c>
      <c r="F1524" s="59" t="s">
        <v>449</v>
      </c>
      <c r="G1524" s="59" t="s">
        <v>450</v>
      </c>
      <c r="H1524" s="60">
        <v>211</v>
      </c>
      <c r="I1524" s="60">
        <v>131</v>
      </c>
      <c r="J1524" s="61">
        <v>0</v>
      </c>
      <c r="K1524" s="61">
        <v>22.87</v>
      </c>
    </row>
    <row r="1525" spans="1:11" ht="18.75" customHeight="1" thickBot="1">
      <c r="A1525" s="59" t="s">
        <v>448</v>
      </c>
      <c r="B1525" s="59" t="s">
        <v>28</v>
      </c>
      <c r="C1525" s="59" t="s">
        <v>28</v>
      </c>
      <c r="D1525" s="59" t="s">
        <v>373</v>
      </c>
      <c r="E1525" s="59" t="s">
        <v>380</v>
      </c>
      <c r="F1525" s="59" t="s">
        <v>449</v>
      </c>
      <c r="G1525" s="59" t="s">
        <v>450</v>
      </c>
      <c r="H1525" s="60">
        <v>211</v>
      </c>
      <c r="I1525" s="60">
        <v>150</v>
      </c>
      <c r="J1525" s="61">
        <v>0</v>
      </c>
      <c r="K1525" s="61">
        <v>35.950000000000003</v>
      </c>
    </row>
    <row r="1526" spans="1:11" ht="18.75" customHeight="1" thickBot="1">
      <c r="A1526" s="59" t="s">
        <v>448</v>
      </c>
      <c r="B1526" s="59" t="s">
        <v>28</v>
      </c>
      <c r="C1526" s="59" t="s">
        <v>28</v>
      </c>
      <c r="D1526" s="59" t="s">
        <v>373</v>
      </c>
      <c r="E1526" s="59" t="s">
        <v>380</v>
      </c>
      <c r="F1526" s="59" t="s">
        <v>449</v>
      </c>
      <c r="G1526" s="59" t="s">
        <v>450</v>
      </c>
      <c r="H1526" s="60">
        <v>211</v>
      </c>
      <c r="I1526" s="60">
        <v>166</v>
      </c>
      <c r="J1526" s="61">
        <v>0</v>
      </c>
      <c r="K1526" s="61">
        <v>9.1300000000000008</v>
      </c>
    </row>
    <row r="1527" spans="1:11" ht="18.75" customHeight="1" thickBot="1">
      <c r="A1527" s="59" t="s">
        <v>448</v>
      </c>
      <c r="B1527" s="59" t="s">
        <v>28</v>
      </c>
      <c r="C1527" s="59" t="s">
        <v>28</v>
      </c>
      <c r="D1527" s="59" t="s">
        <v>373</v>
      </c>
      <c r="E1527" s="59" t="s">
        <v>380</v>
      </c>
      <c r="F1527" s="59" t="s">
        <v>449</v>
      </c>
      <c r="G1527" s="59" t="s">
        <v>450</v>
      </c>
      <c r="H1527" s="60">
        <v>211</v>
      </c>
      <c r="I1527" s="60">
        <v>204</v>
      </c>
      <c r="J1527" s="61">
        <v>0</v>
      </c>
      <c r="K1527" s="61">
        <v>15.18</v>
      </c>
    </row>
    <row r="1528" spans="1:11" ht="18.75" customHeight="1" thickBot="1">
      <c r="A1528" s="59" t="s">
        <v>448</v>
      </c>
      <c r="B1528" s="59" t="s">
        <v>28</v>
      </c>
      <c r="C1528" s="59" t="s">
        <v>28</v>
      </c>
      <c r="D1528" s="59" t="s">
        <v>373</v>
      </c>
      <c r="E1528" s="59" t="s">
        <v>380</v>
      </c>
      <c r="F1528" s="59" t="s">
        <v>449</v>
      </c>
      <c r="G1528" s="59" t="s">
        <v>450</v>
      </c>
      <c r="H1528" s="60">
        <v>211</v>
      </c>
      <c r="I1528" s="60">
        <v>211</v>
      </c>
      <c r="J1528" s="61">
        <v>0</v>
      </c>
      <c r="K1528" s="61">
        <v>23790.400000000001</v>
      </c>
    </row>
    <row r="1529" spans="1:11" ht="18.75" customHeight="1" thickBot="1">
      <c r="A1529" s="59" t="s">
        <v>448</v>
      </c>
      <c r="B1529" s="59" t="s">
        <v>28</v>
      </c>
      <c r="C1529" s="59" t="s">
        <v>28</v>
      </c>
      <c r="D1529" s="59" t="s">
        <v>373</v>
      </c>
      <c r="E1529" s="59" t="s">
        <v>380</v>
      </c>
      <c r="F1529" s="59" t="s">
        <v>449</v>
      </c>
      <c r="G1529" s="59" t="s">
        <v>450</v>
      </c>
      <c r="H1529" s="60">
        <v>211</v>
      </c>
      <c r="I1529" s="60">
        <v>213</v>
      </c>
      <c r="J1529" s="61">
        <v>0</v>
      </c>
      <c r="K1529" s="61">
        <v>194.17</v>
      </c>
    </row>
    <row r="1530" spans="1:11" ht="18.75" customHeight="1" thickBot="1">
      <c r="A1530" s="59" t="s">
        <v>448</v>
      </c>
      <c r="B1530" s="59" t="s">
        <v>28</v>
      </c>
      <c r="C1530" s="59" t="s">
        <v>28</v>
      </c>
      <c r="D1530" s="59" t="s">
        <v>373</v>
      </c>
      <c r="E1530" s="59" t="s">
        <v>380</v>
      </c>
      <c r="F1530" s="59" t="s">
        <v>449</v>
      </c>
      <c r="G1530" s="59" t="s">
        <v>450</v>
      </c>
      <c r="H1530" s="60">
        <v>211</v>
      </c>
      <c r="I1530" s="60">
        <v>215</v>
      </c>
      <c r="J1530" s="61">
        <v>0</v>
      </c>
      <c r="K1530" s="61">
        <v>26519.95</v>
      </c>
    </row>
    <row r="1531" spans="1:11" ht="18.75" customHeight="1" thickBot="1">
      <c r="A1531" s="59" t="s">
        <v>448</v>
      </c>
      <c r="B1531" s="59" t="s">
        <v>28</v>
      </c>
      <c r="C1531" s="59" t="s">
        <v>28</v>
      </c>
      <c r="D1531" s="59" t="s">
        <v>373</v>
      </c>
      <c r="E1531" s="59" t="s">
        <v>380</v>
      </c>
      <c r="F1531" s="59" t="s">
        <v>449</v>
      </c>
      <c r="G1531" s="59" t="s">
        <v>450</v>
      </c>
      <c r="H1531" s="60">
        <v>211</v>
      </c>
      <c r="I1531" s="60">
        <v>217</v>
      </c>
      <c r="J1531" s="61">
        <v>0</v>
      </c>
      <c r="K1531" s="61">
        <v>46.16</v>
      </c>
    </row>
    <row r="1532" spans="1:11" ht="18.75" customHeight="1" thickBot="1">
      <c r="A1532" s="59" t="s">
        <v>448</v>
      </c>
      <c r="B1532" s="59" t="s">
        <v>28</v>
      </c>
      <c r="C1532" s="59" t="s">
        <v>28</v>
      </c>
      <c r="D1532" s="59" t="s">
        <v>373</v>
      </c>
      <c r="E1532" s="59" t="s">
        <v>380</v>
      </c>
      <c r="F1532" s="59" t="s">
        <v>449</v>
      </c>
      <c r="G1532" s="59" t="s">
        <v>450</v>
      </c>
      <c r="H1532" s="60">
        <v>211</v>
      </c>
      <c r="I1532" s="60">
        <v>223</v>
      </c>
      <c r="J1532" s="61">
        <v>0</v>
      </c>
      <c r="K1532" s="61">
        <v>14.17</v>
      </c>
    </row>
    <row r="1533" spans="1:11" ht="18.75" customHeight="1" thickBot="1">
      <c r="A1533" s="59" t="s">
        <v>448</v>
      </c>
      <c r="B1533" s="59" t="s">
        <v>28</v>
      </c>
      <c r="C1533" s="59" t="s">
        <v>28</v>
      </c>
      <c r="D1533" s="59" t="s">
        <v>373</v>
      </c>
      <c r="E1533" s="59" t="s">
        <v>380</v>
      </c>
      <c r="F1533" s="59" t="s">
        <v>449</v>
      </c>
      <c r="G1533" s="59" t="s">
        <v>450</v>
      </c>
      <c r="H1533" s="60">
        <v>211</v>
      </c>
      <c r="I1533" s="60">
        <v>225</v>
      </c>
      <c r="J1533" s="61">
        <v>0</v>
      </c>
      <c r="K1533" s="61">
        <v>8.77</v>
      </c>
    </row>
    <row r="1534" spans="1:11" ht="18.75" customHeight="1" thickBot="1">
      <c r="A1534" s="59" t="s">
        <v>448</v>
      </c>
      <c r="B1534" s="59" t="s">
        <v>28</v>
      </c>
      <c r="C1534" s="59" t="s">
        <v>28</v>
      </c>
      <c r="D1534" s="59" t="s">
        <v>373</v>
      </c>
      <c r="E1534" s="59" t="s">
        <v>380</v>
      </c>
      <c r="F1534" s="59" t="s">
        <v>449</v>
      </c>
      <c r="G1534" s="59" t="s">
        <v>450</v>
      </c>
      <c r="H1534" s="60">
        <v>211</v>
      </c>
      <c r="I1534" s="60">
        <v>227</v>
      </c>
      <c r="J1534" s="61">
        <v>0</v>
      </c>
      <c r="K1534" s="61">
        <v>44.28</v>
      </c>
    </row>
    <row r="1535" spans="1:11" ht="18.75" customHeight="1" thickBot="1">
      <c r="A1535" s="59" t="s">
        <v>448</v>
      </c>
      <c r="B1535" s="59" t="s">
        <v>28</v>
      </c>
      <c r="C1535" s="59" t="s">
        <v>28</v>
      </c>
      <c r="D1535" s="59" t="s">
        <v>373</v>
      </c>
      <c r="E1535" s="59" t="s">
        <v>380</v>
      </c>
      <c r="F1535" s="59" t="s">
        <v>449</v>
      </c>
      <c r="G1535" s="59" t="s">
        <v>450</v>
      </c>
      <c r="H1535" s="60">
        <v>211</v>
      </c>
      <c r="I1535" s="60">
        <v>229</v>
      </c>
      <c r="J1535" s="61">
        <v>0</v>
      </c>
      <c r="K1535" s="61">
        <v>228.28</v>
      </c>
    </row>
    <row r="1536" spans="1:11" ht="18.75" customHeight="1" thickBot="1">
      <c r="A1536" s="59" t="s">
        <v>448</v>
      </c>
      <c r="B1536" s="59" t="s">
        <v>28</v>
      </c>
      <c r="C1536" s="59" t="s">
        <v>28</v>
      </c>
      <c r="D1536" s="59" t="s">
        <v>373</v>
      </c>
      <c r="E1536" s="59" t="s">
        <v>380</v>
      </c>
      <c r="F1536" s="59" t="s">
        <v>449</v>
      </c>
      <c r="G1536" s="59" t="s">
        <v>450</v>
      </c>
      <c r="H1536" s="60">
        <v>211</v>
      </c>
      <c r="I1536" s="60">
        <v>240</v>
      </c>
      <c r="J1536" s="61">
        <v>0</v>
      </c>
      <c r="K1536" s="61">
        <v>12650.15</v>
      </c>
    </row>
    <row r="1537" spans="1:11" ht="18.75" customHeight="1" thickBot="1">
      <c r="A1537" s="59" t="s">
        <v>448</v>
      </c>
      <c r="B1537" s="59" t="s">
        <v>28</v>
      </c>
      <c r="C1537" s="59" t="s">
        <v>28</v>
      </c>
      <c r="D1537" s="59" t="s">
        <v>373</v>
      </c>
      <c r="E1537" s="59" t="s">
        <v>380</v>
      </c>
      <c r="F1537" s="59" t="s">
        <v>449</v>
      </c>
      <c r="G1537" s="59" t="s">
        <v>450</v>
      </c>
      <c r="H1537" s="60">
        <v>211</v>
      </c>
      <c r="I1537" s="60">
        <v>244</v>
      </c>
      <c r="J1537" s="61">
        <v>0</v>
      </c>
      <c r="K1537" s="61">
        <v>511.16</v>
      </c>
    </row>
    <row r="1538" spans="1:11" ht="18.75" customHeight="1" thickBot="1">
      <c r="A1538" s="59" t="s">
        <v>448</v>
      </c>
      <c r="B1538" s="59" t="s">
        <v>28</v>
      </c>
      <c r="C1538" s="59" t="s">
        <v>28</v>
      </c>
      <c r="D1538" s="59" t="s">
        <v>373</v>
      </c>
      <c r="E1538" s="59" t="s">
        <v>380</v>
      </c>
      <c r="F1538" s="59" t="s">
        <v>449</v>
      </c>
      <c r="G1538" s="59" t="s">
        <v>450</v>
      </c>
      <c r="H1538" s="60">
        <v>211</v>
      </c>
      <c r="I1538" s="60">
        <v>356</v>
      </c>
      <c r="J1538" s="61">
        <v>0</v>
      </c>
      <c r="K1538" s="61">
        <v>5133.07</v>
      </c>
    </row>
    <row r="1539" spans="1:11" ht="18.75" customHeight="1" thickBot="1">
      <c r="A1539" s="59" t="s">
        <v>448</v>
      </c>
      <c r="B1539" s="59" t="s">
        <v>28</v>
      </c>
      <c r="C1539" s="59" t="s">
        <v>28</v>
      </c>
      <c r="D1539" s="59" t="s">
        <v>373</v>
      </c>
      <c r="E1539" s="59" t="s">
        <v>380</v>
      </c>
      <c r="F1539" s="59" t="s">
        <v>449</v>
      </c>
      <c r="G1539" s="59" t="s">
        <v>450</v>
      </c>
      <c r="H1539" s="60">
        <v>211</v>
      </c>
      <c r="I1539" s="60">
        <v>359</v>
      </c>
      <c r="J1539" s="61">
        <v>0</v>
      </c>
      <c r="K1539" s="61">
        <v>75565.66</v>
      </c>
    </row>
    <row r="1540" spans="1:11" ht="18.75" customHeight="1" thickBot="1">
      <c r="A1540" s="59" t="s">
        <v>448</v>
      </c>
      <c r="B1540" s="59" t="s">
        <v>28</v>
      </c>
      <c r="C1540" s="59" t="s">
        <v>28</v>
      </c>
      <c r="D1540" s="59" t="s">
        <v>373</v>
      </c>
      <c r="E1540" s="59" t="s">
        <v>380</v>
      </c>
      <c r="F1540" s="59" t="s">
        <v>449</v>
      </c>
      <c r="G1540" s="59" t="s">
        <v>450</v>
      </c>
      <c r="H1540" s="60">
        <v>212</v>
      </c>
      <c r="I1540" s="60">
        <v>94</v>
      </c>
      <c r="J1540" s="61">
        <v>0</v>
      </c>
      <c r="K1540" s="61">
        <v>46.42</v>
      </c>
    </row>
    <row r="1541" spans="1:11" ht="18.75" customHeight="1" thickBot="1">
      <c r="A1541" s="59" t="s">
        <v>448</v>
      </c>
      <c r="B1541" s="59" t="s">
        <v>28</v>
      </c>
      <c r="C1541" s="59" t="s">
        <v>28</v>
      </c>
      <c r="D1541" s="59" t="s">
        <v>373</v>
      </c>
      <c r="E1541" s="59" t="s">
        <v>380</v>
      </c>
      <c r="F1541" s="59" t="s">
        <v>449</v>
      </c>
      <c r="G1541" s="59" t="s">
        <v>450</v>
      </c>
      <c r="H1541" s="60">
        <v>212</v>
      </c>
      <c r="I1541" s="60">
        <v>97</v>
      </c>
      <c r="J1541" s="61">
        <v>0</v>
      </c>
      <c r="K1541" s="61">
        <v>13.16</v>
      </c>
    </row>
    <row r="1542" spans="1:11" ht="18.75" customHeight="1" thickBot="1">
      <c r="A1542" s="59" t="s">
        <v>448</v>
      </c>
      <c r="B1542" s="59" t="s">
        <v>28</v>
      </c>
      <c r="C1542" s="59" t="s">
        <v>28</v>
      </c>
      <c r="D1542" s="59" t="s">
        <v>373</v>
      </c>
      <c r="E1542" s="59" t="s">
        <v>380</v>
      </c>
      <c r="F1542" s="59" t="s">
        <v>449</v>
      </c>
      <c r="G1542" s="59" t="s">
        <v>450</v>
      </c>
      <c r="H1542" s="60">
        <v>212</v>
      </c>
      <c r="I1542" s="60">
        <v>98</v>
      </c>
      <c r="J1542" s="61">
        <v>0</v>
      </c>
      <c r="K1542" s="61">
        <v>22.59</v>
      </c>
    </row>
    <row r="1543" spans="1:11" ht="18.75" customHeight="1" thickBot="1">
      <c r="A1543" s="59" t="s">
        <v>448</v>
      </c>
      <c r="B1543" s="59" t="s">
        <v>28</v>
      </c>
      <c r="C1543" s="59" t="s">
        <v>28</v>
      </c>
      <c r="D1543" s="59" t="s">
        <v>373</v>
      </c>
      <c r="E1543" s="59" t="s">
        <v>380</v>
      </c>
      <c r="F1543" s="59" t="s">
        <v>449</v>
      </c>
      <c r="G1543" s="59" t="s">
        <v>450</v>
      </c>
      <c r="H1543" s="60">
        <v>212</v>
      </c>
      <c r="I1543" s="60">
        <v>107</v>
      </c>
      <c r="J1543" s="61">
        <v>0</v>
      </c>
      <c r="K1543" s="61">
        <v>5.56</v>
      </c>
    </row>
    <row r="1544" spans="1:11" ht="18.75" customHeight="1" thickBot="1">
      <c r="A1544" s="59" t="s">
        <v>448</v>
      </c>
      <c r="B1544" s="59" t="s">
        <v>28</v>
      </c>
      <c r="C1544" s="59" t="s">
        <v>28</v>
      </c>
      <c r="D1544" s="59" t="s">
        <v>373</v>
      </c>
      <c r="E1544" s="59" t="s">
        <v>380</v>
      </c>
      <c r="F1544" s="59" t="s">
        <v>449</v>
      </c>
      <c r="G1544" s="59" t="s">
        <v>450</v>
      </c>
      <c r="H1544" s="60">
        <v>212</v>
      </c>
      <c r="I1544" s="60">
        <v>109</v>
      </c>
      <c r="J1544" s="61">
        <v>0</v>
      </c>
      <c r="K1544" s="61">
        <v>161.83000000000001</v>
      </c>
    </row>
    <row r="1545" spans="1:11" ht="18.75" customHeight="1" thickBot="1">
      <c r="A1545" s="59" t="s">
        <v>448</v>
      </c>
      <c r="B1545" s="59" t="s">
        <v>28</v>
      </c>
      <c r="C1545" s="59" t="s">
        <v>28</v>
      </c>
      <c r="D1545" s="59" t="s">
        <v>373</v>
      </c>
      <c r="E1545" s="59" t="s">
        <v>380</v>
      </c>
      <c r="F1545" s="59" t="s">
        <v>449</v>
      </c>
      <c r="G1545" s="59" t="s">
        <v>450</v>
      </c>
      <c r="H1545" s="60">
        <v>212</v>
      </c>
      <c r="I1545" s="60">
        <v>113</v>
      </c>
      <c r="J1545" s="61">
        <v>0</v>
      </c>
      <c r="K1545" s="61">
        <v>27.16</v>
      </c>
    </row>
    <row r="1546" spans="1:11" ht="18.75" customHeight="1" thickBot="1">
      <c r="A1546" s="59" t="s">
        <v>448</v>
      </c>
      <c r="B1546" s="59" t="s">
        <v>28</v>
      </c>
      <c r="C1546" s="59" t="s">
        <v>28</v>
      </c>
      <c r="D1546" s="59" t="s">
        <v>373</v>
      </c>
      <c r="E1546" s="59" t="s">
        <v>380</v>
      </c>
      <c r="F1546" s="59" t="s">
        <v>449</v>
      </c>
      <c r="G1546" s="59" t="s">
        <v>450</v>
      </c>
      <c r="H1546" s="60">
        <v>212</v>
      </c>
      <c r="I1546" s="60">
        <v>116</v>
      </c>
      <c r="J1546" s="61">
        <v>0</v>
      </c>
      <c r="K1546" s="61">
        <v>14.64</v>
      </c>
    </row>
    <row r="1547" spans="1:11" ht="18.75" customHeight="1" thickBot="1">
      <c r="A1547" s="59" t="s">
        <v>448</v>
      </c>
      <c r="B1547" s="59" t="s">
        <v>28</v>
      </c>
      <c r="C1547" s="59" t="s">
        <v>28</v>
      </c>
      <c r="D1547" s="59" t="s">
        <v>373</v>
      </c>
      <c r="E1547" s="59" t="s">
        <v>380</v>
      </c>
      <c r="F1547" s="59" t="s">
        <v>449</v>
      </c>
      <c r="G1547" s="59" t="s">
        <v>450</v>
      </c>
      <c r="H1547" s="60">
        <v>212</v>
      </c>
      <c r="I1547" s="60">
        <v>150</v>
      </c>
      <c r="J1547" s="61">
        <v>0</v>
      </c>
      <c r="K1547" s="61">
        <v>1.5</v>
      </c>
    </row>
    <row r="1548" spans="1:11" ht="18.75" customHeight="1" thickBot="1">
      <c r="A1548" s="59" t="s">
        <v>448</v>
      </c>
      <c r="B1548" s="59" t="s">
        <v>28</v>
      </c>
      <c r="C1548" s="59" t="s">
        <v>28</v>
      </c>
      <c r="D1548" s="59" t="s">
        <v>373</v>
      </c>
      <c r="E1548" s="59" t="s">
        <v>380</v>
      </c>
      <c r="F1548" s="59" t="s">
        <v>449</v>
      </c>
      <c r="G1548" s="59" t="s">
        <v>450</v>
      </c>
      <c r="H1548" s="60">
        <v>212</v>
      </c>
      <c r="I1548" s="60">
        <v>211</v>
      </c>
      <c r="J1548" s="61">
        <v>0</v>
      </c>
      <c r="K1548" s="61">
        <v>4427.54</v>
      </c>
    </row>
    <row r="1549" spans="1:11" ht="18.75" customHeight="1" thickBot="1">
      <c r="A1549" s="59" t="s">
        <v>448</v>
      </c>
      <c r="B1549" s="59" t="s">
        <v>28</v>
      </c>
      <c r="C1549" s="59" t="s">
        <v>28</v>
      </c>
      <c r="D1549" s="59" t="s">
        <v>373</v>
      </c>
      <c r="E1549" s="59" t="s">
        <v>380</v>
      </c>
      <c r="F1549" s="59" t="s">
        <v>449</v>
      </c>
      <c r="G1549" s="59" t="s">
        <v>450</v>
      </c>
      <c r="H1549" s="60">
        <v>212</v>
      </c>
      <c r="I1549" s="60">
        <v>215</v>
      </c>
      <c r="J1549" s="61">
        <v>0</v>
      </c>
      <c r="K1549" s="61">
        <v>16355.27</v>
      </c>
    </row>
    <row r="1550" spans="1:11" ht="18.75" customHeight="1" thickBot="1">
      <c r="A1550" s="59" t="s">
        <v>448</v>
      </c>
      <c r="B1550" s="59" t="s">
        <v>28</v>
      </c>
      <c r="C1550" s="59" t="s">
        <v>28</v>
      </c>
      <c r="D1550" s="59" t="s">
        <v>373</v>
      </c>
      <c r="E1550" s="59" t="s">
        <v>380</v>
      </c>
      <c r="F1550" s="59" t="s">
        <v>449</v>
      </c>
      <c r="G1550" s="59" t="s">
        <v>450</v>
      </c>
      <c r="H1550" s="60">
        <v>212</v>
      </c>
      <c r="I1550" s="60">
        <v>223</v>
      </c>
      <c r="J1550" s="61">
        <v>0</v>
      </c>
      <c r="K1550" s="61">
        <v>16.04</v>
      </c>
    </row>
    <row r="1551" spans="1:11" ht="18.75" customHeight="1" thickBot="1">
      <c r="A1551" s="59" t="s">
        <v>448</v>
      </c>
      <c r="B1551" s="59" t="s">
        <v>28</v>
      </c>
      <c r="C1551" s="59" t="s">
        <v>28</v>
      </c>
      <c r="D1551" s="59" t="s">
        <v>373</v>
      </c>
      <c r="E1551" s="59" t="s">
        <v>380</v>
      </c>
      <c r="F1551" s="59" t="s">
        <v>449</v>
      </c>
      <c r="G1551" s="59" t="s">
        <v>450</v>
      </c>
      <c r="H1551" s="60">
        <v>212</v>
      </c>
      <c r="I1551" s="60">
        <v>225</v>
      </c>
      <c r="J1551" s="61">
        <v>0</v>
      </c>
      <c r="K1551" s="61">
        <v>39.46</v>
      </c>
    </row>
    <row r="1552" spans="1:11" ht="18.75" customHeight="1" thickBot="1">
      <c r="A1552" s="59" t="s">
        <v>448</v>
      </c>
      <c r="B1552" s="59" t="s">
        <v>28</v>
      </c>
      <c r="C1552" s="59" t="s">
        <v>28</v>
      </c>
      <c r="D1552" s="59" t="s">
        <v>373</v>
      </c>
      <c r="E1552" s="59" t="s">
        <v>380</v>
      </c>
      <c r="F1552" s="59" t="s">
        <v>449</v>
      </c>
      <c r="G1552" s="59" t="s">
        <v>450</v>
      </c>
      <c r="H1552" s="60">
        <v>212</v>
      </c>
      <c r="I1552" s="60">
        <v>227</v>
      </c>
      <c r="J1552" s="61">
        <v>0</v>
      </c>
      <c r="K1552" s="61">
        <v>30.92</v>
      </c>
    </row>
    <row r="1553" spans="1:11" ht="18.75" customHeight="1" thickBot="1">
      <c r="A1553" s="59" t="s">
        <v>448</v>
      </c>
      <c r="B1553" s="59" t="s">
        <v>28</v>
      </c>
      <c r="C1553" s="59" t="s">
        <v>28</v>
      </c>
      <c r="D1553" s="59" t="s">
        <v>373</v>
      </c>
      <c r="E1553" s="59" t="s">
        <v>380</v>
      </c>
      <c r="F1553" s="59" t="s">
        <v>449</v>
      </c>
      <c r="G1553" s="59" t="s">
        <v>450</v>
      </c>
      <c r="H1553" s="60">
        <v>212</v>
      </c>
      <c r="I1553" s="60">
        <v>229</v>
      </c>
      <c r="J1553" s="61">
        <v>0</v>
      </c>
      <c r="K1553" s="61">
        <v>191.12</v>
      </c>
    </row>
    <row r="1554" spans="1:11" ht="18.75" customHeight="1" thickBot="1">
      <c r="A1554" s="59" t="s">
        <v>448</v>
      </c>
      <c r="B1554" s="59" t="s">
        <v>28</v>
      </c>
      <c r="C1554" s="59" t="s">
        <v>28</v>
      </c>
      <c r="D1554" s="59" t="s">
        <v>373</v>
      </c>
      <c r="E1554" s="59" t="s">
        <v>380</v>
      </c>
      <c r="F1554" s="59" t="s">
        <v>449</v>
      </c>
      <c r="G1554" s="59" t="s">
        <v>450</v>
      </c>
      <c r="H1554" s="60">
        <v>212</v>
      </c>
      <c r="I1554" s="60">
        <v>240</v>
      </c>
      <c r="J1554" s="61">
        <v>0</v>
      </c>
      <c r="K1554" s="61">
        <v>9796.74</v>
      </c>
    </row>
    <row r="1555" spans="1:11" ht="18.75" customHeight="1" thickBot="1">
      <c r="A1555" s="59" t="s">
        <v>448</v>
      </c>
      <c r="B1555" s="59" t="s">
        <v>28</v>
      </c>
      <c r="C1555" s="59" t="s">
        <v>28</v>
      </c>
      <c r="D1555" s="59" t="s">
        <v>373</v>
      </c>
      <c r="E1555" s="59" t="s">
        <v>380</v>
      </c>
      <c r="F1555" s="59" t="s">
        <v>449</v>
      </c>
      <c r="G1555" s="59" t="s">
        <v>450</v>
      </c>
      <c r="H1555" s="60">
        <v>212</v>
      </c>
      <c r="I1555" s="60">
        <v>244</v>
      </c>
      <c r="J1555" s="61">
        <v>0</v>
      </c>
      <c r="K1555" s="61">
        <v>2298.06</v>
      </c>
    </row>
    <row r="1556" spans="1:11" ht="18.75" customHeight="1" thickBot="1">
      <c r="A1556" s="59" t="s">
        <v>448</v>
      </c>
      <c r="B1556" s="59" t="s">
        <v>28</v>
      </c>
      <c r="C1556" s="59" t="s">
        <v>28</v>
      </c>
      <c r="D1556" s="59" t="s">
        <v>373</v>
      </c>
      <c r="E1556" s="59" t="s">
        <v>380</v>
      </c>
      <c r="F1556" s="59" t="s">
        <v>449</v>
      </c>
      <c r="G1556" s="59" t="s">
        <v>450</v>
      </c>
      <c r="H1556" s="60">
        <v>212</v>
      </c>
      <c r="I1556" s="60">
        <v>248</v>
      </c>
      <c r="J1556" s="61">
        <v>0</v>
      </c>
      <c r="K1556" s="61">
        <v>1138.07</v>
      </c>
    </row>
    <row r="1557" spans="1:11" ht="18.75" customHeight="1" thickBot="1">
      <c r="A1557" s="59" t="s">
        <v>448</v>
      </c>
      <c r="B1557" s="59" t="s">
        <v>28</v>
      </c>
      <c r="C1557" s="59" t="s">
        <v>28</v>
      </c>
      <c r="D1557" s="59" t="s">
        <v>373</v>
      </c>
      <c r="E1557" s="59" t="s">
        <v>380</v>
      </c>
      <c r="F1557" s="59" t="s">
        <v>449</v>
      </c>
      <c r="G1557" s="59" t="s">
        <v>450</v>
      </c>
      <c r="H1557" s="60">
        <v>212</v>
      </c>
      <c r="I1557" s="60">
        <v>251</v>
      </c>
      <c r="J1557" s="61">
        <v>0</v>
      </c>
      <c r="K1557" s="61">
        <v>318.91000000000003</v>
      </c>
    </row>
    <row r="1558" spans="1:11" ht="18.75" customHeight="1" thickBot="1">
      <c r="A1558" s="59" t="s">
        <v>448</v>
      </c>
      <c r="B1558" s="59" t="s">
        <v>28</v>
      </c>
      <c r="C1558" s="59" t="s">
        <v>28</v>
      </c>
      <c r="D1558" s="59" t="s">
        <v>373</v>
      </c>
      <c r="E1558" s="59" t="s">
        <v>380</v>
      </c>
      <c r="F1558" s="59" t="s">
        <v>449</v>
      </c>
      <c r="G1558" s="59" t="s">
        <v>450</v>
      </c>
      <c r="H1558" s="60">
        <v>212</v>
      </c>
      <c r="I1558" s="60">
        <v>358</v>
      </c>
      <c r="J1558" s="61">
        <v>0</v>
      </c>
      <c r="K1558" s="61">
        <v>3166.08</v>
      </c>
    </row>
    <row r="1559" spans="1:11" ht="18.75" customHeight="1" thickBot="1">
      <c r="A1559" s="59" t="s">
        <v>448</v>
      </c>
      <c r="B1559" s="59" t="s">
        <v>28</v>
      </c>
      <c r="C1559" s="59" t="s">
        <v>28</v>
      </c>
      <c r="D1559" s="59" t="s">
        <v>373</v>
      </c>
      <c r="E1559" s="59" t="s">
        <v>380</v>
      </c>
      <c r="F1559" s="59" t="s">
        <v>449</v>
      </c>
      <c r="G1559" s="59" t="s">
        <v>450</v>
      </c>
      <c r="H1559" s="60">
        <v>216</v>
      </c>
      <c r="I1559" s="60">
        <v>93</v>
      </c>
      <c r="J1559" s="61">
        <v>0</v>
      </c>
      <c r="K1559" s="61">
        <v>1.54</v>
      </c>
    </row>
    <row r="1560" spans="1:11" ht="18.75" customHeight="1" thickBot="1">
      <c r="A1560" s="59" t="s">
        <v>448</v>
      </c>
      <c r="B1560" s="59" t="s">
        <v>28</v>
      </c>
      <c r="C1560" s="59" t="s">
        <v>28</v>
      </c>
      <c r="D1560" s="59" t="s">
        <v>373</v>
      </c>
      <c r="E1560" s="59" t="s">
        <v>380</v>
      </c>
      <c r="F1560" s="59" t="s">
        <v>449</v>
      </c>
      <c r="G1560" s="59" t="s">
        <v>450</v>
      </c>
      <c r="H1560" s="60">
        <v>216</v>
      </c>
      <c r="I1560" s="60">
        <v>94</v>
      </c>
      <c r="J1560" s="61">
        <v>0</v>
      </c>
      <c r="K1560" s="61">
        <v>11.46</v>
      </c>
    </row>
    <row r="1561" spans="1:11" ht="18.75" customHeight="1" thickBot="1">
      <c r="A1561" s="59" t="s">
        <v>448</v>
      </c>
      <c r="B1561" s="59" t="s">
        <v>28</v>
      </c>
      <c r="C1561" s="59" t="s">
        <v>28</v>
      </c>
      <c r="D1561" s="59" t="s">
        <v>373</v>
      </c>
      <c r="E1561" s="59" t="s">
        <v>380</v>
      </c>
      <c r="F1561" s="59" t="s">
        <v>449</v>
      </c>
      <c r="G1561" s="59" t="s">
        <v>450</v>
      </c>
      <c r="H1561" s="60">
        <v>216</v>
      </c>
      <c r="I1561" s="60">
        <v>97</v>
      </c>
      <c r="J1561" s="61">
        <v>0</v>
      </c>
      <c r="K1561" s="61">
        <v>79.099999999999994</v>
      </c>
    </row>
    <row r="1562" spans="1:11" ht="18.75" customHeight="1" thickBot="1">
      <c r="A1562" s="59" t="s">
        <v>448</v>
      </c>
      <c r="B1562" s="59" t="s">
        <v>28</v>
      </c>
      <c r="C1562" s="59" t="s">
        <v>28</v>
      </c>
      <c r="D1562" s="59" t="s">
        <v>373</v>
      </c>
      <c r="E1562" s="59" t="s">
        <v>380</v>
      </c>
      <c r="F1562" s="59" t="s">
        <v>449</v>
      </c>
      <c r="G1562" s="59" t="s">
        <v>450</v>
      </c>
      <c r="H1562" s="60">
        <v>216</v>
      </c>
      <c r="I1562" s="60">
        <v>107</v>
      </c>
      <c r="J1562" s="61">
        <v>0</v>
      </c>
      <c r="K1562" s="61">
        <v>15.38</v>
      </c>
    </row>
    <row r="1563" spans="1:11" ht="18.75" customHeight="1" thickBot="1">
      <c r="A1563" s="59" t="s">
        <v>448</v>
      </c>
      <c r="B1563" s="59" t="s">
        <v>28</v>
      </c>
      <c r="C1563" s="59" t="s">
        <v>28</v>
      </c>
      <c r="D1563" s="59" t="s">
        <v>373</v>
      </c>
      <c r="E1563" s="59" t="s">
        <v>380</v>
      </c>
      <c r="F1563" s="59" t="s">
        <v>449</v>
      </c>
      <c r="G1563" s="59" t="s">
        <v>450</v>
      </c>
      <c r="H1563" s="60">
        <v>216</v>
      </c>
      <c r="I1563" s="60">
        <v>109</v>
      </c>
      <c r="J1563" s="61">
        <v>0</v>
      </c>
      <c r="K1563" s="61">
        <v>75.84</v>
      </c>
    </row>
    <row r="1564" spans="1:11" ht="18.75" customHeight="1" thickBot="1">
      <c r="A1564" s="59" t="s">
        <v>448</v>
      </c>
      <c r="B1564" s="59" t="s">
        <v>28</v>
      </c>
      <c r="C1564" s="59" t="s">
        <v>28</v>
      </c>
      <c r="D1564" s="59" t="s">
        <v>373</v>
      </c>
      <c r="E1564" s="59" t="s">
        <v>380</v>
      </c>
      <c r="F1564" s="59" t="s">
        <v>449</v>
      </c>
      <c r="G1564" s="59" t="s">
        <v>450</v>
      </c>
      <c r="H1564" s="60">
        <v>216</v>
      </c>
      <c r="I1564" s="60">
        <v>113</v>
      </c>
      <c r="J1564" s="61">
        <v>0</v>
      </c>
      <c r="K1564" s="61">
        <v>24.65</v>
      </c>
    </row>
    <row r="1565" spans="1:11" ht="18.75" customHeight="1" thickBot="1">
      <c r="A1565" s="59" t="s">
        <v>448</v>
      </c>
      <c r="B1565" s="59" t="s">
        <v>28</v>
      </c>
      <c r="C1565" s="59" t="s">
        <v>28</v>
      </c>
      <c r="D1565" s="59" t="s">
        <v>373</v>
      </c>
      <c r="E1565" s="59" t="s">
        <v>380</v>
      </c>
      <c r="F1565" s="59" t="s">
        <v>449</v>
      </c>
      <c r="G1565" s="59" t="s">
        <v>450</v>
      </c>
      <c r="H1565" s="60">
        <v>216</v>
      </c>
      <c r="I1565" s="60">
        <v>211</v>
      </c>
      <c r="J1565" s="61">
        <v>0</v>
      </c>
      <c r="K1565" s="61">
        <v>426.11</v>
      </c>
    </row>
    <row r="1566" spans="1:11" ht="18.75" customHeight="1" thickBot="1">
      <c r="A1566" s="59" t="s">
        <v>448</v>
      </c>
      <c r="B1566" s="59" t="s">
        <v>28</v>
      </c>
      <c r="C1566" s="59" t="s">
        <v>28</v>
      </c>
      <c r="D1566" s="59" t="s">
        <v>373</v>
      </c>
      <c r="E1566" s="59" t="s">
        <v>380</v>
      </c>
      <c r="F1566" s="59" t="s">
        <v>449</v>
      </c>
      <c r="G1566" s="59" t="s">
        <v>450</v>
      </c>
      <c r="H1566" s="60">
        <v>216</v>
      </c>
      <c r="I1566" s="60">
        <v>215</v>
      </c>
      <c r="J1566" s="61">
        <v>0</v>
      </c>
      <c r="K1566" s="61">
        <v>849.25</v>
      </c>
    </row>
    <row r="1567" spans="1:11" ht="18.75" customHeight="1" thickBot="1">
      <c r="A1567" s="59" t="s">
        <v>448</v>
      </c>
      <c r="B1567" s="59" t="s">
        <v>28</v>
      </c>
      <c r="C1567" s="59" t="s">
        <v>28</v>
      </c>
      <c r="D1567" s="59" t="s">
        <v>373</v>
      </c>
      <c r="E1567" s="59" t="s">
        <v>380</v>
      </c>
      <c r="F1567" s="59" t="s">
        <v>449</v>
      </c>
      <c r="G1567" s="59" t="s">
        <v>450</v>
      </c>
      <c r="H1567" s="60">
        <v>216</v>
      </c>
      <c r="I1567" s="60">
        <v>244</v>
      </c>
      <c r="J1567" s="61">
        <v>0</v>
      </c>
      <c r="K1567" s="61">
        <v>356.94</v>
      </c>
    </row>
    <row r="1568" spans="1:11" ht="18.75" customHeight="1" thickBot="1">
      <c r="A1568" s="59" t="s">
        <v>448</v>
      </c>
      <c r="B1568" s="59" t="s">
        <v>28</v>
      </c>
      <c r="C1568" s="59" t="s">
        <v>28</v>
      </c>
      <c r="D1568" s="59" t="s">
        <v>373</v>
      </c>
      <c r="E1568" s="59" t="s">
        <v>380</v>
      </c>
      <c r="F1568" s="59" t="s">
        <v>449</v>
      </c>
      <c r="G1568" s="59" t="s">
        <v>450</v>
      </c>
      <c r="H1568" s="60">
        <v>216</v>
      </c>
      <c r="I1568" s="60">
        <v>256</v>
      </c>
      <c r="J1568" s="61">
        <v>0</v>
      </c>
      <c r="K1568" s="61">
        <v>1180.19</v>
      </c>
    </row>
    <row r="1569" spans="1:11" ht="18.75" customHeight="1" thickBot="1">
      <c r="A1569" s="59" t="s">
        <v>448</v>
      </c>
      <c r="B1569" s="59" t="s">
        <v>28</v>
      </c>
      <c r="C1569" s="59" t="s">
        <v>28</v>
      </c>
      <c r="D1569" s="59" t="s">
        <v>373</v>
      </c>
      <c r="E1569" s="59" t="s">
        <v>380</v>
      </c>
      <c r="F1569" s="59" t="s">
        <v>449</v>
      </c>
      <c r="G1569" s="59" t="s">
        <v>450</v>
      </c>
      <c r="H1569" s="60">
        <v>216</v>
      </c>
      <c r="I1569" s="60">
        <v>358</v>
      </c>
      <c r="J1569" s="61">
        <v>0</v>
      </c>
      <c r="K1569" s="61">
        <v>2452.61</v>
      </c>
    </row>
    <row r="1570" spans="1:11" ht="18.75" customHeight="1" thickBot="1">
      <c r="A1570" s="59" t="s">
        <v>448</v>
      </c>
      <c r="B1570" s="59" t="s">
        <v>28</v>
      </c>
      <c r="C1570" s="59" t="s">
        <v>28</v>
      </c>
      <c r="D1570" s="59" t="s">
        <v>373</v>
      </c>
      <c r="E1570" s="59" t="s">
        <v>380</v>
      </c>
      <c r="F1570" s="59" t="s">
        <v>449</v>
      </c>
      <c r="G1570" s="59" t="s">
        <v>450</v>
      </c>
      <c r="H1570" s="60">
        <v>221</v>
      </c>
      <c r="I1570" s="60">
        <v>93</v>
      </c>
      <c r="J1570" s="61">
        <v>0</v>
      </c>
      <c r="K1570" s="61">
        <v>1.9</v>
      </c>
    </row>
    <row r="1571" spans="1:11" ht="18.75" customHeight="1" thickBot="1">
      <c r="A1571" s="59" t="s">
        <v>448</v>
      </c>
      <c r="B1571" s="59" t="s">
        <v>28</v>
      </c>
      <c r="C1571" s="59" t="s">
        <v>28</v>
      </c>
      <c r="D1571" s="59" t="s">
        <v>373</v>
      </c>
      <c r="E1571" s="59" t="s">
        <v>380</v>
      </c>
      <c r="F1571" s="59" t="s">
        <v>449</v>
      </c>
      <c r="G1571" s="59" t="s">
        <v>450</v>
      </c>
      <c r="H1571" s="60">
        <v>221</v>
      </c>
      <c r="I1571" s="60">
        <v>94</v>
      </c>
      <c r="J1571" s="61">
        <v>0</v>
      </c>
      <c r="K1571" s="61">
        <v>4.5</v>
      </c>
    </row>
    <row r="1572" spans="1:11" ht="18.75" customHeight="1" thickBot="1">
      <c r="A1572" s="59" t="s">
        <v>448</v>
      </c>
      <c r="B1572" s="59" t="s">
        <v>28</v>
      </c>
      <c r="C1572" s="59" t="s">
        <v>28</v>
      </c>
      <c r="D1572" s="59" t="s">
        <v>373</v>
      </c>
      <c r="E1572" s="59" t="s">
        <v>380</v>
      </c>
      <c r="F1572" s="59" t="s">
        <v>449</v>
      </c>
      <c r="G1572" s="59" t="s">
        <v>450</v>
      </c>
      <c r="H1572" s="60">
        <v>221</v>
      </c>
      <c r="I1572" s="60">
        <v>97</v>
      </c>
      <c r="J1572" s="61">
        <v>0</v>
      </c>
      <c r="K1572" s="61">
        <v>6.44</v>
      </c>
    </row>
    <row r="1573" spans="1:11" ht="18.75" customHeight="1" thickBot="1">
      <c r="A1573" s="59" t="s">
        <v>448</v>
      </c>
      <c r="B1573" s="59" t="s">
        <v>28</v>
      </c>
      <c r="C1573" s="59" t="s">
        <v>28</v>
      </c>
      <c r="D1573" s="59" t="s">
        <v>373</v>
      </c>
      <c r="E1573" s="59" t="s">
        <v>380</v>
      </c>
      <c r="F1573" s="59" t="s">
        <v>449</v>
      </c>
      <c r="G1573" s="59" t="s">
        <v>450</v>
      </c>
      <c r="H1573" s="60">
        <v>221</v>
      </c>
      <c r="I1573" s="60">
        <v>107</v>
      </c>
      <c r="J1573" s="61">
        <v>0</v>
      </c>
      <c r="K1573" s="61">
        <v>6.81</v>
      </c>
    </row>
    <row r="1574" spans="1:11" ht="18.75" customHeight="1" thickBot="1">
      <c r="A1574" s="59" t="s">
        <v>448</v>
      </c>
      <c r="B1574" s="59" t="s">
        <v>28</v>
      </c>
      <c r="C1574" s="59" t="s">
        <v>28</v>
      </c>
      <c r="D1574" s="59" t="s">
        <v>373</v>
      </c>
      <c r="E1574" s="59" t="s">
        <v>380</v>
      </c>
      <c r="F1574" s="59" t="s">
        <v>449</v>
      </c>
      <c r="G1574" s="59" t="s">
        <v>450</v>
      </c>
      <c r="H1574" s="60">
        <v>221</v>
      </c>
      <c r="I1574" s="60">
        <v>109</v>
      </c>
      <c r="J1574" s="61">
        <v>0</v>
      </c>
      <c r="K1574" s="61">
        <v>18.03</v>
      </c>
    </row>
    <row r="1575" spans="1:11" ht="18.75" customHeight="1" thickBot="1">
      <c r="A1575" s="59" t="s">
        <v>448</v>
      </c>
      <c r="B1575" s="59" t="s">
        <v>28</v>
      </c>
      <c r="C1575" s="59" t="s">
        <v>28</v>
      </c>
      <c r="D1575" s="59" t="s">
        <v>373</v>
      </c>
      <c r="E1575" s="59" t="s">
        <v>380</v>
      </c>
      <c r="F1575" s="59" t="s">
        <v>449</v>
      </c>
      <c r="G1575" s="59" t="s">
        <v>450</v>
      </c>
      <c r="H1575" s="60">
        <v>221</v>
      </c>
      <c r="I1575" s="60">
        <v>113</v>
      </c>
      <c r="J1575" s="61">
        <v>0</v>
      </c>
      <c r="K1575" s="61">
        <v>6.83</v>
      </c>
    </row>
    <row r="1576" spans="1:11" ht="18.75" customHeight="1" thickBot="1">
      <c r="A1576" s="59" t="s">
        <v>448</v>
      </c>
      <c r="B1576" s="59" t="s">
        <v>28</v>
      </c>
      <c r="C1576" s="59" t="s">
        <v>28</v>
      </c>
      <c r="D1576" s="59" t="s">
        <v>373</v>
      </c>
      <c r="E1576" s="59" t="s">
        <v>380</v>
      </c>
      <c r="F1576" s="59" t="s">
        <v>449</v>
      </c>
      <c r="G1576" s="59" t="s">
        <v>450</v>
      </c>
      <c r="H1576" s="60">
        <v>221</v>
      </c>
      <c r="I1576" s="60">
        <v>150</v>
      </c>
      <c r="J1576" s="61">
        <v>0</v>
      </c>
      <c r="K1576" s="61">
        <v>0.54</v>
      </c>
    </row>
    <row r="1577" spans="1:11" ht="18.75" customHeight="1" thickBot="1">
      <c r="A1577" s="59" t="s">
        <v>448</v>
      </c>
      <c r="B1577" s="59" t="s">
        <v>28</v>
      </c>
      <c r="C1577" s="59" t="s">
        <v>28</v>
      </c>
      <c r="D1577" s="59" t="s">
        <v>373</v>
      </c>
      <c r="E1577" s="59" t="s">
        <v>380</v>
      </c>
      <c r="F1577" s="59" t="s">
        <v>449</v>
      </c>
      <c r="G1577" s="59" t="s">
        <v>450</v>
      </c>
      <c r="H1577" s="60">
        <v>221</v>
      </c>
      <c r="I1577" s="60">
        <v>211</v>
      </c>
      <c r="J1577" s="61">
        <v>0</v>
      </c>
      <c r="K1577" s="61">
        <v>444.92</v>
      </c>
    </row>
    <row r="1578" spans="1:11" ht="18.75" customHeight="1" thickBot="1">
      <c r="A1578" s="59" t="s">
        <v>448</v>
      </c>
      <c r="B1578" s="59" t="s">
        <v>28</v>
      </c>
      <c r="C1578" s="59" t="s">
        <v>28</v>
      </c>
      <c r="D1578" s="59" t="s">
        <v>373</v>
      </c>
      <c r="E1578" s="59" t="s">
        <v>380</v>
      </c>
      <c r="F1578" s="59" t="s">
        <v>449</v>
      </c>
      <c r="G1578" s="59" t="s">
        <v>450</v>
      </c>
      <c r="H1578" s="60">
        <v>221</v>
      </c>
      <c r="I1578" s="60">
        <v>215</v>
      </c>
      <c r="J1578" s="61">
        <v>0</v>
      </c>
      <c r="K1578" s="61">
        <v>946.4</v>
      </c>
    </row>
    <row r="1579" spans="1:11" ht="18.75" customHeight="1" thickBot="1">
      <c r="A1579" s="59" t="s">
        <v>448</v>
      </c>
      <c r="B1579" s="59" t="s">
        <v>28</v>
      </c>
      <c r="C1579" s="59" t="s">
        <v>28</v>
      </c>
      <c r="D1579" s="59" t="s">
        <v>373</v>
      </c>
      <c r="E1579" s="59" t="s">
        <v>380</v>
      </c>
      <c r="F1579" s="59" t="s">
        <v>449</v>
      </c>
      <c r="G1579" s="59" t="s">
        <v>450</v>
      </c>
      <c r="H1579" s="60">
        <v>221</v>
      </c>
      <c r="I1579" s="60">
        <v>217</v>
      </c>
      <c r="J1579" s="61">
        <v>0</v>
      </c>
      <c r="K1579" s="61">
        <v>25.01</v>
      </c>
    </row>
    <row r="1580" spans="1:11" ht="18.75" customHeight="1" thickBot="1">
      <c r="A1580" s="59" t="s">
        <v>448</v>
      </c>
      <c r="B1580" s="59" t="s">
        <v>28</v>
      </c>
      <c r="C1580" s="59" t="s">
        <v>28</v>
      </c>
      <c r="D1580" s="59" t="s">
        <v>373</v>
      </c>
      <c r="E1580" s="59" t="s">
        <v>380</v>
      </c>
      <c r="F1580" s="59" t="s">
        <v>449</v>
      </c>
      <c r="G1580" s="59" t="s">
        <v>450</v>
      </c>
      <c r="H1580" s="60">
        <v>221</v>
      </c>
      <c r="I1580" s="60">
        <v>220</v>
      </c>
      <c r="J1580" s="61">
        <v>0</v>
      </c>
      <c r="K1580" s="61">
        <v>101.34</v>
      </c>
    </row>
    <row r="1581" spans="1:11" ht="18.75" customHeight="1" thickBot="1">
      <c r="A1581" s="59" t="s">
        <v>448</v>
      </c>
      <c r="B1581" s="59" t="s">
        <v>28</v>
      </c>
      <c r="C1581" s="59" t="s">
        <v>28</v>
      </c>
      <c r="D1581" s="59" t="s">
        <v>373</v>
      </c>
      <c r="E1581" s="59" t="s">
        <v>380</v>
      </c>
      <c r="F1581" s="59" t="s">
        <v>449</v>
      </c>
      <c r="G1581" s="59" t="s">
        <v>450</v>
      </c>
      <c r="H1581" s="60">
        <v>221</v>
      </c>
      <c r="I1581" s="60">
        <v>240</v>
      </c>
      <c r="J1581" s="61">
        <v>0</v>
      </c>
      <c r="K1581" s="61">
        <v>1070.49</v>
      </c>
    </row>
    <row r="1582" spans="1:11" ht="18.75" customHeight="1" thickBot="1">
      <c r="A1582" s="59" t="s">
        <v>448</v>
      </c>
      <c r="B1582" s="59" t="s">
        <v>28</v>
      </c>
      <c r="C1582" s="59" t="s">
        <v>28</v>
      </c>
      <c r="D1582" s="59" t="s">
        <v>373</v>
      </c>
      <c r="E1582" s="59" t="s">
        <v>380</v>
      </c>
      <c r="F1582" s="59" t="s">
        <v>449</v>
      </c>
      <c r="G1582" s="59" t="s">
        <v>450</v>
      </c>
      <c r="H1582" s="60">
        <v>221</v>
      </c>
      <c r="I1582" s="60">
        <v>244</v>
      </c>
      <c r="J1582" s="61">
        <v>0</v>
      </c>
      <c r="K1582" s="61">
        <v>1425.26</v>
      </c>
    </row>
    <row r="1583" spans="1:11" ht="18.75" customHeight="1" thickBot="1">
      <c r="A1583" s="59" t="s">
        <v>448</v>
      </c>
      <c r="B1583" s="59" t="s">
        <v>28</v>
      </c>
      <c r="C1583" s="59" t="s">
        <v>28</v>
      </c>
      <c r="D1583" s="59" t="s">
        <v>373</v>
      </c>
      <c r="E1583" s="59" t="s">
        <v>380</v>
      </c>
      <c r="F1583" s="59" t="s">
        <v>449</v>
      </c>
      <c r="G1583" s="59" t="s">
        <v>450</v>
      </c>
      <c r="H1583" s="60">
        <v>221</v>
      </c>
      <c r="I1583" s="60">
        <v>359</v>
      </c>
      <c r="J1583" s="61">
        <v>0</v>
      </c>
      <c r="K1583" s="61">
        <v>6282.3</v>
      </c>
    </row>
    <row r="1584" spans="1:11" ht="18.75" customHeight="1" thickBot="1">
      <c r="A1584" s="59" t="s">
        <v>448</v>
      </c>
      <c r="B1584" s="59" t="s">
        <v>28</v>
      </c>
      <c r="C1584" s="59" t="s">
        <v>28</v>
      </c>
      <c r="D1584" s="59" t="s">
        <v>373</v>
      </c>
      <c r="E1584" s="59" t="s">
        <v>380</v>
      </c>
      <c r="F1584" s="59" t="s">
        <v>449</v>
      </c>
      <c r="G1584" s="59" t="s">
        <v>450</v>
      </c>
      <c r="H1584" s="60">
        <v>221</v>
      </c>
      <c r="I1584" s="60">
        <v>371</v>
      </c>
      <c r="J1584" s="61">
        <v>0</v>
      </c>
      <c r="K1584" s="61">
        <v>23814.61</v>
      </c>
    </row>
    <row r="1585" spans="1:11" ht="18.75" customHeight="1" thickBot="1">
      <c r="A1585" s="59" t="s">
        <v>448</v>
      </c>
      <c r="B1585" s="59" t="s">
        <v>28</v>
      </c>
      <c r="C1585" s="59" t="s">
        <v>28</v>
      </c>
      <c r="D1585" s="59" t="s">
        <v>373</v>
      </c>
      <c r="E1585" s="59" t="s">
        <v>380</v>
      </c>
      <c r="F1585" s="59" t="s">
        <v>449</v>
      </c>
      <c r="G1585" s="59" t="s">
        <v>450</v>
      </c>
      <c r="H1585" s="60">
        <v>222</v>
      </c>
      <c r="I1585" s="60">
        <v>113</v>
      </c>
      <c r="J1585" s="61">
        <v>0</v>
      </c>
      <c r="K1585" s="61">
        <v>5.76</v>
      </c>
    </row>
    <row r="1586" spans="1:11" ht="18.75" customHeight="1" thickBot="1">
      <c r="A1586" s="59" t="s">
        <v>448</v>
      </c>
      <c r="B1586" s="59" t="s">
        <v>28</v>
      </c>
      <c r="C1586" s="59" t="s">
        <v>28</v>
      </c>
      <c r="D1586" s="59" t="s">
        <v>373</v>
      </c>
      <c r="E1586" s="59" t="s">
        <v>380</v>
      </c>
      <c r="F1586" s="59" t="s">
        <v>449</v>
      </c>
      <c r="G1586" s="59" t="s">
        <v>450</v>
      </c>
      <c r="H1586" s="60">
        <v>222</v>
      </c>
      <c r="I1586" s="60">
        <v>211</v>
      </c>
      <c r="J1586" s="61">
        <v>0</v>
      </c>
      <c r="K1586" s="61">
        <v>2.19</v>
      </c>
    </row>
    <row r="1587" spans="1:11" ht="18.75" customHeight="1" thickBot="1">
      <c r="A1587" s="59" t="s">
        <v>448</v>
      </c>
      <c r="B1587" s="59" t="s">
        <v>28</v>
      </c>
      <c r="C1587" s="59" t="s">
        <v>28</v>
      </c>
      <c r="D1587" s="59" t="s">
        <v>373</v>
      </c>
      <c r="E1587" s="59" t="s">
        <v>380</v>
      </c>
      <c r="F1587" s="59" t="s">
        <v>449</v>
      </c>
      <c r="G1587" s="59" t="s">
        <v>450</v>
      </c>
      <c r="H1587" s="60">
        <v>222</v>
      </c>
      <c r="I1587" s="60">
        <v>215</v>
      </c>
      <c r="J1587" s="61">
        <v>0</v>
      </c>
      <c r="K1587" s="61">
        <v>33.56</v>
      </c>
    </row>
    <row r="1588" spans="1:11" ht="18.75" customHeight="1" thickBot="1">
      <c r="A1588" s="59" t="s">
        <v>448</v>
      </c>
      <c r="B1588" s="59" t="s">
        <v>28</v>
      </c>
      <c r="C1588" s="59" t="s">
        <v>28</v>
      </c>
      <c r="D1588" s="59" t="s">
        <v>373</v>
      </c>
      <c r="E1588" s="59" t="s">
        <v>380</v>
      </c>
      <c r="F1588" s="59" t="s">
        <v>449</v>
      </c>
      <c r="G1588" s="59" t="s">
        <v>450</v>
      </c>
      <c r="H1588" s="60">
        <v>222</v>
      </c>
      <c r="I1588" s="60">
        <v>240</v>
      </c>
      <c r="J1588" s="61">
        <v>0</v>
      </c>
      <c r="K1588" s="61">
        <v>774.1</v>
      </c>
    </row>
    <row r="1589" spans="1:11" ht="18.75" customHeight="1" thickBot="1">
      <c r="A1589" s="59" t="s">
        <v>448</v>
      </c>
      <c r="B1589" s="59" t="s">
        <v>28</v>
      </c>
      <c r="C1589" s="59" t="s">
        <v>28</v>
      </c>
      <c r="D1589" s="59" t="s">
        <v>373</v>
      </c>
      <c r="E1589" s="59" t="s">
        <v>380</v>
      </c>
      <c r="F1589" s="59" t="s">
        <v>449</v>
      </c>
      <c r="G1589" s="59" t="s">
        <v>450</v>
      </c>
      <c r="H1589" s="60">
        <v>222</v>
      </c>
      <c r="I1589" s="60">
        <v>244</v>
      </c>
      <c r="J1589" s="61">
        <v>0</v>
      </c>
      <c r="K1589" s="61">
        <v>1784.62</v>
      </c>
    </row>
    <row r="1590" spans="1:11" ht="18.75" customHeight="1" thickBot="1">
      <c r="A1590" s="59" t="s">
        <v>448</v>
      </c>
      <c r="B1590" s="59" t="s">
        <v>28</v>
      </c>
      <c r="C1590" s="59" t="s">
        <v>28</v>
      </c>
      <c r="D1590" s="59" t="s">
        <v>373</v>
      </c>
      <c r="E1590" s="59" t="s">
        <v>380</v>
      </c>
      <c r="F1590" s="59" t="s">
        <v>449</v>
      </c>
      <c r="G1590" s="59" t="s">
        <v>450</v>
      </c>
      <c r="H1590" s="60">
        <v>230</v>
      </c>
      <c r="I1590" s="60">
        <v>94</v>
      </c>
      <c r="J1590" s="61">
        <v>0</v>
      </c>
      <c r="K1590" s="61">
        <v>0.67</v>
      </c>
    </row>
    <row r="1591" spans="1:11" ht="18.75" customHeight="1" thickBot="1">
      <c r="A1591" s="59" t="s">
        <v>448</v>
      </c>
      <c r="B1591" s="59" t="s">
        <v>28</v>
      </c>
      <c r="C1591" s="59" t="s">
        <v>28</v>
      </c>
      <c r="D1591" s="59" t="s">
        <v>373</v>
      </c>
      <c r="E1591" s="59" t="s">
        <v>380</v>
      </c>
      <c r="F1591" s="59" t="s">
        <v>449</v>
      </c>
      <c r="G1591" s="59" t="s">
        <v>450</v>
      </c>
      <c r="H1591" s="60">
        <v>230</v>
      </c>
      <c r="I1591" s="60">
        <v>97</v>
      </c>
      <c r="J1591" s="61">
        <v>0</v>
      </c>
      <c r="K1591" s="61">
        <v>11.69</v>
      </c>
    </row>
    <row r="1592" spans="1:11" ht="18.75" customHeight="1" thickBot="1">
      <c r="A1592" s="59" t="s">
        <v>448</v>
      </c>
      <c r="B1592" s="59" t="s">
        <v>28</v>
      </c>
      <c r="C1592" s="59" t="s">
        <v>28</v>
      </c>
      <c r="D1592" s="59" t="s">
        <v>373</v>
      </c>
      <c r="E1592" s="59" t="s">
        <v>380</v>
      </c>
      <c r="F1592" s="59" t="s">
        <v>449</v>
      </c>
      <c r="G1592" s="59" t="s">
        <v>450</v>
      </c>
      <c r="H1592" s="60">
        <v>230</v>
      </c>
      <c r="I1592" s="60">
        <v>107</v>
      </c>
      <c r="J1592" s="61">
        <v>0</v>
      </c>
      <c r="K1592" s="61">
        <v>1.1599999999999999</v>
      </c>
    </row>
    <row r="1593" spans="1:11" ht="18.75" customHeight="1" thickBot="1">
      <c r="A1593" s="59" t="s">
        <v>448</v>
      </c>
      <c r="B1593" s="59" t="s">
        <v>28</v>
      </c>
      <c r="C1593" s="59" t="s">
        <v>28</v>
      </c>
      <c r="D1593" s="59" t="s">
        <v>373</v>
      </c>
      <c r="E1593" s="59" t="s">
        <v>380</v>
      </c>
      <c r="F1593" s="59" t="s">
        <v>449</v>
      </c>
      <c r="G1593" s="59" t="s">
        <v>450</v>
      </c>
      <c r="H1593" s="60">
        <v>230</v>
      </c>
      <c r="I1593" s="60">
        <v>109</v>
      </c>
      <c r="J1593" s="61">
        <v>0</v>
      </c>
      <c r="K1593" s="61">
        <v>12.31</v>
      </c>
    </row>
    <row r="1594" spans="1:11" ht="18.75" customHeight="1" thickBot="1">
      <c r="A1594" s="59" t="s">
        <v>448</v>
      </c>
      <c r="B1594" s="59" t="s">
        <v>28</v>
      </c>
      <c r="C1594" s="59" t="s">
        <v>28</v>
      </c>
      <c r="D1594" s="59" t="s">
        <v>373</v>
      </c>
      <c r="E1594" s="59" t="s">
        <v>380</v>
      </c>
      <c r="F1594" s="59" t="s">
        <v>449</v>
      </c>
      <c r="G1594" s="59" t="s">
        <v>450</v>
      </c>
      <c r="H1594" s="60">
        <v>230</v>
      </c>
      <c r="I1594" s="60">
        <v>113</v>
      </c>
      <c r="J1594" s="61">
        <v>0</v>
      </c>
      <c r="K1594" s="61">
        <v>4.47</v>
      </c>
    </row>
    <row r="1595" spans="1:11" ht="18.75" customHeight="1" thickBot="1">
      <c r="A1595" s="59" t="s">
        <v>448</v>
      </c>
      <c r="B1595" s="59" t="s">
        <v>28</v>
      </c>
      <c r="C1595" s="59" t="s">
        <v>28</v>
      </c>
      <c r="D1595" s="59" t="s">
        <v>373</v>
      </c>
      <c r="E1595" s="59" t="s">
        <v>380</v>
      </c>
      <c r="F1595" s="59" t="s">
        <v>449</v>
      </c>
      <c r="G1595" s="59" t="s">
        <v>450</v>
      </c>
      <c r="H1595" s="60">
        <v>230</v>
      </c>
      <c r="I1595" s="60">
        <v>211</v>
      </c>
      <c r="J1595" s="61">
        <v>0</v>
      </c>
      <c r="K1595" s="61">
        <v>34.729999999999997</v>
      </c>
    </row>
    <row r="1596" spans="1:11" ht="18.75" customHeight="1" thickBot="1">
      <c r="A1596" s="59" t="s">
        <v>448</v>
      </c>
      <c r="B1596" s="59" t="s">
        <v>28</v>
      </c>
      <c r="C1596" s="59" t="s">
        <v>28</v>
      </c>
      <c r="D1596" s="59" t="s">
        <v>373</v>
      </c>
      <c r="E1596" s="59" t="s">
        <v>380</v>
      </c>
      <c r="F1596" s="59" t="s">
        <v>449</v>
      </c>
      <c r="G1596" s="59" t="s">
        <v>450</v>
      </c>
      <c r="H1596" s="60">
        <v>230</v>
      </c>
      <c r="I1596" s="60">
        <v>215</v>
      </c>
      <c r="J1596" s="61">
        <v>0</v>
      </c>
      <c r="K1596" s="61">
        <v>96.08</v>
      </c>
    </row>
    <row r="1597" spans="1:11" ht="18.75" customHeight="1" thickBot="1">
      <c r="A1597" s="59" t="s">
        <v>448</v>
      </c>
      <c r="B1597" s="59" t="s">
        <v>28</v>
      </c>
      <c r="C1597" s="59" t="s">
        <v>28</v>
      </c>
      <c r="D1597" s="59" t="s">
        <v>373</v>
      </c>
      <c r="E1597" s="59" t="s">
        <v>380</v>
      </c>
      <c r="F1597" s="59" t="s">
        <v>449</v>
      </c>
      <c r="G1597" s="59" t="s">
        <v>450</v>
      </c>
      <c r="H1597" s="60">
        <v>230</v>
      </c>
      <c r="I1597" s="60">
        <v>220</v>
      </c>
      <c r="J1597" s="61">
        <v>0</v>
      </c>
      <c r="K1597" s="61">
        <v>913.98</v>
      </c>
    </row>
    <row r="1598" spans="1:11" ht="18.75" customHeight="1" thickBot="1">
      <c r="A1598" s="59" t="s">
        <v>448</v>
      </c>
      <c r="B1598" s="59" t="s">
        <v>28</v>
      </c>
      <c r="C1598" s="59" t="s">
        <v>28</v>
      </c>
      <c r="D1598" s="59" t="s">
        <v>373</v>
      </c>
      <c r="E1598" s="59" t="s">
        <v>380</v>
      </c>
      <c r="F1598" s="59" t="s">
        <v>449</v>
      </c>
      <c r="G1598" s="59" t="s">
        <v>450</v>
      </c>
      <c r="H1598" s="60">
        <v>230</v>
      </c>
      <c r="I1598" s="60">
        <v>236</v>
      </c>
      <c r="J1598" s="61">
        <v>0</v>
      </c>
      <c r="K1598" s="61">
        <v>128.30000000000001</v>
      </c>
    </row>
    <row r="1599" spans="1:11" ht="18.75" customHeight="1" thickBot="1">
      <c r="A1599" s="59" t="s">
        <v>448</v>
      </c>
      <c r="B1599" s="59" t="s">
        <v>28</v>
      </c>
      <c r="C1599" s="59" t="s">
        <v>28</v>
      </c>
      <c r="D1599" s="59" t="s">
        <v>373</v>
      </c>
      <c r="E1599" s="59" t="s">
        <v>380</v>
      </c>
      <c r="F1599" s="59" t="s">
        <v>449</v>
      </c>
      <c r="G1599" s="59" t="s">
        <v>450</v>
      </c>
      <c r="H1599" s="60">
        <v>230</v>
      </c>
      <c r="I1599" s="60">
        <v>240</v>
      </c>
      <c r="J1599" s="61">
        <v>0</v>
      </c>
      <c r="K1599" s="61">
        <v>92.85</v>
      </c>
    </row>
    <row r="1600" spans="1:11" ht="18.75" customHeight="1" thickBot="1">
      <c r="A1600" s="59" t="s">
        <v>448</v>
      </c>
      <c r="B1600" s="59" t="s">
        <v>28</v>
      </c>
      <c r="C1600" s="59" t="s">
        <v>28</v>
      </c>
      <c r="D1600" s="59" t="s">
        <v>373</v>
      </c>
      <c r="E1600" s="59" t="s">
        <v>380</v>
      </c>
      <c r="F1600" s="59" t="s">
        <v>449</v>
      </c>
      <c r="G1600" s="59" t="s">
        <v>450</v>
      </c>
      <c r="H1600" s="60">
        <v>230</v>
      </c>
      <c r="I1600" s="60">
        <v>244</v>
      </c>
      <c r="J1600" s="61">
        <v>0</v>
      </c>
      <c r="K1600" s="61">
        <v>5272.44</v>
      </c>
    </row>
    <row r="1601" spans="1:11" ht="18.75" customHeight="1" thickBot="1">
      <c r="A1601" s="59" t="s">
        <v>448</v>
      </c>
      <c r="B1601" s="59" t="s">
        <v>28</v>
      </c>
      <c r="C1601" s="59" t="s">
        <v>28</v>
      </c>
      <c r="D1601" s="59" t="s">
        <v>373</v>
      </c>
      <c r="E1601" s="59" t="s">
        <v>380</v>
      </c>
      <c r="F1601" s="59" t="s">
        <v>449</v>
      </c>
      <c r="G1601" s="59" t="s">
        <v>450</v>
      </c>
      <c r="H1601" s="60">
        <v>230</v>
      </c>
      <c r="I1601" s="60">
        <v>248</v>
      </c>
      <c r="J1601" s="61">
        <v>0</v>
      </c>
      <c r="K1601" s="61">
        <v>1476.77</v>
      </c>
    </row>
    <row r="1602" spans="1:11" ht="18.75" customHeight="1" thickBot="1">
      <c r="A1602" s="59" t="s">
        <v>448</v>
      </c>
      <c r="B1602" s="59" t="s">
        <v>28</v>
      </c>
      <c r="C1602" s="59" t="s">
        <v>28</v>
      </c>
      <c r="D1602" s="59" t="s">
        <v>373</v>
      </c>
      <c r="E1602" s="59" t="s">
        <v>380</v>
      </c>
      <c r="F1602" s="59" t="s">
        <v>449</v>
      </c>
      <c r="G1602" s="59" t="s">
        <v>450</v>
      </c>
      <c r="H1602" s="60">
        <v>230</v>
      </c>
      <c r="I1602" s="60">
        <v>330</v>
      </c>
      <c r="J1602" s="61">
        <v>0</v>
      </c>
      <c r="K1602" s="61">
        <v>3462.87</v>
      </c>
    </row>
    <row r="1603" spans="1:11" ht="18.75" customHeight="1" thickBot="1">
      <c r="A1603" s="59" t="s">
        <v>448</v>
      </c>
      <c r="B1603" s="59" t="s">
        <v>28</v>
      </c>
      <c r="C1603" s="59" t="s">
        <v>28</v>
      </c>
      <c r="D1603" s="59" t="s">
        <v>373</v>
      </c>
      <c r="E1603" s="59" t="s">
        <v>380</v>
      </c>
      <c r="F1603" s="59" t="s">
        <v>449</v>
      </c>
      <c r="G1603" s="59" t="s">
        <v>450</v>
      </c>
      <c r="H1603" s="60">
        <v>230</v>
      </c>
      <c r="I1603" s="60">
        <v>358</v>
      </c>
      <c r="J1603" s="61">
        <v>0</v>
      </c>
      <c r="K1603" s="61">
        <v>2812.53</v>
      </c>
    </row>
    <row r="1604" spans="1:11" ht="18.75" hidden="1" customHeight="1" thickBot="1">
      <c r="A1604" s="59" t="s">
        <v>448</v>
      </c>
      <c r="B1604" s="59" t="s">
        <v>28</v>
      </c>
      <c r="C1604" s="59" t="s">
        <v>28</v>
      </c>
      <c r="D1604" s="59" t="s">
        <v>373</v>
      </c>
      <c r="E1604" s="59" t="s">
        <v>382</v>
      </c>
      <c r="F1604" s="59" t="s">
        <v>449</v>
      </c>
      <c r="G1604" s="59" t="s">
        <v>450</v>
      </c>
      <c r="H1604" s="60">
        <v>211</v>
      </c>
      <c r="I1604" s="60">
        <v>109</v>
      </c>
      <c r="J1604" s="61">
        <v>0</v>
      </c>
      <c r="K1604" s="61">
        <v>-2.74</v>
      </c>
    </row>
    <row r="1605" spans="1:11" ht="18.75" hidden="1" customHeight="1" thickBot="1">
      <c r="A1605" s="59" t="s">
        <v>448</v>
      </c>
      <c r="B1605" s="59" t="s">
        <v>28</v>
      </c>
      <c r="C1605" s="59" t="s">
        <v>28</v>
      </c>
      <c r="D1605" s="59" t="s">
        <v>373</v>
      </c>
      <c r="E1605" s="59" t="s">
        <v>382</v>
      </c>
      <c r="F1605" s="59" t="s">
        <v>449</v>
      </c>
      <c r="G1605" s="59" t="s">
        <v>450</v>
      </c>
      <c r="H1605" s="60">
        <v>211</v>
      </c>
      <c r="I1605" s="60">
        <v>211</v>
      </c>
      <c r="J1605" s="61">
        <v>0</v>
      </c>
      <c r="K1605" s="61">
        <v>-166.58</v>
      </c>
    </row>
    <row r="1606" spans="1:11" ht="18.75" hidden="1" customHeight="1" thickBot="1">
      <c r="A1606" s="59" t="s">
        <v>448</v>
      </c>
      <c r="B1606" s="59" t="s">
        <v>28</v>
      </c>
      <c r="C1606" s="59" t="s">
        <v>28</v>
      </c>
      <c r="D1606" s="59" t="s">
        <v>373</v>
      </c>
      <c r="E1606" s="59" t="s">
        <v>382</v>
      </c>
      <c r="F1606" s="59" t="s">
        <v>449</v>
      </c>
      <c r="G1606" s="59" t="s">
        <v>450</v>
      </c>
      <c r="H1606" s="60">
        <v>211</v>
      </c>
      <c r="I1606" s="60">
        <v>215</v>
      </c>
      <c r="J1606" s="61">
        <v>0</v>
      </c>
      <c r="K1606" s="61">
        <v>-35.54</v>
      </c>
    </row>
    <row r="1607" spans="1:11" ht="18.75" hidden="1" customHeight="1" thickBot="1">
      <c r="A1607" s="59" t="s">
        <v>448</v>
      </c>
      <c r="B1607" s="59" t="s">
        <v>28</v>
      </c>
      <c r="C1607" s="59" t="s">
        <v>28</v>
      </c>
      <c r="D1607" s="59" t="s">
        <v>373</v>
      </c>
      <c r="E1607" s="59" t="s">
        <v>382</v>
      </c>
      <c r="F1607" s="59" t="s">
        <v>449</v>
      </c>
      <c r="G1607" s="59" t="s">
        <v>450</v>
      </c>
      <c r="H1607" s="60">
        <v>212</v>
      </c>
      <c r="I1607" s="60">
        <v>211</v>
      </c>
      <c r="J1607" s="61">
        <v>0</v>
      </c>
      <c r="K1607" s="61">
        <v>-14.88</v>
      </c>
    </row>
    <row r="1608" spans="1:11" ht="18.75" hidden="1" customHeight="1" thickBot="1">
      <c r="A1608" s="59" t="s">
        <v>448</v>
      </c>
      <c r="B1608" s="59" t="s">
        <v>28</v>
      </c>
      <c r="C1608" s="59" t="s">
        <v>28</v>
      </c>
      <c r="D1608" s="59" t="s">
        <v>373</v>
      </c>
      <c r="E1608" s="59" t="s">
        <v>382</v>
      </c>
      <c r="F1608" s="59" t="s">
        <v>449</v>
      </c>
      <c r="G1608" s="59" t="s">
        <v>450</v>
      </c>
      <c r="H1608" s="60">
        <v>212</v>
      </c>
      <c r="I1608" s="60">
        <v>215</v>
      </c>
      <c r="J1608" s="61">
        <v>0</v>
      </c>
      <c r="K1608" s="61">
        <v>-210.43</v>
      </c>
    </row>
    <row r="1609" spans="1:11" ht="18.75" hidden="1" customHeight="1" thickBot="1">
      <c r="A1609" s="59" t="s">
        <v>448</v>
      </c>
      <c r="B1609" s="59" t="s">
        <v>28</v>
      </c>
      <c r="C1609" s="59" t="s">
        <v>28</v>
      </c>
      <c r="D1609" s="59" t="s">
        <v>373</v>
      </c>
      <c r="E1609" s="59" t="s">
        <v>382</v>
      </c>
      <c r="F1609" s="59" t="s">
        <v>449</v>
      </c>
      <c r="G1609" s="59" t="s">
        <v>450</v>
      </c>
      <c r="H1609" s="60">
        <v>221</v>
      </c>
      <c r="I1609" s="60">
        <v>211</v>
      </c>
      <c r="J1609" s="61">
        <v>0</v>
      </c>
      <c r="K1609" s="61">
        <v>-3.39</v>
      </c>
    </row>
    <row r="1610" spans="1:11" ht="18.75" hidden="1" customHeight="1" thickBot="1">
      <c r="A1610" s="59" t="s">
        <v>448</v>
      </c>
      <c r="B1610" s="59" t="s">
        <v>28</v>
      </c>
      <c r="C1610" s="59" t="s">
        <v>28</v>
      </c>
      <c r="D1610" s="59" t="s">
        <v>373</v>
      </c>
      <c r="E1610" s="59" t="s">
        <v>382</v>
      </c>
      <c r="F1610" s="59" t="s">
        <v>449</v>
      </c>
      <c r="G1610" s="59" t="s">
        <v>450</v>
      </c>
      <c r="H1610" s="60">
        <v>221</v>
      </c>
      <c r="I1610" s="60">
        <v>215</v>
      </c>
      <c r="J1610" s="61">
        <v>0</v>
      </c>
      <c r="K1610" s="61">
        <v>-23.67</v>
      </c>
    </row>
    <row r="1611" spans="1:11" ht="18.75" hidden="1" customHeight="1" thickBot="1">
      <c r="A1611" s="59" t="s">
        <v>448</v>
      </c>
      <c r="B1611" s="59" t="s">
        <v>28</v>
      </c>
      <c r="C1611" s="59" t="s">
        <v>28</v>
      </c>
      <c r="D1611" s="59" t="s">
        <v>373</v>
      </c>
      <c r="E1611" s="59" t="s">
        <v>382</v>
      </c>
      <c r="F1611" s="59" t="s">
        <v>449</v>
      </c>
      <c r="G1611" s="59" t="s">
        <v>450</v>
      </c>
      <c r="H1611" s="60">
        <v>221</v>
      </c>
      <c r="I1611" s="60">
        <v>371</v>
      </c>
      <c r="J1611" s="61">
        <v>0</v>
      </c>
      <c r="K1611" s="61">
        <v>-23814.61</v>
      </c>
    </row>
    <row r="1612" spans="1:11" ht="18.75" hidden="1" customHeight="1" thickBot="1">
      <c r="A1612" s="59" t="s">
        <v>448</v>
      </c>
      <c r="B1612" s="59" t="s">
        <v>28</v>
      </c>
      <c r="C1612" s="59" t="s">
        <v>28</v>
      </c>
      <c r="D1612" s="59" t="s">
        <v>374</v>
      </c>
      <c r="E1612" s="59" t="s">
        <v>378</v>
      </c>
      <c r="F1612" s="59" t="s">
        <v>449</v>
      </c>
      <c r="G1612" s="59" t="s">
        <v>450</v>
      </c>
      <c r="H1612" s="60">
        <v>211</v>
      </c>
      <c r="I1612" s="60">
        <v>94</v>
      </c>
      <c r="J1612" s="61">
        <v>0</v>
      </c>
      <c r="K1612" s="61">
        <v>-16.93</v>
      </c>
    </row>
    <row r="1613" spans="1:11" ht="18.75" hidden="1" customHeight="1" thickBot="1">
      <c r="A1613" s="59" t="s">
        <v>448</v>
      </c>
      <c r="B1613" s="59" t="s">
        <v>28</v>
      </c>
      <c r="C1613" s="59" t="s">
        <v>28</v>
      </c>
      <c r="D1613" s="59" t="s">
        <v>374</v>
      </c>
      <c r="E1613" s="59" t="s">
        <v>378</v>
      </c>
      <c r="F1613" s="59" t="s">
        <v>449</v>
      </c>
      <c r="G1613" s="59" t="s">
        <v>450</v>
      </c>
      <c r="H1613" s="60">
        <v>211</v>
      </c>
      <c r="I1613" s="60">
        <v>95</v>
      </c>
      <c r="J1613" s="61">
        <v>0</v>
      </c>
      <c r="K1613" s="61">
        <v>-1.87</v>
      </c>
    </row>
    <row r="1614" spans="1:11" ht="18.75" hidden="1" customHeight="1" thickBot="1">
      <c r="A1614" s="59" t="s">
        <v>448</v>
      </c>
      <c r="B1614" s="59" t="s">
        <v>28</v>
      </c>
      <c r="C1614" s="59" t="s">
        <v>28</v>
      </c>
      <c r="D1614" s="59" t="s">
        <v>374</v>
      </c>
      <c r="E1614" s="59" t="s">
        <v>378</v>
      </c>
      <c r="F1614" s="59" t="s">
        <v>449</v>
      </c>
      <c r="G1614" s="59" t="s">
        <v>450</v>
      </c>
      <c r="H1614" s="60">
        <v>211</v>
      </c>
      <c r="I1614" s="60">
        <v>97</v>
      </c>
      <c r="J1614" s="61">
        <v>0</v>
      </c>
      <c r="K1614" s="61">
        <v>-2.31</v>
      </c>
    </row>
    <row r="1615" spans="1:11" ht="18.75" hidden="1" customHeight="1" thickBot="1">
      <c r="A1615" s="59" t="s">
        <v>448</v>
      </c>
      <c r="B1615" s="59" t="s">
        <v>28</v>
      </c>
      <c r="C1615" s="59" t="s">
        <v>28</v>
      </c>
      <c r="D1615" s="59" t="s">
        <v>374</v>
      </c>
      <c r="E1615" s="59" t="s">
        <v>378</v>
      </c>
      <c r="F1615" s="59" t="s">
        <v>449</v>
      </c>
      <c r="G1615" s="59" t="s">
        <v>450</v>
      </c>
      <c r="H1615" s="60">
        <v>211</v>
      </c>
      <c r="I1615" s="60">
        <v>98</v>
      </c>
      <c r="J1615" s="61">
        <v>0</v>
      </c>
      <c r="K1615" s="61">
        <v>-3.99</v>
      </c>
    </row>
    <row r="1616" spans="1:11" ht="18.75" hidden="1" customHeight="1" thickBot="1">
      <c r="A1616" s="59" t="s">
        <v>448</v>
      </c>
      <c r="B1616" s="59" t="s">
        <v>28</v>
      </c>
      <c r="C1616" s="59" t="s">
        <v>28</v>
      </c>
      <c r="D1616" s="59" t="s">
        <v>374</v>
      </c>
      <c r="E1616" s="59" t="s">
        <v>378</v>
      </c>
      <c r="F1616" s="59" t="s">
        <v>449</v>
      </c>
      <c r="G1616" s="59" t="s">
        <v>450</v>
      </c>
      <c r="H1616" s="60">
        <v>211</v>
      </c>
      <c r="I1616" s="60">
        <v>107</v>
      </c>
      <c r="J1616" s="61">
        <v>0</v>
      </c>
      <c r="K1616" s="61">
        <v>-15.48</v>
      </c>
    </row>
    <row r="1617" spans="1:11" ht="18.75" hidden="1" customHeight="1" thickBot="1">
      <c r="A1617" s="59" t="s">
        <v>448</v>
      </c>
      <c r="B1617" s="59" t="s">
        <v>28</v>
      </c>
      <c r="C1617" s="59" t="s">
        <v>28</v>
      </c>
      <c r="D1617" s="59" t="s">
        <v>374</v>
      </c>
      <c r="E1617" s="59" t="s">
        <v>378</v>
      </c>
      <c r="F1617" s="59" t="s">
        <v>449</v>
      </c>
      <c r="G1617" s="59" t="s">
        <v>450</v>
      </c>
      <c r="H1617" s="60">
        <v>211</v>
      </c>
      <c r="I1617" s="60">
        <v>109</v>
      </c>
      <c r="J1617" s="61">
        <v>0</v>
      </c>
      <c r="K1617" s="61">
        <v>-74.38</v>
      </c>
    </row>
    <row r="1618" spans="1:11" ht="18.75" hidden="1" customHeight="1" thickBot="1">
      <c r="A1618" s="59" t="s">
        <v>448</v>
      </c>
      <c r="B1618" s="59" t="s">
        <v>28</v>
      </c>
      <c r="C1618" s="59" t="s">
        <v>28</v>
      </c>
      <c r="D1618" s="59" t="s">
        <v>374</v>
      </c>
      <c r="E1618" s="59" t="s">
        <v>378</v>
      </c>
      <c r="F1618" s="59" t="s">
        <v>449</v>
      </c>
      <c r="G1618" s="59" t="s">
        <v>450</v>
      </c>
      <c r="H1618" s="60">
        <v>211</v>
      </c>
      <c r="I1618" s="60">
        <v>110</v>
      </c>
      <c r="J1618" s="61">
        <v>0</v>
      </c>
      <c r="K1618" s="61">
        <v>-3.13</v>
      </c>
    </row>
    <row r="1619" spans="1:11" ht="18.75" hidden="1" customHeight="1" thickBot="1">
      <c r="A1619" s="59" t="s">
        <v>448</v>
      </c>
      <c r="B1619" s="59" t="s">
        <v>28</v>
      </c>
      <c r="C1619" s="59" t="s">
        <v>28</v>
      </c>
      <c r="D1619" s="59" t="s">
        <v>374</v>
      </c>
      <c r="E1619" s="59" t="s">
        <v>378</v>
      </c>
      <c r="F1619" s="59" t="s">
        <v>449</v>
      </c>
      <c r="G1619" s="59" t="s">
        <v>450</v>
      </c>
      <c r="H1619" s="60">
        <v>211</v>
      </c>
      <c r="I1619" s="60">
        <v>111</v>
      </c>
      <c r="J1619" s="61">
        <v>0</v>
      </c>
      <c r="K1619" s="61">
        <v>-47.48</v>
      </c>
    </row>
    <row r="1620" spans="1:11" ht="18.75" hidden="1" customHeight="1" thickBot="1">
      <c r="A1620" s="59" t="s">
        <v>448</v>
      </c>
      <c r="B1620" s="59" t="s">
        <v>28</v>
      </c>
      <c r="C1620" s="59" t="s">
        <v>28</v>
      </c>
      <c r="D1620" s="59" t="s">
        <v>374</v>
      </c>
      <c r="E1620" s="59" t="s">
        <v>378</v>
      </c>
      <c r="F1620" s="59" t="s">
        <v>449</v>
      </c>
      <c r="G1620" s="59" t="s">
        <v>450</v>
      </c>
      <c r="H1620" s="60">
        <v>211</v>
      </c>
      <c r="I1620" s="60">
        <v>113</v>
      </c>
      <c r="J1620" s="61">
        <v>0</v>
      </c>
      <c r="K1620" s="61">
        <v>-29.87</v>
      </c>
    </row>
    <row r="1621" spans="1:11" ht="18.75" hidden="1" customHeight="1" thickBot="1">
      <c r="A1621" s="59" t="s">
        <v>448</v>
      </c>
      <c r="B1621" s="59" t="s">
        <v>28</v>
      </c>
      <c r="C1621" s="59" t="s">
        <v>28</v>
      </c>
      <c r="D1621" s="59" t="s">
        <v>374</v>
      </c>
      <c r="E1621" s="59" t="s">
        <v>378</v>
      </c>
      <c r="F1621" s="59" t="s">
        <v>449</v>
      </c>
      <c r="G1621" s="59" t="s">
        <v>450</v>
      </c>
      <c r="H1621" s="60">
        <v>211</v>
      </c>
      <c r="I1621" s="60">
        <v>116</v>
      </c>
      <c r="J1621" s="61">
        <v>0</v>
      </c>
      <c r="K1621" s="61">
        <v>-16.170000000000002</v>
      </c>
    </row>
    <row r="1622" spans="1:11" ht="18.75" hidden="1" customHeight="1" thickBot="1">
      <c r="A1622" s="59" t="s">
        <v>448</v>
      </c>
      <c r="B1622" s="59" t="s">
        <v>28</v>
      </c>
      <c r="C1622" s="59" t="s">
        <v>28</v>
      </c>
      <c r="D1622" s="59" t="s">
        <v>374</v>
      </c>
      <c r="E1622" s="59" t="s">
        <v>378</v>
      </c>
      <c r="F1622" s="59" t="s">
        <v>449</v>
      </c>
      <c r="G1622" s="59" t="s">
        <v>450</v>
      </c>
      <c r="H1622" s="60">
        <v>211</v>
      </c>
      <c r="I1622" s="60">
        <v>150</v>
      </c>
      <c r="J1622" s="61">
        <v>0</v>
      </c>
      <c r="K1622" s="61">
        <v>-2.08</v>
      </c>
    </row>
    <row r="1623" spans="1:11" ht="18.75" hidden="1" customHeight="1" thickBot="1">
      <c r="A1623" s="59" t="s">
        <v>448</v>
      </c>
      <c r="B1623" s="59" t="s">
        <v>28</v>
      </c>
      <c r="C1623" s="59" t="s">
        <v>28</v>
      </c>
      <c r="D1623" s="59" t="s">
        <v>374</v>
      </c>
      <c r="E1623" s="59" t="s">
        <v>378</v>
      </c>
      <c r="F1623" s="59" t="s">
        <v>449</v>
      </c>
      <c r="G1623" s="59" t="s">
        <v>450</v>
      </c>
      <c r="H1623" s="60">
        <v>211</v>
      </c>
      <c r="I1623" s="60">
        <v>211</v>
      </c>
      <c r="J1623" s="61">
        <v>0</v>
      </c>
      <c r="K1623" s="61">
        <v>-4260.28</v>
      </c>
    </row>
    <row r="1624" spans="1:11" ht="18.75" hidden="1" customHeight="1" thickBot="1">
      <c r="A1624" s="59" t="s">
        <v>448</v>
      </c>
      <c r="B1624" s="59" t="s">
        <v>28</v>
      </c>
      <c r="C1624" s="59" t="s">
        <v>28</v>
      </c>
      <c r="D1624" s="59" t="s">
        <v>374</v>
      </c>
      <c r="E1624" s="59" t="s">
        <v>378</v>
      </c>
      <c r="F1624" s="59" t="s">
        <v>449</v>
      </c>
      <c r="G1624" s="59" t="s">
        <v>450</v>
      </c>
      <c r="H1624" s="60">
        <v>211</v>
      </c>
      <c r="I1624" s="60">
        <v>213</v>
      </c>
      <c r="J1624" s="61">
        <v>0</v>
      </c>
      <c r="K1624" s="61">
        <v>-174.08</v>
      </c>
    </row>
    <row r="1625" spans="1:11" ht="18.75" hidden="1" customHeight="1" thickBot="1">
      <c r="A1625" s="59" t="s">
        <v>448</v>
      </c>
      <c r="B1625" s="59" t="s">
        <v>28</v>
      </c>
      <c r="C1625" s="59" t="s">
        <v>28</v>
      </c>
      <c r="D1625" s="59" t="s">
        <v>374</v>
      </c>
      <c r="E1625" s="59" t="s">
        <v>378</v>
      </c>
      <c r="F1625" s="59" t="s">
        <v>449</v>
      </c>
      <c r="G1625" s="59" t="s">
        <v>450</v>
      </c>
      <c r="H1625" s="60">
        <v>211</v>
      </c>
      <c r="I1625" s="60">
        <v>215</v>
      </c>
      <c r="J1625" s="61">
        <v>0</v>
      </c>
      <c r="K1625" s="61">
        <v>-7442.33</v>
      </c>
    </row>
    <row r="1626" spans="1:11" ht="18.75" hidden="1" customHeight="1" thickBot="1">
      <c r="A1626" s="59" t="s">
        <v>448</v>
      </c>
      <c r="B1626" s="59" t="s">
        <v>28</v>
      </c>
      <c r="C1626" s="59" t="s">
        <v>28</v>
      </c>
      <c r="D1626" s="59" t="s">
        <v>374</v>
      </c>
      <c r="E1626" s="59" t="s">
        <v>378</v>
      </c>
      <c r="F1626" s="59" t="s">
        <v>449</v>
      </c>
      <c r="G1626" s="59" t="s">
        <v>450</v>
      </c>
      <c r="H1626" s="60">
        <v>211</v>
      </c>
      <c r="I1626" s="60">
        <v>229</v>
      </c>
      <c r="J1626" s="61">
        <v>0</v>
      </c>
      <c r="K1626" s="61">
        <v>-232.97</v>
      </c>
    </row>
    <row r="1627" spans="1:11" ht="18.75" hidden="1" customHeight="1" thickBot="1">
      <c r="A1627" s="59" t="s">
        <v>448</v>
      </c>
      <c r="B1627" s="59" t="s">
        <v>28</v>
      </c>
      <c r="C1627" s="59" t="s">
        <v>28</v>
      </c>
      <c r="D1627" s="59" t="s">
        <v>374</v>
      </c>
      <c r="E1627" s="59" t="s">
        <v>378</v>
      </c>
      <c r="F1627" s="59" t="s">
        <v>449</v>
      </c>
      <c r="G1627" s="59" t="s">
        <v>450</v>
      </c>
      <c r="H1627" s="60">
        <v>211</v>
      </c>
      <c r="I1627" s="60">
        <v>240</v>
      </c>
      <c r="J1627" s="61">
        <v>0</v>
      </c>
      <c r="K1627" s="61">
        <v>-5350.14</v>
      </c>
    </row>
    <row r="1628" spans="1:11" ht="18.75" hidden="1" customHeight="1" thickBot="1">
      <c r="A1628" s="59" t="s">
        <v>448</v>
      </c>
      <c r="B1628" s="59" t="s">
        <v>28</v>
      </c>
      <c r="C1628" s="59" t="s">
        <v>28</v>
      </c>
      <c r="D1628" s="59" t="s">
        <v>374</v>
      </c>
      <c r="E1628" s="59" t="s">
        <v>378</v>
      </c>
      <c r="F1628" s="59" t="s">
        <v>449</v>
      </c>
      <c r="G1628" s="59" t="s">
        <v>450</v>
      </c>
      <c r="H1628" s="60">
        <v>211</v>
      </c>
      <c r="I1628" s="60">
        <v>356</v>
      </c>
      <c r="J1628" s="61">
        <v>0</v>
      </c>
      <c r="K1628" s="61">
        <v>-2625.75</v>
      </c>
    </row>
    <row r="1629" spans="1:11" ht="18.75" hidden="1" customHeight="1" thickBot="1">
      <c r="A1629" s="59" t="s">
        <v>448</v>
      </c>
      <c r="B1629" s="59" t="s">
        <v>28</v>
      </c>
      <c r="C1629" s="59" t="s">
        <v>28</v>
      </c>
      <c r="D1629" s="59" t="s">
        <v>374</v>
      </c>
      <c r="E1629" s="59" t="s">
        <v>378</v>
      </c>
      <c r="F1629" s="59" t="s">
        <v>449</v>
      </c>
      <c r="G1629" s="59" t="s">
        <v>450</v>
      </c>
      <c r="H1629" s="60">
        <v>212</v>
      </c>
      <c r="I1629" s="60">
        <v>94</v>
      </c>
      <c r="J1629" s="61">
        <v>0</v>
      </c>
      <c r="K1629" s="61">
        <v>-0.78</v>
      </c>
    </row>
    <row r="1630" spans="1:11" ht="18.75" hidden="1" customHeight="1" thickBot="1">
      <c r="A1630" s="59" t="s">
        <v>448</v>
      </c>
      <c r="B1630" s="59" t="s">
        <v>28</v>
      </c>
      <c r="C1630" s="59" t="s">
        <v>28</v>
      </c>
      <c r="D1630" s="59" t="s">
        <v>374</v>
      </c>
      <c r="E1630" s="59" t="s">
        <v>378</v>
      </c>
      <c r="F1630" s="59" t="s">
        <v>449</v>
      </c>
      <c r="G1630" s="59" t="s">
        <v>450</v>
      </c>
      <c r="H1630" s="60">
        <v>212</v>
      </c>
      <c r="I1630" s="60">
        <v>97</v>
      </c>
      <c r="J1630" s="61">
        <v>0</v>
      </c>
      <c r="K1630" s="61">
        <v>-2.2799999999999998</v>
      </c>
    </row>
    <row r="1631" spans="1:11" ht="18.75" hidden="1" customHeight="1" thickBot="1">
      <c r="A1631" s="59" t="s">
        <v>448</v>
      </c>
      <c r="B1631" s="59" t="s">
        <v>28</v>
      </c>
      <c r="C1631" s="59" t="s">
        <v>28</v>
      </c>
      <c r="D1631" s="59" t="s">
        <v>374</v>
      </c>
      <c r="E1631" s="59" t="s">
        <v>378</v>
      </c>
      <c r="F1631" s="59" t="s">
        <v>449</v>
      </c>
      <c r="G1631" s="59" t="s">
        <v>450</v>
      </c>
      <c r="H1631" s="60">
        <v>212</v>
      </c>
      <c r="I1631" s="60">
        <v>109</v>
      </c>
      <c r="J1631" s="61">
        <v>0</v>
      </c>
      <c r="K1631" s="61">
        <v>-42.45</v>
      </c>
    </row>
    <row r="1632" spans="1:11" ht="18.75" hidden="1" customHeight="1" thickBot="1">
      <c r="A1632" s="59" t="s">
        <v>448</v>
      </c>
      <c r="B1632" s="59" t="s">
        <v>28</v>
      </c>
      <c r="C1632" s="59" t="s">
        <v>28</v>
      </c>
      <c r="D1632" s="59" t="s">
        <v>374</v>
      </c>
      <c r="E1632" s="59" t="s">
        <v>378</v>
      </c>
      <c r="F1632" s="59" t="s">
        <v>449</v>
      </c>
      <c r="G1632" s="59" t="s">
        <v>450</v>
      </c>
      <c r="H1632" s="60">
        <v>212</v>
      </c>
      <c r="I1632" s="60">
        <v>113</v>
      </c>
      <c r="J1632" s="61">
        <v>0</v>
      </c>
      <c r="K1632" s="61">
        <v>-3.08</v>
      </c>
    </row>
    <row r="1633" spans="1:11" ht="18.75" hidden="1" customHeight="1" thickBot="1">
      <c r="A1633" s="59" t="s">
        <v>448</v>
      </c>
      <c r="B1633" s="59" t="s">
        <v>28</v>
      </c>
      <c r="C1633" s="59" t="s">
        <v>28</v>
      </c>
      <c r="D1633" s="59" t="s">
        <v>374</v>
      </c>
      <c r="E1633" s="59" t="s">
        <v>378</v>
      </c>
      <c r="F1633" s="59" t="s">
        <v>449</v>
      </c>
      <c r="G1633" s="59" t="s">
        <v>450</v>
      </c>
      <c r="H1633" s="60">
        <v>212</v>
      </c>
      <c r="I1633" s="60">
        <v>116</v>
      </c>
      <c r="J1633" s="61">
        <v>0</v>
      </c>
      <c r="K1633" s="61">
        <v>-10.42</v>
      </c>
    </row>
    <row r="1634" spans="1:11" ht="18.75" hidden="1" customHeight="1" thickBot="1">
      <c r="A1634" s="59" t="s">
        <v>448</v>
      </c>
      <c r="B1634" s="59" t="s">
        <v>28</v>
      </c>
      <c r="C1634" s="59" t="s">
        <v>28</v>
      </c>
      <c r="D1634" s="59" t="s">
        <v>374</v>
      </c>
      <c r="E1634" s="59" t="s">
        <v>378</v>
      </c>
      <c r="F1634" s="59" t="s">
        <v>449</v>
      </c>
      <c r="G1634" s="59" t="s">
        <v>450</v>
      </c>
      <c r="H1634" s="60">
        <v>212</v>
      </c>
      <c r="I1634" s="60">
        <v>150</v>
      </c>
      <c r="J1634" s="61">
        <v>0</v>
      </c>
      <c r="K1634" s="61">
        <v>-1.04</v>
      </c>
    </row>
    <row r="1635" spans="1:11" ht="18.75" hidden="1" customHeight="1" thickBot="1">
      <c r="A1635" s="59" t="s">
        <v>448</v>
      </c>
      <c r="B1635" s="59" t="s">
        <v>28</v>
      </c>
      <c r="C1635" s="59" t="s">
        <v>28</v>
      </c>
      <c r="D1635" s="59" t="s">
        <v>374</v>
      </c>
      <c r="E1635" s="59" t="s">
        <v>378</v>
      </c>
      <c r="F1635" s="59" t="s">
        <v>449</v>
      </c>
      <c r="G1635" s="59" t="s">
        <v>450</v>
      </c>
      <c r="H1635" s="60">
        <v>212</v>
      </c>
      <c r="I1635" s="60">
        <v>211</v>
      </c>
      <c r="J1635" s="61">
        <v>0</v>
      </c>
      <c r="K1635" s="61">
        <v>-969.67</v>
      </c>
    </row>
    <row r="1636" spans="1:11" ht="18.75" hidden="1" customHeight="1" thickBot="1">
      <c r="A1636" s="59" t="s">
        <v>448</v>
      </c>
      <c r="B1636" s="59" t="s">
        <v>28</v>
      </c>
      <c r="C1636" s="59" t="s">
        <v>28</v>
      </c>
      <c r="D1636" s="59" t="s">
        <v>374</v>
      </c>
      <c r="E1636" s="59" t="s">
        <v>378</v>
      </c>
      <c r="F1636" s="59" t="s">
        <v>449</v>
      </c>
      <c r="G1636" s="59" t="s">
        <v>450</v>
      </c>
      <c r="H1636" s="60">
        <v>212</v>
      </c>
      <c r="I1636" s="60">
        <v>215</v>
      </c>
      <c r="J1636" s="61">
        <v>0</v>
      </c>
      <c r="K1636" s="61">
        <v>-3023.71</v>
      </c>
    </row>
    <row r="1637" spans="1:11" ht="18.75" hidden="1" customHeight="1" thickBot="1">
      <c r="A1637" s="59" t="s">
        <v>448</v>
      </c>
      <c r="B1637" s="59" t="s">
        <v>28</v>
      </c>
      <c r="C1637" s="59" t="s">
        <v>28</v>
      </c>
      <c r="D1637" s="59" t="s">
        <v>374</v>
      </c>
      <c r="E1637" s="59" t="s">
        <v>378</v>
      </c>
      <c r="F1637" s="59" t="s">
        <v>449</v>
      </c>
      <c r="G1637" s="59" t="s">
        <v>450</v>
      </c>
      <c r="H1637" s="60">
        <v>212</v>
      </c>
      <c r="I1637" s="60">
        <v>223</v>
      </c>
      <c r="J1637" s="61">
        <v>0</v>
      </c>
      <c r="K1637" s="61">
        <v>-14.31</v>
      </c>
    </row>
    <row r="1638" spans="1:11" ht="18.75" hidden="1" customHeight="1" thickBot="1">
      <c r="A1638" s="59" t="s">
        <v>448</v>
      </c>
      <c r="B1638" s="59" t="s">
        <v>28</v>
      </c>
      <c r="C1638" s="59" t="s">
        <v>28</v>
      </c>
      <c r="D1638" s="59" t="s">
        <v>374</v>
      </c>
      <c r="E1638" s="59" t="s">
        <v>378</v>
      </c>
      <c r="F1638" s="59" t="s">
        <v>449</v>
      </c>
      <c r="G1638" s="59" t="s">
        <v>450</v>
      </c>
      <c r="H1638" s="60">
        <v>212</v>
      </c>
      <c r="I1638" s="60">
        <v>229</v>
      </c>
      <c r="J1638" s="61">
        <v>0</v>
      </c>
      <c r="K1638" s="61">
        <v>-839.56</v>
      </c>
    </row>
    <row r="1639" spans="1:11" ht="18.75" hidden="1" customHeight="1" thickBot="1">
      <c r="A1639" s="59" t="s">
        <v>448</v>
      </c>
      <c r="B1639" s="59" t="s">
        <v>28</v>
      </c>
      <c r="C1639" s="59" t="s">
        <v>28</v>
      </c>
      <c r="D1639" s="59" t="s">
        <v>374</v>
      </c>
      <c r="E1639" s="59" t="s">
        <v>378</v>
      </c>
      <c r="F1639" s="59" t="s">
        <v>449</v>
      </c>
      <c r="G1639" s="59" t="s">
        <v>450</v>
      </c>
      <c r="H1639" s="60">
        <v>212</v>
      </c>
      <c r="I1639" s="60">
        <v>240</v>
      </c>
      <c r="J1639" s="61">
        <v>0</v>
      </c>
      <c r="K1639" s="61">
        <v>-4044.96</v>
      </c>
    </row>
    <row r="1640" spans="1:11" ht="18.75" hidden="1" customHeight="1" thickBot="1">
      <c r="A1640" s="59" t="s">
        <v>448</v>
      </c>
      <c r="B1640" s="59" t="s">
        <v>28</v>
      </c>
      <c r="C1640" s="59" t="s">
        <v>28</v>
      </c>
      <c r="D1640" s="59" t="s">
        <v>374</v>
      </c>
      <c r="E1640" s="59" t="s">
        <v>378</v>
      </c>
      <c r="F1640" s="59" t="s">
        <v>449</v>
      </c>
      <c r="G1640" s="59" t="s">
        <v>450</v>
      </c>
      <c r="H1640" s="60">
        <v>216</v>
      </c>
      <c r="I1640" s="60">
        <v>211</v>
      </c>
      <c r="J1640" s="61">
        <v>0</v>
      </c>
      <c r="K1640" s="61">
        <v>-22.96</v>
      </c>
    </row>
    <row r="1641" spans="1:11" ht="18.75" hidden="1" customHeight="1" thickBot="1">
      <c r="A1641" s="59" t="s">
        <v>448</v>
      </c>
      <c r="B1641" s="59" t="s">
        <v>28</v>
      </c>
      <c r="C1641" s="59" t="s">
        <v>28</v>
      </c>
      <c r="D1641" s="59" t="s">
        <v>374</v>
      </c>
      <c r="E1641" s="59" t="s">
        <v>378</v>
      </c>
      <c r="F1641" s="59" t="s">
        <v>449</v>
      </c>
      <c r="G1641" s="59" t="s">
        <v>450</v>
      </c>
      <c r="H1641" s="60">
        <v>216</v>
      </c>
      <c r="I1641" s="60">
        <v>215</v>
      </c>
      <c r="J1641" s="61">
        <v>0</v>
      </c>
      <c r="K1641" s="61">
        <v>-501.81</v>
      </c>
    </row>
    <row r="1642" spans="1:11" ht="18.75" hidden="1" customHeight="1" thickBot="1">
      <c r="A1642" s="59" t="s">
        <v>448</v>
      </c>
      <c r="B1642" s="59" t="s">
        <v>28</v>
      </c>
      <c r="C1642" s="59" t="s">
        <v>28</v>
      </c>
      <c r="D1642" s="59" t="s">
        <v>374</v>
      </c>
      <c r="E1642" s="59" t="s">
        <v>378</v>
      </c>
      <c r="F1642" s="59" t="s">
        <v>449</v>
      </c>
      <c r="G1642" s="59" t="s">
        <v>450</v>
      </c>
      <c r="H1642" s="60">
        <v>216</v>
      </c>
      <c r="I1642" s="60">
        <v>256</v>
      </c>
      <c r="J1642" s="61">
        <v>0</v>
      </c>
      <c r="K1642" s="61">
        <v>-121.58</v>
      </c>
    </row>
    <row r="1643" spans="1:11" ht="18.75" hidden="1" customHeight="1" thickBot="1">
      <c r="A1643" s="59" t="s">
        <v>448</v>
      </c>
      <c r="B1643" s="59" t="s">
        <v>28</v>
      </c>
      <c r="C1643" s="59" t="s">
        <v>28</v>
      </c>
      <c r="D1643" s="59" t="s">
        <v>374</v>
      </c>
      <c r="E1643" s="59" t="s">
        <v>378</v>
      </c>
      <c r="F1643" s="59" t="s">
        <v>449</v>
      </c>
      <c r="G1643" s="59" t="s">
        <v>450</v>
      </c>
      <c r="H1643" s="60">
        <v>221</v>
      </c>
      <c r="I1643" s="60">
        <v>93</v>
      </c>
      <c r="J1643" s="61">
        <v>0</v>
      </c>
      <c r="K1643" s="61">
        <v>-1.03</v>
      </c>
    </row>
    <row r="1644" spans="1:11" ht="18.75" hidden="1" customHeight="1" thickBot="1">
      <c r="A1644" s="59" t="s">
        <v>448</v>
      </c>
      <c r="B1644" s="59" t="s">
        <v>28</v>
      </c>
      <c r="C1644" s="59" t="s">
        <v>28</v>
      </c>
      <c r="D1644" s="59" t="s">
        <v>374</v>
      </c>
      <c r="E1644" s="59" t="s">
        <v>378</v>
      </c>
      <c r="F1644" s="59" t="s">
        <v>449</v>
      </c>
      <c r="G1644" s="59" t="s">
        <v>450</v>
      </c>
      <c r="H1644" s="60">
        <v>221</v>
      </c>
      <c r="I1644" s="60">
        <v>94</v>
      </c>
      <c r="J1644" s="61">
        <v>0</v>
      </c>
      <c r="K1644" s="61">
        <v>-11.49</v>
      </c>
    </row>
    <row r="1645" spans="1:11" ht="18.75" hidden="1" customHeight="1" thickBot="1">
      <c r="A1645" s="59" t="s">
        <v>448</v>
      </c>
      <c r="B1645" s="59" t="s">
        <v>28</v>
      </c>
      <c r="C1645" s="59" t="s">
        <v>28</v>
      </c>
      <c r="D1645" s="59" t="s">
        <v>374</v>
      </c>
      <c r="E1645" s="59" t="s">
        <v>378</v>
      </c>
      <c r="F1645" s="59" t="s">
        <v>449</v>
      </c>
      <c r="G1645" s="59" t="s">
        <v>450</v>
      </c>
      <c r="H1645" s="60">
        <v>221</v>
      </c>
      <c r="I1645" s="60">
        <v>107</v>
      </c>
      <c r="J1645" s="61">
        <v>0</v>
      </c>
      <c r="K1645" s="61">
        <v>-3.98</v>
      </c>
    </row>
    <row r="1646" spans="1:11" ht="18.75" hidden="1" customHeight="1" thickBot="1">
      <c r="A1646" s="59" t="s">
        <v>448</v>
      </c>
      <c r="B1646" s="59" t="s">
        <v>28</v>
      </c>
      <c r="C1646" s="59" t="s">
        <v>28</v>
      </c>
      <c r="D1646" s="59" t="s">
        <v>374</v>
      </c>
      <c r="E1646" s="59" t="s">
        <v>378</v>
      </c>
      <c r="F1646" s="59" t="s">
        <v>449</v>
      </c>
      <c r="G1646" s="59" t="s">
        <v>450</v>
      </c>
      <c r="H1646" s="60">
        <v>221</v>
      </c>
      <c r="I1646" s="60">
        <v>109</v>
      </c>
      <c r="J1646" s="61">
        <v>0</v>
      </c>
      <c r="K1646" s="61">
        <v>-10.210000000000001</v>
      </c>
    </row>
    <row r="1647" spans="1:11" ht="18.75" hidden="1" customHeight="1" thickBot="1">
      <c r="A1647" s="59" t="s">
        <v>448</v>
      </c>
      <c r="B1647" s="59" t="s">
        <v>28</v>
      </c>
      <c r="C1647" s="59" t="s">
        <v>28</v>
      </c>
      <c r="D1647" s="59" t="s">
        <v>374</v>
      </c>
      <c r="E1647" s="59" t="s">
        <v>378</v>
      </c>
      <c r="F1647" s="59" t="s">
        <v>449</v>
      </c>
      <c r="G1647" s="59" t="s">
        <v>450</v>
      </c>
      <c r="H1647" s="60">
        <v>221</v>
      </c>
      <c r="I1647" s="60">
        <v>113</v>
      </c>
      <c r="J1647" s="61">
        <v>0</v>
      </c>
      <c r="K1647" s="61">
        <v>-3.09</v>
      </c>
    </row>
    <row r="1648" spans="1:11" ht="18.75" hidden="1" customHeight="1" thickBot="1">
      <c r="A1648" s="59" t="s">
        <v>448</v>
      </c>
      <c r="B1648" s="59" t="s">
        <v>28</v>
      </c>
      <c r="C1648" s="59" t="s">
        <v>28</v>
      </c>
      <c r="D1648" s="59" t="s">
        <v>374</v>
      </c>
      <c r="E1648" s="59" t="s">
        <v>378</v>
      </c>
      <c r="F1648" s="59" t="s">
        <v>449</v>
      </c>
      <c r="G1648" s="59" t="s">
        <v>450</v>
      </c>
      <c r="H1648" s="60">
        <v>221</v>
      </c>
      <c r="I1648" s="60">
        <v>211</v>
      </c>
      <c r="J1648" s="61">
        <v>0</v>
      </c>
      <c r="K1648" s="61">
        <v>-173.64</v>
      </c>
    </row>
    <row r="1649" spans="1:11" ht="18.75" hidden="1" customHeight="1" thickBot="1">
      <c r="A1649" s="59" t="s">
        <v>448</v>
      </c>
      <c r="B1649" s="59" t="s">
        <v>28</v>
      </c>
      <c r="C1649" s="59" t="s">
        <v>28</v>
      </c>
      <c r="D1649" s="59" t="s">
        <v>374</v>
      </c>
      <c r="E1649" s="59" t="s">
        <v>378</v>
      </c>
      <c r="F1649" s="59" t="s">
        <v>449</v>
      </c>
      <c r="G1649" s="59" t="s">
        <v>450</v>
      </c>
      <c r="H1649" s="60">
        <v>221</v>
      </c>
      <c r="I1649" s="60">
        <v>215</v>
      </c>
      <c r="J1649" s="61">
        <v>0</v>
      </c>
      <c r="K1649" s="61">
        <v>-1359.63</v>
      </c>
    </row>
    <row r="1650" spans="1:11" ht="18.75" hidden="1" customHeight="1" thickBot="1">
      <c r="A1650" s="59" t="s">
        <v>448</v>
      </c>
      <c r="B1650" s="59" t="s">
        <v>28</v>
      </c>
      <c r="C1650" s="59" t="s">
        <v>28</v>
      </c>
      <c r="D1650" s="59" t="s">
        <v>374</v>
      </c>
      <c r="E1650" s="59" t="s">
        <v>378</v>
      </c>
      <c r="F1650" s="59" t="s">
        <v>449</v>
      </c>
      <c r="G1650" s="59" t="s">
        <v>450</v>
      </c>
      <c r="H1650" s="60">
        <v>221</v>
      </c>
      <c r="I1650" s="60">
        <v>240</v>
      </c>
      <c r="J1650" s="61">
        <v>0</v>
      </c>
      <c r="K1650" s="61">
        <v>-221.29</v>
      </c>
    </row>
    <row r="1651" spans="1:11" ht="18.75" hidden="1" customHeight="1" thickBot="1">
      <c r="A1651" s="59" t="s">
        <v>448</v>
      </c>
      <c r="B1651" s="59" t="s">
        <v>28</v>
      </c>
      <c r="C1651" s="59" t="s">
        <v>28</v>
      </c>
      <c r="D1651" s="59" t="s">
        <v>374</v>
      </c>
      <c r="E1651" s="59" t="s">
        <v>378</v>
      </c>
      <c r="F1651" s="59" t="s">
        <v>449</v>
      </c>
      <c r="G1651" s="59" t="s">
        <v>450</v>
      </c>
      <c r="H1651" s="60">
        <v>221</v>
      </c>
      <c r="I1651" s="60">
        <v>244</v>
      </c>
      <c r="J1651" s="61">
        <v>0</v>
      </c>
      <c r="K1651" s="61">
        <v>-863.44</v>
      </c>
    </row>
    <row r="1652" spans="1:11" ht="18.75" hidden="1" customHeight="1" thickBot="1">
      <c r="A1652" s="59" t="s">
        <v>448</v>
      </c>
      <c r="B1652" s="59" t="s">
        <v>28</v>
      </c>
      <c r="C1652" s="59" t="s">
        <v>28</v>
      </c>
      <c r="D1652" s="59" t="s">
        <v>374</v>
      </c>
      <c r="E1652" s="59" t="s">
        <v>378</v>
      </c>
      <c r="F1652" s="59" t="s">
        <v>449</v>
      </c>
      <c r="G1652" s="59" t="s">
        <v>450</v>
      </c>
      <c r="H1652" s="60">
        <v>222</v>
      </c>
      <c r="I1652" s="60">
        <v>215</v>
      </c>
      <c r="J1652" s="61">
        <v>0</v>
      </c>
      <c r="K1652" s="61">
        <v>-21.08</v>
      </c>
    </row>
    <row r="1653" spans="1:11" ht="18.75" hidden="1" customHeight="1" thickBot="1">
      <c r="A1653" s="59" t="s">
        <v>448</v>
      </c>
      <c r="B1653" s="59" t="s">
        <v>28</v>
      </c>
      <c r="C1653" s="59" t="s">
        <v>28</v>
      </c>
      <c r="D1653" s="59" t="s">
        <v>374</v>
      </c>
      <c r="E1653" s="59" t="s">
        <v>378</v>
      </c>
      <c r="F1653" s="59" t="s">
        <v>449</v>
      </c>
      <c r="G1653" s="59" t="s">
        <v>450</v>
      </c>
      <c r="H1653" s="60">
        <v>230</v>
      </c>
      <c r="I1653" s="60">
        <v>94</v>
      </c>
      <c r="J1653" s="61">
        <v>0</v>
      </c>
      <c r="K1653" s="61">
        <v>-0.74</v>
      </c>
    </row>
    <row r="1654" spans="1:11" ht="18.75" hidden="1" customHeight="1" thickBot="1">
      <c r="A1654" s="59" t="s">
        <v>448</v>
      </c>
      <c r="B1654" s="59" t="s">
        <v>28</v>
      </c>
      <c r="C1654" s="59" t="s">
        <v>28</v>
      </c>
      <c r="D1654" s="59" t="s">
        <v>374</v>
      </c>
      <c r="E1654" s="59" t="s">
        <v>378</v>
      </c>
      <c r="F1654" s="59" t="s">
        <v>449</v>
      </c>
      <c r="G1654" s="59" t="s">
        <v>450</v>
      </c>
      <c r="H1654" s="60">
        <v>230</v>
      </c>
      <c r="I1654" s="60">
        <v>107</v>
      </c>
      <c r="J1654" s="61">
        <v>0</v>
      </c>
      <c r="K1654" s="61">
        <v>-1.26</v>
      </c>
    </row>
    <row r="1655" spans="1:11" ht="18.75" hidden="1" customHeight="1" thickBot="1">
      <c r="A1655" s="59" t="s">
        <v>448</v>
      </c>
      <c r="B1655" s="59" t="s">
        <v>28</v>
      </c>
      <c r="C1655" s="59" t="s">
        <v>28</v>
      </c>
      <c r="D1655" s="59" t="s">
        <v>374</v>
      </c>
      <c r="E1655" s="59" t="s">
        <v>378</v>
      </c>
      <c r="F1655" s="59" t="s">
        <v>449</v>
      </c>
      <c r="G1655" s="59" t="s">
        <v>450</v>
      </c>
      <c r="H1655" s="60">
        <v>230</v>
      </c>
      <c r="I1655" s="60">
        <v>109</v>
      </c>
      <c r="J1655" s="61">
        <v>0</v>
      </c>
      <c r="K1655" s="61">
        <v>-12.31</v>
      </c>
    </row>
    <row r="1656" spans="1:11" ht="18.75" hidden="1" customHeight="1" thickBot="1">
      <c r="A1656" s="59" t="s">
        <v>448</v>
      </c>
      <c r="B1656" s="59" t="s">
        <v>28</v>
      </c>
      <c r="C1656" s="59" t="s">
        <v>28</v>
      </c>
      <c r="D1656" s="59" t="s">
        <v>374</v>
      </c>
      <c r="E1656" s="59" t="s">
        <v>378</v>
      </c>
      <c r="F1656" s="59" t="s">
        <v>449</v>
      </c>
      <c r="G1656" s="59" t="s">
        <v>450</v>
      </c>
      <c r="H1656" s="60">
        <v>230</v>
      </c>
      <c r="I1656" s="60">
        <v>211</v>
      </c>
      <c r="J1656" s="61">
        <v>0</v>
      </c>
      <c r="K1656" s="61">
        <v>-48.05</v>
      </c>
    </row>
    <row r="1657" spans="1:11" ht="18.75" hidden="1" customHeight="1" thickBot="1">
      <c r="A1657" s="59" t="s">
        <v>448</v>
      </c>
      <c r="B1657" s="59" t="s">
        <v>28</v>
      </c>
      <c r="C1657" s="59" t="s">
        <v>28</v>
      </c>
      <c r="D1657" s="59" t="s">
        <v>374</v>
      </c>
      <c r="E1657" s="59" t="s">
        <v>378</v>
      </c>
      <c r="F1657" s="59" t="s">
        <v>449</v>
      </c>
      <c r="G1657" s="59" t="s">
        <v>450</v>
      </c>
      <c r="H1657" s="60">
        <v>230</v>
      </c>
      <c r="I1657" s="60">
        <v>215</v>
      </c>
      <c r="J1657" s="61">
        <v>0</v>
      </c>
      <c r="K1657" s="61">
        <v>-15.37</v>
      </c>
    </row>
    <row r="1658" spans="1:11" ht="18.75" hidden="1" customHeight="1" thickBot="1">
      <c r="A1658" s="59" t="s">
        <v>448</v>
      </c>
      <c r="B1658" s="59" t="s">
        <v>28</v>
      </c>
      <c r="C1658" s="59" t="s">
        <v>28</v>
      </c>
      <c r="D1658" s="59" t="s">
        <v>374</v>
      </c>
      <c r="E1658" s="59" t="s">
        <v>378</v>
      </c>
      <c r="F1658" s="59" t="s">
        <v>449</v>
      </c>
      <c r="G1658" s="59" t="s">
        <v>450</v>
      </c>
      <c r="H1658" s="60">
        <v>230</v>
      </c>
      <c r="I1658" s="60">
        <v>236</v>
      </c>
      <c r="J1658" s="61">
        <v>0</v>
      </c>
      <c r="K1658" s="61">
        <v>-128.30000000000001</v>
      </c>
    </row>
    <row r="1659" spans="1:11" ht="18.75" hidden="1" customHeight="1" thickBot="1">
      <c r="A1659" s="59" t="s">
        <v>448</v>
      </c>
      <c r="B1659" s="59" t="s">
        <v>28</v>
      </c>
      <c r="C1659" s="59" t="s">
        <v>28</v>
      </c>
      <c r="D1659" s="59" t="s">
        <v>374</v>
      </c>
      <c r="E1659" s="59" t="s">
        <v>378</v>
      </c>
      <c r="F1659" s="59" t="s">
        <v>449</v>
      </c>
      <c r="G1659" s="59" t="s">
        <v>450</v>
      </c>
      <c r="H1659" s="60">
        <v>230</v>
      </c>
      <c r="I1659" s="60">
        <v>244</v>
      </c>
      <c r="J1659" s="61">
        <v>0</v>
      </c>
      <c r="K1659" s="61">
        <v>-2638.18</v>
      </c>
    </row>
    <row r="1660" spans="1:11" ht="18.75" hidden="1" customHeight="1" thickBot="1">
      <c r="A1660" s="59" t="s">
        <v>448</v>
      </c>
      <c r="B1660" s="59" t="s">
        <v>28</v>
      </c>
      <c r="C1660" s="59" t="s">
        <v>28</v>
      </c>
      <c r="D1660" s="59" t="s">
        <v>374</v>
      </c>
      <c r="E1660" s="59" t="s">
        <v>378</v>
      </c>
      <c r="F1660" s="59" t="s">
        <v>449</v>
      </c>
      <c r="G1660" s="59" t="s">
        <v>450</v>
      </c>
      <c r="H1660" s="60">
        <v>230</v>
      </c>
      <c r="I1660" s="60">
        <v>330</v>
      </c>
      <c r="J1660" s="61">
        <v>0</v>
      </c>
      <c r="K1660" s="61">
        <v>-13108.96</v>
      </c>
    </row>
    <row r="1661" spans="1:11" ht="18.75" customHeight="1" thickBot="1">
      <c r="A1661" s="59" t="s">
        <v>448</v>
      </c>
      <c r="B1661" s="59" t="s">
        <v>28</v>
      </c>
      <c r="C1661" s="59" t="s">
        <v>28</v>
      </c>
      <c r="D1661" s="59" t="s">
        <v>374</v>
      </c>
      <c r="E1661" s="59" t="s">
        <v>380</v>
      </c>
      <c r="F1661" s="59" t="s">
        <v>449</v>
      </c>
      <c r="G1661" s="59" t="s">
        <v>450</v>
      </c>
      <c r="H1661" s="60">
        <v>0</v>
      </c>
      <c r="I1661" s="60">
        <v>0</v>
      </c>
      <c r="J1661" s="61">
        <v>0</v>
      </c>
      <c r="K1661" s="61">
        <v>491.94</v>
      </c>
    </row>
    <row r="1662" spans="1:11" ht="18.75" customHeight="1" thickBot="1">
      <c r="A1662" s="59" t="s">
        <v>448</v>
      </c>
      <c r="B1662" s="59" t="s">
        <v>28</v>
      </c>
      <c r="C1662" s="59" t="s">
        <v>28</v>
      </c>
      <c r="D1662" s="59" t="s">
        <v>374</v>
      </c>
      <c r="E1662" s="59" t="s">
        <v>380</v>
      </c>
      <c r="F1662" s="59" t="s">
        <v>449</v>
      </c>
      <c r="G1662" s="59" t="s">
        <v>450</v>
      </c>
      <c r="H1662" s="60">
        <v>10</v>
      </c>
      <c r="I1662" s="60">
        <v>15</v>
      </c>
      <c r="J1662" s="61">
        <v>0</v>
      </c>
      <c r="K1662" s="61">
        <v>1.74</v>
      </c>
    </row>
    <row r="1663" spans="1:11" ht="18.75" customHeight="1" thickBot="1">
      <c r="A1663" s="59" t="s">
        <v>448</v>
      </c>
      <c r="B1663" s="59" t="s">
        <v>28</v>
      </c>
      <c r="C1663" s="59" t="s">
        <v>28</v>
      </c>
      <c r="D1663" s="59" t="s">
        <v>374</v>
      </c>
      <c r="E1663" s="59" t="s">
        <v>380</v>
      </c>
      <c r="F1663" s="59" t="s">
        <v>449</v>
      </c>
      <c r="G1663" s="59" t="s">
        <v>450</v>
      </c>
      <c r="H1663" s="60">
        <v>10</v>
      </c>
      <c r="I1663" s="60">
        <v>22</v>
      </c>
      <c r="J1663" s="61">
        <v>0</v>
      </c>
      <c r="K1663" s="61">
        <v>1.7</v>
      </c>
    </row>
    <row r="1664" spans="1:11" ht="18.75" customHeight="1" thickBot="1">
      <c r="A1664" s="59" t="s">
        <v>448</v>
      </c>
      <c r="B1664" s="59" t="s">
        <v>28</v>
      </c>
      <c r="C1664" s="59" t="s">
        <v>28</v>
      </c>
      <c r="D1664" s="59" t="s">
        <v>374</v>
      </c>
      <c r="E1664" s="59" t="s">
        <v>380</v>
      </c>
      <c r="F1664" s="59" t="s">
        <v>449</v>
      </c>
      <c r="G1664" s="59" t="s">
        <v>450</v>
      </c>
      <c r="H1664" s="60">
        <v>20</v>
      </c>
      <c r="I1664" s="60">
        <v>15</v>
      </c>
      <c r="J1664" s="61">
        <v>0</v>
      </c>
      <c r="K1664" s="61">
        <v>6.32</v>
      </c>
    </row>
    <row r="1665" spans="1:11" ht="18.75" customHeight="1" thickBot="1">
      <c r="A1665" s="59" t="s">
        <v>448</v>
      </c>
      <c r="B1665" s="59" t="s">
        <v>28</v>
      </c>
      <c r="C1665" s="59" t="s">
        <v>28</v>
      </c>
      <c r="D1665" s="59" t="s">
        <v>374</v>
      </c>
      <c r="E1665" s="59" t="s">
        <v>380</v>
      </c>
      <c r="F1665" s="59" t="s">
        <v>449</v>
      </c>
      <c r="G1665" s="59" t="s">
        <v>450</v>
      </c>
      <c r="H1665" s="60">
        <v>20</v>
      </c>
      <c r="I1665" s="60">
        <v>22</v>
      </c>
      <c r="J1665" s="61">
        <v>0</v>
      </c>
      <c r="K1665" s="61">
        <v>39.29</v>
      </c>
    </row>
    <row r="1666" spans="1:11" ht="18.75" customHeight="1" thickBot="1">
      <c r="A1666" s="59" t="s">
        <v>448</v>
      </c>
      <c r="B1666" s="59" t="s">
        <v>28</v>
      </c>
      <c r="C1666" s="59" t="s">
        <v>28</v>
      </c>
      <c r="D1666" s="59" t="s">
        <v>374</v>
      </c>
      <c r="E1666" s="59" t="s">
        <v>380</v>
      </c>
      <c r="F1666" s="59" t="s">
        <v>449</v>
      </c>
      <c r="G1666" s="59" t="s">
        <v>450</v>
      </c>
      <c r="H1666" s="60">
        <v>20</v>
      </c>
      <c r="I1666" s="60">
        <v>211</v>
      </c>
      <c r="J1666" s="61">
        <v>0</v>
      </c>
      <c r="K1666" s="61">
        <v>29.33</v>
      </c>
    </row>
    <row r="1667" spans="1:11" ht="18.75" customHeight="1" thickBot="1">
      <c r="A1667" s="59" t="s">
        <v>448</v>
      </c>
      <c r="B1667" s="59" t="s">
        <v>28</v>
      </c>
      <c r="C1667" s="59" t="s">
        <v>28</v>
      </c>
      <c r="D1667" s="59" t="s">
        <v>374</v>
      </c>
      <c r="E1667" s="59" t="s">
        <v>380</v>
      </c>
      <c r="F1667" s="59" t="s">
        <v>449</v>
      </c>
      <c r="G1667" s="59" t="s">
        <v>450</v>
      </c>
      <c r="H1667" s="60">
        <v>211</v>
      </c>
      <c r="I1667" s="60">
        <v>93</v>
      </c>
      <c r="J1667" s="61">
        <v>0</v>
      </c>
      <c r="K1667" s="61">
        <v>15.93</v>
      </c>
    </row>
    <row r="1668" spans="1:11" ht="18.75" customHeight="1" thickBot="1">
      <c r="A1668" s="59" t="s">
        <v>448</v>
      </c>
      <c r="B1668" s="59" t="s">
        <v>28</v>
      </c>
      <c r="C1668" s="59" t="s">
        <v>28</v>
      </c>
      <c r="D1668" s="59" t="s">
        <v>374</v>
      </c>
      <c r="E1668" s="59" t="s">
        <v>380</v>
      </c>
      <c r="F1668" s="59" t="s">
        <v>449</v>
      </c>
      <c r="G1668" s="59" t="s">
        <v>450</v>
      </c>
      <c r="H1668" s="60">
        <v>211</v>
      </c>
      <c r="I1668" s="60">
        <v>94</v>
      </c>
      <c r="J1668" s="61">
        <v>0</v>
      </c>
      <c r="K1668" s="61">
        <v>94.21</v>
      </c>
    </row>
    <row r="1669" spans="1:11" ht="18.75" customHeight="1" thickBot="1">
      <c r="A1669" s="59" t="s">
        <v>448</v>
      </c>
      <c r="B1669" s="59" t="s">
        <v>28</v>
      </c>
      <c r="C1669" s="59" t="s">
        <v>28</v>
      </c>
      <c r="D1669" s="59" t="s">
        <v>374</v>
      </c>
      <c r="E1669" s="59" t="s">
        <v>380</v>
      </c>
      <c r="F1669" s="59" t="s">
        <v>449</v>
      </c>
      <c r="G1669" s="59" t="s">
        <v>450</v>
      </c>
      <c r="H1669" s="60">
        <v>211</v>
      </c>
      <c r="I1669" s="60">
        <v>95</v>
      </c>
      <c r="J1669" s="61">
        <v>0</v>
      </c>
      <c r="K1669" s="61">
        <v>9.44</v>
      </c>
    </row>
    <row r="1670" spans="1:11" ht="18.75" customHeight="1" thickBot="1">
      <c r="A1670" s="59" t="s">
        <v>448</v>
      </c>
      <c r="B1670" s="59" t="s">
        <v>28</v>
      </c>
      <c r="C1670" s="59" t="s">
        <v>28</v>
      </c>
      <c r="D1670" s="59" t="s">
        <v>374</v>
      </c>
      <c r="E1670" s="59" t="s">
        <v>380</v>
      </c>
      <c r="F1670" s="59" t="s">
        <v>449</v>
      </c>
      <c r="G1670" s="59" t="s">
        <v>450</v>
      </c>
      <c r="H1670" s="60">
        <v>211</v>
      </c>
      <c r="I1670" s="60">
        <v>97</v>
      </c>
      <c r="J1670" s="61">
        <v>0</v>
      </c>
      <c r="K1670" s="61">
        <v>77.430000000000007</v>
      </c>
    </row>
    <row r="1671" spans="1:11" ht="18.75" customHeight="1" thickBot="1">
      <c r="A1671" s="59" t="s">
        <v>448</v>
      </c>
      <c r="B1671" s="59" t="s">
        <v>28</v>
      </c>
      <c r="C1671" s="59" t="s">
        <v>28</v>
      </c>
      <c r="D1671" s="59" t="s">
        <v>374</v>
      </c>
      <c r="E1671" s="59" t="s">
        <v>380</v>
      </c>
      <c r="F1671" s="59" t="s">
        <v>449</v>
      </c>
      <c r="G1671" s="59" t="s">
        <v>450</v>
      </c>
      <c r="H1671" s="60">
        <v>211</v>
      </c>
      <c r="I1671" s="60">
        <v>98</v>
      </c>
      <c r="J1671" s="61">
        <v>0</v>
      </c>
      <c r="K1671" s="61">
        <v>11.91</v>
      </c>
    </row>
    <row r="1672" spans="1:11" ht="18.75" customHeight="1" thickBot="1">
      <c r="A1672" s="59" t="s">
        <v>448</v>
      </c>
      <c r="B1672" s="59" t="s">
        <v>28</v>
      </c>
      <c r="C1672" s="59" t="s">
        <v>28</v>
      </c>
      <c r="D1672" s="59" t="s">
        <v>374</v>
      </c>
      <c r="E1672" s="59" t="s">
        <v>380</v>
      </c>
      <c r="F1672" s="59" t="s">
        <v>449</v>
      </c>
      <c r="G1672" s="59" t="s">
        <v>450</v>
      </c>
      <c r="H1672" s="60">
        <v>211</v>
      </c>
      <c r="I1672" s="60">
        <v>107</v>
      </c>
      <c r="J1672" s="61">
        <v>0</v>
      </c>
      <c r="K1672" s="61">
        <v>91.75</v>
      </c>
    </row>
    <row r="1673" spans="1:11" ht="18.75" customHeight="1" thickBot="1">
      <c r="A1673" s="59" t="s">
        <v>448</v>
      </c>
      <c r="B1673" s="59" t="s">
        <v>28</v>
      </c>
      <c r="C1673" s="59" t="s">
        <v>28</v>
      </c>
      <c r="D1673" s="59" t="s">
        <v>374</v>
      </c>
      <c r="E1673" s="59" t="s">
        <v>380</v>
      </c>
      <c r="F1673" s="59" t="s">
        <v>449</v>
      </c>
      <c r="G1673" s="59" t="s">
        <v>450</v>
      </c>
      <c r="H1673" s="60">
        <v>211</v>
      </c>
      <c r="I1673" s="60">
        <v>109</v>
      </c>
      <c r="J1673" s="61">
        <v>0</v>
      </c>
      <c r="K1673" s="61">
        <v>408.25</v>
      </c>
    </row>
    <row r="1674" spans="1:11" ht="18.75" customHeight="1" thickBot="1">
      <c r="A1674" s="59" t="s">
        <v>448</v>
      </c>
      <c r="B1674" s="59" t="s">
        <v>28</v>
      </c>
      <c r="C1674" s="59" t="s">
        <v>28</v>
      </c>
      <c r="D1674" s="59" t="s">
        <v>374</v>
      </c>
      <c r="E1674" s="59" t="s">
        <v>380</v>
      </c>
      <c r="F1674" s="59" t="s">
        <v>449</v>
      </c>
      <c r="G1674" s="59" t="s">
        <v>450</v>
      </c>
      <c r="H1674" s="60">
        <v>211</v>
      </c>
      <c r="I1674" s="60">
        <v>111</v>
      </c>
      <c r="J1674" s="61">
        <v>0</v>
      </c>
      <c r="K1674" s="61">
        <v>103.34</v>
      </c>
    </row>
    <row r="1675" spans="1:11" ht="18.75" customHeight="1" thickBot="1">
      <c r="A1675" s="59" t="s">
        <v>448</v>
      </c>
      <c r="B1675" s="59" t="s">
        <v>28</v>
      </c>
      <c r="C1675" s="59" t="s">
        <v>28</v>
      </c>
      <c r="D1675" s="59" t="s">
        <v>374</v>
      </c>
      <c r="E1675" s="59" t="s">
        <v>380</v>
      </c>
      <c r="F1675" s="59" t="s">
        <v>449</v>
      </c>
      <c r="G1675" s="59" t="s">
        <v>450</v>
      </c>
      <c r="H1675" s="60">
        <v>211</v>
      </c>
      <c r="I1675" s="60">
        <v>113</v>
      </c>
      <c r="J1675" s="61">
        <v>0</v>
      </c>
      <c r="K1675" s="61">
        <v>155.78</v>
      </c>
    </row>
    <row r="1676" spans="1:11" ht="18.75" customHeight="1" thickBot="1">
      <c r="A1676" s="59" t="s">
        <v>448</v>
      </c>
      <c r="B1676" s="59" t="s">
        <v>28</v>
      </c>
      <c r="C1676" s="59" t="s">
        <v>28</v>
      </c>
      <c r="D1676" s="59" t="s">
        <v>374</v>
      </c>
      <c r="E1676" s="59" t="s">
        <v>380</v>
      </c>
      <c r="F1676" s="59" t="s">
        <v>449</v>
      </c>
      <c r="G1676" s="59" t="s">
        <v>450</v>
      </c>
      <c r="H1676" s="60">
        <v>211</v>
      </c>
      <c r="I1676" s="60">
        <v>116</v>
      </c>
      <c r="J1676" s="61">
        <v>0</v>
      </c>
      <c r="K1676" s="61">
        <v>88.63</v>
      </c>
    </row>
    <row r="1677" spans="1:11" ht="18.75" customHeight="1" thickBot="1">
      <c r="A1677" s="59" t="s">
        <v>448</v>
      </c>
      <c r="B1677" s="59" t="s">
        <v>28</v>
      </c>
      <c r="C1677" s="59" t="s">
        <v>28</v>
      </c>
      <c r="D1677" s="59" t="s">
        <v>374</v>
      </c>
      <c r="E1677" s="59" t="s">
        <v>380</v>
      </c>
      <c r="F1677" s="59" t="s">
        <v>449</v>
      </c>
      <c r="G1677" s="59" t="s">
        <v>450</v>
      </c>
      <c r="H1677" s="60">
        <v>211</v>
      </c>
      <c r="I1677" s="60">
        <v>122</v>
      </c>
      <c r="J1677" s="61">
        <v>0</v>
      </c>
      <c r="K1677" s="61">
        <v>18.53</v>
      </c>
    </row>
    <row r="1678" spans="1:11" ht="18.75" customHeight="1" thickBot="1">
      <c r="A1678" s="59" t="s">
        <v>448</v>
      </c>
      <c r="B1678" s="59" t="s">
        <v>28</v>
      </c>
      <c r="C1678" s="59" t="s">
        <v>28</v>
      </c>
      <c r="D1678" s="59" t="s">
        <v>374</v>
      </c>
      <c r="E1678" s="59" t="s">
        <v>380</v>
      </c>
      <c r="F1678" s="59" t="s">
        <v>449</v>
      </c>
      <c r="G1678" s="59" t="s">
        <v>450</v>
      </c>
      <c r="H1678" s="60">
        <v>211</v>
      </c>
      <c r="I1678" s="60">
        <v>131</v>
      </c>
      <c r="J1678" s="61">
        <v>0</v>
      </c>
      <c r="K1678" s="61">
        <v>34.42</v>
      </c>
    </row>
    <row r="1679" spans="1:11" ht="18.75" customHeight="1" thickBot="1">
      <c r="A1679" s="59" t="s">
        <v>448</v>
      </c>
      <c r="B1679" s="59" t="s">
        <v>28</v>
      </c>
      <c r="C1679" s="59" t="s">
        <v>28</v>
      </c>
      <c r="D1679" s="59" t="s">
        <v>374</v>
      </c>
      <c r="E1679" s="59" t="s">
        <v>380</v>
      </c>
      <c r="F1679" s="59" t="s">
        <v>449</v>
      </c>
      <c r="G1679" s="59" t="s">
        <v>450</v>
      </c>
      <c r="H1679" s="60">
        <v>211</v>
      </c>
      <c r="I1679" s="60">
        <v>150</v>
      </c>
      <c r="J1679" s="61">
        <v>0</v>
      </c>
      <c r="K1679" s="61">
        <v>22</v>
      </c>
    </row>
    <row r="1680" spans="1:11" ht="18.75" customHeight="1" thickBot="1">
      <c r="A1680" s="59" t="s">
        <v>448</v>
      </c>
      <c r="B1680" s="59" t="s">
        <v>28</v>
      </c>
      <c r="C1680" s="59" t="s">
        <v>28</v>
      </c>
      <c r="D1680" s="59" t="s">
        <v>374</v>
      </c>
      <c r="E1680" s="59" t="s">
        <v>380</v>
      </c>
      <c r="F1680" s="59" t="s">
        <v>449</v>
      </c>
      <c r="G1680" s="59" t="s">
        <v>450</v>
      </c>
      <c r="H1680" s="60">
        <v>211</v>
      </c>
      <c r="I1680" s="60">
        <v>204</v>
      </c>
      <c r="J1680" s="61">
        <v>0</v>
      </c>
      <c r="K1680" s="61">
        <v>12.5</v>
      </c>
    </row>
    <row r="1681" spans="1:11" ht="18.75" customHeight="1" thickBot="1">
      <c r="A1681" s="59" t="s">
        <v>448</v>
      </c>
      <c r="B1681" s="59" t="s">
        <v>28</v>
      </c>
      <c r="C1681" s="59" t="s">
        <v>28</v>
      </c>
      <c r="D1681" s="59" t="s">
        <v>374</v>
      </c>
      <c r="E1681" s="59" t="s">
        <v>380</v>
      </c>
      <c r="F1681" s="59" t="s">
        <v>449</v>
      </c>
      <c r="G1681" s="59" t="s">
        <v>450</v>
      </c>
      <c r="H1681" s="60">
        <v>211</v>
      </c>
      <c r="I1681" s="60">
        <v>211</v>
      </c>
      <c r="J1681" s="61">
        <v>0</v>
      </c>
      <c r="K1681" s="61">
        <v>26396.65</v>
      </c>
    </row>
    <row r="1682" spans="1:11" ht="18.75" customHeight="1" thickBot="1">
      <c r="A1682" s="59" t="s">
        <v>448</v>
      </c>
      <c r="B1682" s="59" t="s">
        <v>28</v>
      </c>
      <c r="C1682" s="59" t="s">
        <v>28</v>
      </c>
      <c r="D1682" s="59" t="s">
        <v>374</v>
      </c>
      <c r="E1682" s="59" t="s">
        <v>380</v>
      </c>
      <c r="F1682" s="59" t="s">
        <v>449</v>
      </c>
      <c r="G1682" s="59" t="s">
        <v>450</v>
      </c>
      <c r="H1682" s="60">
        <v>211</v>
      </c>
      <c r="I1682" s="60">
        <v>212</v>
      </c>
      <c r="J1682" s="61">
        <v>0</v>
      </c>
      <c r="K1682" s="61">
        <v>4.26</v>
      </c>
    </row>
    <row r="1683" spans="1:11" ht="18.75" customHeight="1" thickBot="1">
      <c r="A1683" s="59" t="s">
        <v>448</v>
      </c>
      <c r="B1683" s="59" t="s">
        <v>28</v>
      </c>
      <c r="C1683" s="59" t="s">
        <v>28</v>
      </c>
      <c r="D1683" s="59" t="s">
        <v>374</v>
      </c>
      <c r="E1683" s="59" t="s">
        <v>380</v>
      </c>
      <c r="F1683" s="59" t="s">
        <v>449</v>
      </c>
      <c r="G1683" s="59" t="s">
        <v>450</v>
      </c>
      <c r="H1683" s="60">
        <v>211</v>
      </c>
      <c r="I1683" s="60">
        <v>213</v>
      </c>
      <c r="J1683" s="61">
        <v>0</v>
      </c>
      <c r="K1683" s="61">
        <v>31.66</v>
      </c>
    </row>
    <row r="1684" spans="1:11" ht="18.75" customHeight="1" thickBot="1">
      <c r="A1684" s="59" t="s">
        <v>448</v>
      </c>
      <c r="B1684" s="59" t="s">
        <v>28</v>
      </c>
      <c r="C1684" s="59" t="s">
        <v>28</v>
      </c>
      <c r="D1684" s="59" t="s">
        <v>374</v>
      </c>
      <c r="E1684" s="59" t="s">
        <v>380</v>
      </c>
      <c r="F1684" s="59" t="s">
        <v>449</v>
      </c>
      <c r="G1684" s="59" t="s">
        <v>450</v>
      </c>
      <c r="H1684" s="60">
        <v>211</v>
      </c>
      <c r="I1684" s="60">
        <v>214</v>
      </c>
      <c r="J1684" s="61">
        <v>0</v>
      </c>
      <c r="K1684" s="61">
        <v>19.04</v>
      </c>
    </row>
    <row r="1685" spans="1:11" ht="18.75" customHeight="1" thickBot="1">
      <c r="A1685" s="59" t="s">
        <v>448</v>
      </c>
      <c r="B1685" s="59" t="s">
        <v>28</v>
      </c>
      <c r="C1685" s="59" t="s">
        <v>28</v>
      </c>
      <c r="D1685" s="59" t="s">
        <v>374</v>
      </c>
      <c r="E1685" s="59" t="s">
        <v>380</v>
      </c>
      <c r="F1685" s="59" t="s">
        <v>449</v>
      </c>
      <c r="G1685" s="59" t="s">
        <v>450</v>
      </c>
      <c r="H1685" s="60">
        <v>211</v>
      </c>
      <c r="I1685" s="60">
        <v>215</v>
      </c>
      <c r="J1685" s="61">
        <v>0</v>
      </c>
      <c r="K1685" s="61">
        <v>28667.61</v>
      </c>
    </row>
    <row r="1686" spans="1:11" ht="18.75" customHeight="1" thickBot="1">
      <c r="A1686" s="59" t="s">
        <v>448</v>
      </c>
      <c r="B1686" s="59" t="s">
        <v>28</v>
      </c>
      <c r="C1686" s="59" t="s">
        <v>28</v>
      </c>
      <c r="D1686" s="59" t="s">
        <v>374</v>
      </c>
      <c r="E1686" s="59" t="s">
        <v>380</v>
      </c>
      <c r="F1686" s="59" t="s">
        <v>449</v>
      </c>
      <c r="G1686" s="59" t="s">
        <v>450</v>
      </c>
      <c r="H1686" s="60">
        <v>211</v>
      </c>
      <c r="I1686" s="60">
        <v>217</v>
      </c>
      <c r="J1686" s="61">
        <v>0</v>
      </c>
      <c r="K1686" s="61">
        <v>180.44</v>
      </c>
    </row>
    <row r="1687" spans="1:11" ht="18.75" customHeight="1" thickBot="1">
      <c r="A1687" s="59" t="s">
        <v>448</v>
      </c>
      <c r="B1687" s="59" t="s">
        <v>28</v>
      </c>
      <c r="C1687" s="59" t="s">
        <v>28</v>
      </c>
      <c r="D1687" s="59" t="s">
        <v>374</v>
      </c>
      <c r="E1687" s="59" t="s">
        <v>380</v>
      </c>
      <c r="F1687" s="59" t="s">
        <v>449</v>
      </c>
      <c r="G1687" s="59" t="s">
        <v>450</v>
      </c>
      <c r="H1687" s="60">
        <v>211</v>
      </c>
      <c r="I1687" s="60">
        <v>223</v>
      </c>
      <c r="J1687" s="61">
        <v>0</v>
      </c>
      <c r="K1687" s="61">
        <v>14.38</v>
      </c>
    </row>
    <row r="1688" spans="1:11" ht="18.75" customHeight="1" thickBot="1">
      <c r="A1688" s="59" t="s">
        <v>448</v>
      </c>
      <c r="B1688" s="59" t="s">
        <v>28</v>
      </c>
      <c r="C1688" s="59" t="s">
        <v>28</v>
      </c>
      <c r="D1688" s="59" t="s">
        <v>374</v>
      </c>
      <c r="E1688" s="59" t="s">
        <v>380</v>
      </c>
      <c r="F1688" s="59" t="s">
        <v>449</v>
      </c>
      <c r="G1688" s="59" t="s">
        <v>450</v>
      </c>
      <c r="H1688" s="60">
        <v>211</v>
      </c>
      <c r="I1688" s="60">
        <v>225</v>
      </c>
      <c r="J1688" s="61">
        <v>0</v>
      </c>
      <c r="K1688" s="61">
        <v>2.06</v>
      </c>
    </row>
    <row r="1689" spans="1:11" ht="18.75" customHeight="1" thickBot="1">
      <c r="A1689" s="59" t="s">
        <v>448</v>
      </c>
      <c r="B1689" s="59" t="s">
        <v>28</v>
      </c>
      <c r="C1689" s="59" t="s">
        <v>28</v>
      </c>
      <c r="D1689" s="59" t="s">
        <v>374</v>
      </c>
      <c r="E1689" s="59" t="s">
        <v>380</v>
      </c>
      <c r="F1689" s="59" t="s">
        <v>449</v>
      </c>
      <c r="G1689" s="59" t="s">
        <v>450</v>
      </c>
      <c r="H1689" s="60">
        <v>211</v>
      </c>
      <c r="I1689" s="60">
        <v>227</v>
      </c>
      <c r="J1689" s="61">
        <v>0</v>
      </c>
      <c r="K1689" s="61">
        <v>48.82</v>
      </c>
    </row>
    <row r="1690" spans="1:11" ht="18.75" customHeight="1" thickBot="1">
      <c r="A1690" s="59" t="s">
        <v>448</v>
      </c>
      <c r="B1690" s="59" t="s">
        <v>28</v>
      </c>
      <c r="C1690" s="59" t="s">
        <v>28</v>
      </c>
      <c r="D1690" s="59" t="s">
        <v>374</v>
      </c>
      <c r="E1690" s="59" t="s">
        <v>380</v>
      </c>
      <c r="F1690" s="59" t="s">
        <v>449</v>
      </c>
      <c r="G1690" s="59" t="s">
        <v>450</v>
      </c>
      <c r="H1690" s="60">
        <v>211</v>
      </c>
      <c r="I1690" s="60">
        <v>229</v>
      </c>
      <c r="J1690" s="61">
        <v>0</v>
      </c>
      <c r="K1690" s="61">
        <v>300.14999999999998</v>
      </c>
    </row>
    <row r="1691" spans="1:11" ht="18.75" customHeight="1" thickBot="1">
      <c r="A1691" s="59" t="s">
        <v>448</v>
      </c>
      <c r="B1691" s="59" t="s">
        <v>28</v>
      </c>
      <c r="C1691" s="59" t="s">
        <v>28</v>
      </c>
      <c r="D1691" s="59" t="s">
        <v>374</v>
      </c>
      <c r="E1691" s="59" t="s">
        <v>380</v>
      </c>
      <c r="F1691" s="59" t="s">
        <v>449</v>
      </c>
      <c r="G1691" s="59" t="s">
        <v>450</v>
      </c>
      <c r="H1691" s="60">
        <v>211</v>
      </c>
      <c r="I1691" s="60">
        <v>240</v>
      </c>
      <c r="J1691" s="61">
        <v>0</v>
      </c>
      <c r="K1691" s="61">
        <v>7965.63</v>
      </c>
    </row>
    <row r="1692" spans="1:11" ht="18.75" customHeight="1" thickBot="1">
      <c r="A1692" s="59" t="s">
        <v>448</v>
      </c>
      <c r="B1692" s="59" t="s">
        <v>28</v>
      </c>
      <c r="C1692" s="59" t="s">
        <v>28</v>
      </c>
      <c r="D1692" s="59" t="s">
        <v>374</v>
      </c>
      <c r="E1692" s="59" t="s">
        <v>380</v>
      </c>
      <c r="F1692" s="59" t="s">
        <v>449</v>
      </c>
      <c r="G1692" s="59" t="s">
        <v>450</v>
      </c>
      <c r="H1692" s="60">
        <v>211</v>
      </c>
      <c r="I1692" s="60">
        <v>244</v>
      </c>
      <c r="J1692" s="61">
        <v>0</v>
      </c>
      <c r="K1692" s="61">
        <v>1622.7</v>
      </c>
    </row>
    <row r="1693" spans="1:11" ht="18.75" customHeight="1" thickBot="1">
      <c r="A1693" s="59" t="s">
        <v>448</v>
      </c>
      <c r="B1693" s="59" t="s">
        <v>28</v>
      </c>
      <c r="C1693" s="59" t="s">
        <v>28</v>
      </c>
      <c r="D1693" s="59" t="s">
        <v>374</v>
      </c>
      <c r="E1693" s="59" t="s">
        <v>380</v>
      </c>
      <c r="F1693" s="59" t="s">
        <v>449</v>
      </c>
      <c r="G1693" s="59" t="s">
        <v>450</v>
      </c>
      <c r="H1693" s="60">
        <v>211</v>
      </c>
      <c r="I1693" s="60">
        <v>359</v>
      </c>
      <c r="J1693" s="61">
        <v>0</v>
      </c>
      <c r="K1693" s="61">
        <v>47438.1</v>
      </c>
    </row>
    <row r="1694" spans="1:11" ht="18.75" customHeight="1" thickBot="1">
      <c r="A1694" s="59" t="s">
        <v>448</v>
      </c>
      <c r="B1694" s="59" t="s">
        <v>28</v>
      </c>
      <c r="C1694" s="59" t="s">
        <v>28</v>
      </c>
      <c r="D1694" s="59" t="s">
        <v>374</v>
      </c>
      <c r="E1694" s="59" t="s">
        <v>380</v>
      </c>
      <c r="F1694" s="59" t="s">
        <v>449</v>
      </c>
      <c r="G1694" s="59" t="s">
        <v>450</v>
      </c>
      <c r="H1694" s="60">
        <v>212</v>
      </c>
      <c r="I1694" s="60">
        <v>94</v>
      </c>
      <c r="J1694" s="61">
        <v>0</v>
      </c>
      <c r="K1694" s="61">
        <v>19.72</v>
      </c>
    </row>
    <row r="1695" spans="1:11" ht="18.75" customHeight="1" thickBot="1">
      <c r="A1695" s="59" t="s">
        <v>448</v>
      </c>
      <c r="B1695" s="59" t="s">
        <v>28</v>
      </c>
      <c r="C1695" s="59" t="s">
        <v>28</v>
      </c>
      <c r="D1695" s="59" t="s">
        <v>374</v>
      </c>
      <c r="E1695" s="59" t="s">
        <v>380</v>
      </c>
      <c r="F1695" s="59" t="s">
        <v>449</v>
      </c>
      <c r="G1695" s="59" t="s">
        <v>450</v>
      </c>
      <c r="H1695" s="60">
        <v>212</v>
      </c>
      <c r="I1695" s="60">
        <v>97</v>
      </c>
      <c r="J1695" s="61">
        <v>0</v>
      </c>
      <c r="K1695" s="61">
        <v>16.95</v>
      </c>
    </row>
    <row r="1696" spans="1:11" ht="18.75" customHeight="1" thickBot="1">
      <c r="A1696" s="59" t="s">
        <v>448</v>
      </c>
      <c r="B1696" s="59" t="s">
        <v>28</v>
      </c>
      <c r="C1696" s="59" t="s">
        <v>28</v>
      </c>
      <c r="D1696" s="59" t="s">
        <v>374</v>
      </c>
      <c r="E1696" s="59" t="s">
        <v>380</v>
      </c>
      <c r="F1696" s="59" t="s">
        <v>449</v>
      </c>
      <c r="G1696" s="59" t="s">
        <v>450</v>
      </c>
      <c r="H1696" s="60">
        <v>212</v>
      </c>
      <c r="I1696" s="60">
        <v>107</v>
      </c>
      <c r="J1696" s="61">
        <v>0</v>
      </c>
      <c r="K1696" s="61">
        <v>6.37</v>
      </c>
    </row>
    <row r="1697" spans="1:11" ht="18.75" customHeight="1" thickBot="1">
      <c r="A1697" s="59" t="s">
        <v>448</v>
      </c>
      <c r="B1697" s="59" t="s">
        <v>28</v>
      </c>
      <c r="C1697" s="59" t="s">
        <v>28</v>
      </c>
      <c r="D1697" s="59" t="s">
        <v>374</v>
      </c>
      <c r="E1697" s="59" t="s">
        <v>380</v>
      </c>
      <c r="F1697" s="59" t="s">
        <v>449</v>
      </c>
      <c r="G1697" s="59" t="s">
        <v>450</v>
      </c>
      <c r="H1697" s="60">
        <v>212</v>
      </c>
      <c r="I1697" s="60">
        <v>109</v>
      </c>
      <c r="J1697" s="61">
        <v>0</v>
      </c>
      <c r="K1697" s="61">
        <v>145.38</v>
      </c>
    </row>
    <row r="1698" spans="1:11" ht="18.75" customHeight="1" thickBot="1">
      <c r="A1698" s="59" t="s">
        <v>448</v>
      </c>
      <c r="B1698" s="59" t="s">
        <v>28</v>
      </c>
      <c r="C1698" s="59" t="s">
        <v>28</v>
      </c>
      <c r="D1698" s="59" t="s">
        <v>374</v>
      </c>
      <c r="E1698" s="59" t="s">
        <v>380</v>
      </c>
      <c r="F1698" s="59" t="s">
        <v>449</v>
      </c>
      <c r="G1698" s="59" t="s">
        <v>450</v>
      </c>
      <c r="H1698" s="60">
        <v>212</v>
      </c>
      <c r="I1698" s="60">
        <v>111</v>
      </c>
      <c r="J1698" s="61">
        <v>0</v>
      </c>
      <c r="K1698" s="61">
        <v>9.83</v>
      </c>
    </row>
    <row r="1699" spans="1:11" ht="18.75" customHeight="1" thickBot="1">
      <c r="A1699" s="59" t="s">
        <v>448</v>
      </c>
      <c r="B1699" s="59" t="s">
        <v>28</v>
      </c>
      <c r="C1699" s="59" t="s">
        <v>28</v>
      </c>
      <c r="D1699" s="59" t="s">
        <v>374</v>
      </c>
      <c r="E1699" s="59" t="s">
        <v>380</v>
      </c>
      <c r="F1699" s="59" t="s">
        <v>449</v>
      </c>
      <c r="G1699" s="59" t="s">
        <v>450</v>
      </c>
      <c r="H1699" s="60">
        <v>212</v>
      </c>
      <c r="I1699" s="60">
        <v>113</v>
      </c>
      <c r="J1699" s="61">
        <v>0</v>
      </c>
      <c r="K1699" s="61">
        <v>21.78</v>
      </c>
    </row>
    <row r="1700" spans="1:11" ht="18.75" customHeight="1" thickBot="1">
      <c r="A1700" s="59" t="s">
        <v>448</v>
      </c>
      <c r="B1700" s="59" t="s">
        <v>28</v>
      </c>
      <c r="C1700" s="59" t="s">
        <v>28</v>
      </c>
      <c r="D1700" s="59" t="s">
        <v>374</v>
      </c>
      <c r="E1700" s="59" t="s">
        <v>380</v>
      </c>
      <c r="F1700" s="59" t="s">
        <v>449</v>
      </c>
      <c r="G1700" s="59" t="s">
        <v>450</v>
      </c>
      <c r="H1700" s="60">
        <v>212</v>
      </c>
      <c r="I1700" s="60">
        <v>116</v>
      </c>
      <c r="J1700" s="61">
        <v>0</v>
      </c>
      <c r="K1700" s="61">
        <v>2.1</v>
      </c>
    </row>
    <row r="1701" spans="1:11" ht="18.75" customHeight="1" thickBot="1">
      <c r="A1701" s="59" t="s">
        <v>448</v>
      </c>
      <c r="B1701" s="59" t="s">
        <v>28</v>
      </c>
      <c r="C1701" s="59" t="s">
        <v>28</v>
      </c>
      <c r="D1701" s="59" t="s">
        <v>374</v>
      </c>
      <c r="E1701" s="59" t="s">
        <v>380</v>
      </c>
      <c r="F1701" s="59" t="s">
        <v>449</v>
      </c>
      <c r="G1701" s="59" t="s">
        <v>450</v>
      </c>
      <c r="H1701" s="60">
        <v>212</v>
      </c>
      <c r="I1701" s="60">
        <v>150</v>
      </c>
      <c r="J1701" s="61">
        <v>0</v>
      </c>
      <c r="K1701" s="61">
        <v>3.12</v>
      </c>
    </row>
    <row r="1702" spans="1:11" ht="18.75" customHeight="1" thickBot="1">
      <c r="A1702" s="59" t="s">
        <v>448</v>
      </c>
      <c r="B1702" s="59" t="s">
        <v>28</v>
      </c>
      <c r="C1702" s="59" t="s">
        <v>28</v>
      </c>
      <c r="D1702" s="59" t="s">
        <v>374</v>
      </c>
      <c r="E1702" s="59" t="s">
        <v>380</v>
      </c>
      <c r="F1702" s="59" t="s">
        <v>449</v>
      </c>
      <c r="G1702" s="59" t="s">
        <v>450</v>
      </c>
      <c r="H1702" s="60">
        <v>212</v>
      </c>
      <c r="I1702" s="60">
        <v>211</v>
      </c>
      <c r="J1702" s="61">
        <v>0</v>
      </c>
      <c r="K1702" s="61">
        <v>5944.13</v>
      </c>
    </row>
    <row r="1703" spans="1:11" ht="18.75" customHeight="1" thickBot="1">
      <c r="A1703" s="59" t="s">
        <v>448</v>
      </c>
      <c r="B1703" s="59" t="s">
        <v>28</v>
      </c>
      <c r="C1703" s="59" t="s">
        <v>28</v>
      </c>
      <c r="D1703" s="59" t="s">
        <v>374</v>
      </c>
      <c r="E1703" s="59" t="s">
        <v>380</v>
      </c>
      <c r="F1703" s="59" t="s">
        <v>449</v>
      </c>
      <c r="G1703" s="59" t="s">
        <v>450</v>
      </c>
      <c r="H1703" s="60">
        <v>212</v>
      </c>
      <c r="I1703" s="60">
        <v>215</v>
      </c>
      <c r="J1703" s="61">
        <v>0</v>
      </c>
      <c r="K1703" s="61">
        <v>18242.52</v>
      </c>
    </row>
    <row r="1704" spans="1:11" ht="18.75" customHeight="1" thickBot="1">
      <c r="A1704" s="59" t="s">
        <v>448</v>
      </c>
      <c r="B1704" s="59" t="s">
        <v>28</v>
      </c>
      <c r="C1704" s="59" t="s">
        <v>28</v>
      </c>
      <c r="D1704" s="59" t="s">
        <v>374</v>
      </c>
      <c r="E1704" s="59" t="s">
        <v>380</v>
      </c>
      <c r="F1704" s="59" t="s">
        <v>449</v>
      </c>
      <c r="G1704" s="59" t="s">
        <v>450</v>
      </c>
      <c r="H1704" s="60">
        <v>212</v>
      </c>
      <c r="I1704" s="60">
        <v>220</v>
      </c>
      <c r="J1704" s="61">
        <v>0</v>
      </c>
      <c r="K1704" s="61">
        <v>517.47</v>
      </c>
    </row>
    <row r="1705" spans="1:11" ht="18.75" customHeight="1" thickBot="1">
      <c r="A1705" s="59" t="s">
        <v>448</v>
      </c>
      <c r="B1705" s="59" t="s">
        <v>28</v>
      </c>
      <c r="C1705" s="59" t="s">
        <v>28</v>
      </c>
      <c r="D1705" s="59" t="s">
        <v>374</v>
      </c>
      <c r="E1705" s="59" t="s">
        <v>380</v>
      </c>
      <c r="F1705" s="59" t="s">
        <v>449</v>
      </c>
      <c r="G1705" s="59" t="s">
        <v>450</v>
      </c>
      <c r="H1705" s="60">
        <v>212</v>
      </c>
      <c r="I1705" s="60">
        <v>223</v>
      </c>
      <c r="J1705" s="61">
        <v>0</v>
      </c>
      <c r="K1705" s="61">
        <v>27.2</v>
      </c>
    </row>
    <row r="1706" spans="1:11" ht="18.75" customHeight="1" thickBot="1">
      <c r="A1706" s="59" t="s">
        <v>448</v>
      </c>
      <c r="B1706" s="59" t="s">
        <v>28</v>
      </c>
      <c r="C1706" s="59" t="s">
        <v>28</v>
      </c>
      <c r="D1706" s="59" t="s">
        <v>374</v>
      </c>
      <c r="E1706" s="59" t="s">
        <v>380</v>
      </c>
      <c r="F1706" s="59" t="s">
        <v>449</v>
      </c>
      <c r="G1706" s="59" t="s">
        <v>450</v>
      </c>
      <c r="H1706" s="60">
        <v>212</v>
      </c>
      <c r="I1706" s="60">
        <v>225</v>
      </c>
      <c r="J1706" s="61">
        <v>0</v>
      </c>
      <c r="K1706" s="61">
        <v>55.89</v>
      </c>
    </row>
    <row r="1707" spans="1:11" ht="18.75" customHeight="1" thickBot="1">
      <c r="A1707" s="59" t="s">
        <v>448</v>
      </c>
      <c r="B1707" s="59" t="s">
        <v>28</v>
      </c>
      <c r="C1707" s="59" t="s">
        <v>28</v>
      </c>
      <c r="D1707" s="59" t="s">
        <v>374</v>
      </c>
      <c r="E1707" s="59" t="s">
        <v>380</v>
      </c>
      <c r="F1707" s="59" t="s">
        <v>449</v>
      </c>
      <c r="G1707" s="59" t="s">
        <v>450</v>
      </c>
      <c r="H1707" s="60">
        <v>212</v>
      </c>
      <c r="I1707" s="60">
        <v>227</v>
      </c>
      <c r="J1707" s="61">
        <v>0</v>
      </c>
      <c r="K1707" s="61">
        <v>31.79</v>
      </c>
    </row>
    <row r="1708" spans="1:11" ht="18.75" customHeight="1" thickBot="1">
      <c r="A1708" s="59" t="s">
        <v>448</v>
      </c>
      <c r="B1708" s="59" t="s">
        <v>28</v>
      </c>
      <c r="C1708" s="59" t="s">
        <v>28</v>
      </c>
      <c r="D1708" s="59" t="s">
        <v>374</v>
      </c>
      <c r="E1708" s="59" t="s">
        <v>380</v>
      </c>
      <c r="F1708" s="59" t="s">
        <v>449</v>
      </c>
      <c r="G1708" s="59" t="s">
        <v>450</v>
      </c>
      <c r="H1708" s="60">
        <v>212</v>
      </c>
      <c r="I1708" s="60">
        <v>229</v>
      </c>
      <c r="J1708" s="61">
        <v>0</v>
      </c>
      <c r="K1708" s="61">
        <v>981.87</v>
      </c>
    </row>
    <row r="1709" spans="1:11" ht="18.75" customHeight="1" thickBot="1">
      <c r="A1709" s="59" t="s">
        <v>448</v>
      </c>
      <c r="B1709" s="59" t="s">
        <v>28</v>
      </c>
      <c r="C1709" s="59" t="s">
        <v>28</v>
      </c>
      <c r="D1709" s="59" t="s">
        <v>374</v>
      </c>
      <c r="E1709" s="59" t="s">
        <v>380</v>
      </c>
      <c r="F1709" s="59" t="s">
        <v>449</v>
      </c>
      <c r="G1709" s="59" t="s">
        <v>450</v>
      </c>
      <c r="H1709" s="60">
        <v>212</v>
      </c>
      <c r="I1709" s="60">
        <v>240</v>
      </c>
      <c r="J1709" s="61">
        <v>0</v>
      </c>
      <c r="K1709" s="61">
        <v>7453.76</v>
      </c>
    </row>
    <row r="1710" spans="1:11" ht="18.75" customHeight="1" thickBot="1">
      <c r="A1710" s="59" t="s">
        <v>448</v>
      </c>
      <c r="B1710" s="59" t="s">
        <v>28</v>
      </c>
      <c r="C1710" s="59" t="s">
        <v>28</v>
      </c>
      <c r="D1710" s="59" t="s">
        <v>374</v>
      </c>
      <c r="E1710" s="59" t="s">
        <v>380</v>
      </c>
      <c r="F1710" s="59" t="s">
        <v>449</v>
      </c>
      <c r="G1710" s="59" t="s">
        <v>450</v>
      </c>
      <c r="H1710" s="60">
        <v>212</v>
      </c>
      <c r="I1710" s="60">
        <v>248</v>
      </c>
      <c r="J1710" s="61">
        <v>0</v>
      </c>
      <c r="K1710" s="61">
        <v>1382.9</v>
      </c>
    </row>
    <row r="1711" spans="1:11" ht="18.75" customHeight="1" thickBot="1">
      <c r="A1711" s="59" t="s">
        <v>448</v>
      </c>
      <c r="B1711" s="59" t="s">
        <v>28</v>
      </c>
      <c r="C1711" s="59" t="s">
        <v>28</v>
      </c>
      <c r="D1711" s="59" t="s">
        <v>374</v>
      </c>
      <c r="E1711" s="59" t="s">
        <v>380</v>
      </c>
      <c r="F1711" s="59" t="s">
        <v>449</v>
      </c>
      <c r="G1711" s="59" t="s">
        <v>450</v>
      </c>
      <c r="H1711" s="60">
        <v>212</v>
      </c>
      <c r="I1711" s="60">
        <v>251</v>
      </c>
      <c r="J1711" s="61">
        <v>0</v>
      </c>
      <c r="K1711" s="61">
        <v>310.56</v>
      </c>
    </row>
    <row r="1712" spans="1:11" ht="18.75" customHeight="1" thickBot="1">
      <c r="A1712" s="59" t="s">
        <v>448</v>
      </c>
      <c r="B1712" s="59" t="s">
        <v>28</v>
      </c>
      <c r="C1712" s="59" t="s">
        <v>28</v>
      </c>
      <c r="D1712" s="59" t="s">
        <v>374</v>
      </c>
      <c r="E1712" s="59" t="s">
        <v>380</v>
      </c>
      <c r="F1712" s="59" t="s">
        <v>449</v>
      </c>
      <c r="G1712" s="59" t="s">
        <v>450</v>
      </c>
      <c r="H1712" s="60">
        <v>216</v>
      </c>
      <c r="I1712" s="60">
        <v>93</v>
      </c>
      <c r="J1712" s="61">
        <v>0</v>
      </c>
      <c r="K1712" s="61">
        <v>1.67</v>
      </c>
    </row>
    <row r="1713" spans="1:11" ht="18.75" customHeight="1" thickBot="1">
      <c r="A1713" s="59" t="s">
        <v>448</v>
      </c>
      <c r="B1713" s="59" t="s">
        <v>28</v>
      </c>
      <c r="C1713" s="59" t="s">
        <v>28</v>
      </c>
      <c r="D1713" s="59" t="s">
        <v>374</v>
      </c>
      <c r="E1713" s="59" t="s">
        <v>380</v>
      </c>
      <c r="F1713" s="59" t="s">
        <v>449</v>
      </c>
      <c r="G1713" s="59" t="s">
        <v>450</v>
      </c>
      <c r="H1713" s="60">
        <v>216</v>
      </c>
      <c r="I1713" s="60">
        <v>94</v>
      </c>
      <c r="J1713" s="61">
        <v>0</v>
      </c>
      <c r="K1713" s="61">
        <v>11.72</v>
      </c>
    </row>
    <row r="1714" spans="1:11" ht="18.75" customHeight="1" thickBot="1">
      <c r="A1714" s="59" t="s">
        <v>448</v>
      </c>
      <c r="B1714" s="59" t="s">
        <v>28</v>
      </c>
      <c r="C1714" s="59" t="s">
        <v>28</v>
      </c>
      <c r="D1714" s="59" t="s">
        <v>374</v>
      </c>
      <c r="E1714" s="59" t="s">
        <v>380</v>
      </c>
      <c r="F1714" s="59" t="s">
        <v>449</v>
      </c>
      <c r="G1714" s="59" t="s">
        <v>450</v>
      </c>
      <c r="H1714" s="60">
        <v>216</v>
      </c>
      <c r="I1714" s="60">
        <v>97</v>
      </c>
      <c r="J1714" s="61">
        <v>0</v>
      </c>
      <c r="K1714" s="61">
        <v>85.69</v>
      </c>
    </row>
    <row r="1715" spans="1:11" ht="18.75" customHeight="1" thickBot="1">
      <c r="A1715" s="59" t="s">
        <v>448</v>
      </c>
      <c r="B1715" s="59" t="s">
        <v>28</v>
      </c>
      <c r="C1715" s="59" t="s">
        <v>28</v>
      </c>
      <c r="D1715" s="59" t="s">
        <v>374</v>
      </c>
      <c r="E1715" s="59" t="s">
        <v>380</v>
      </c>
      <c r="F1715" s="59" t="s">
        <v>449</v>
      </c>
      <c r="G1715" s="59" t="s">
        <v>450</v>
      </c>
      <c r="H1715" s="60">
        <v>216</v>
      </c>
      <c r="I1715" s="60">
        <v>107</v>
      </c>
      <c r="J1715" s="61">
        <v>0</v>
      </c>
      <c r="K1715" s="61">
        <v>16.03</v>
      </c>
    </row>
    <row r="1716" spans="1:11" ht="18.75" customHeight="1" thickBot="1">
      <c r="A1716" s="59" t="s">
        <v>448</v>
      </c>
      <c r="B1716" s="59" t="s">
        <v>28</v>
      </c>
      <c r="C1716" s="59" t="s">
        <v>28</v>
      </c>
      <c r="D1716" s="59" t="s">
        <v>374</v>
      </c>
      <c r="E1716" s="59" t="s">
        <v>380</v>
      </c>
      <c r="F1716" s="59" t="s">
        <v>449</v>
      </c>
      <c r="G1716" s="59" t="s">
        <v>450</v>
      </c>
      <c r="H1716" s="60">
        <v>216</v>
      </c>
      <c r="I1716" s="60">
        <v>109</v>
      </c>
      <c r="J1716" s="61">
        <v>0</v>
      </c>
      <c r="K1716" s="61">
        <v>83.47</v>
      </c>
    </row>
    <row r="1717" spans="1:11" ht="18.75" customHeight="1" thickBot="1">
      <c r="A1717" s="59" t="s">
        <v>448</v>
      </c>
      <c r="B1717" s="59" t="s">
        <v>28</v>
      </c>
      <c r="C1717" s="59" t="s">
        <v>28</v>
      </c>
      <c r="D1717" s="59" t="s">
        <v>374</v>
      </c>
      <c r="E1717" s="59" t="s">
        <v>380</v>
      </c>
      <c r="F1717" s="59" t="s">
        <v>449</v>
      </c>
      <c r="G1717" s="59" t="s">
        <v>450</v>
      </c>
      <c r="H1717" s="60">
        <v>216</v>
      </c>
      <c r="I1717" s="60">
        <v>113</v>
      </c>
      <c r="J1717" s="61">
        <v>0</v>
      </c>
      <c r="K1717" s="61">
        <v>7.64</v>
      </c>
    </row>
    <row r="1718" spans="1:11" ht="18.75" customHeight="1" thickBot="1">
      <c r="A1718" s="59" t="s">
        <v>448</v>
      </c>
      <c r="B1718" s="59" t="s">
        <v>28</v>
      </c>
      <c r="C1718" s="59" t="s">
        <v>28</v>
      </c>
      <c r="D1718" s="59" t="s">
        <v>374</v>
      </c>
      <c r="E1718" s="59" t="s">
        <v>380</v>
      </c>
      <c r="F1718" s="59" t="s">
        <v>449</v>
      </c>
      <c r="G1718" s="59" t="s">
        <v>450</v>
      </c>
      <c r="H1718" s="60">
        <v>216</v>
      </c>
      <c r="I1718" s="60">
        <v>211</v>
      </c>
      <c r="J1718" s="61">
        <v>0</v>
      </c>
      <c r="K1718" s="61">
        <v>287.77999999999997</v>
      </c>
    </row>
    <row r="1719" spans="1:11" ht="18.75" customHeight="1" thickBot="1">
      <c r="A1719" s="59" t="s">
        <v>448</v>
      </c>
      <c r="B1719" s="59" t="s">
        <v>28</v>
      </c>
      <c r="C1719" s="59" t="s">
        <v>28</v>
      </c>
      <c r="D1719" s="59" t="s">
        <v>374</v>
      </c>
      <c r="E1719" s="59" t="s">
        <v>380</v>
      </c>
      <c r="F1719" s="59" t="s">
        <v>449</v>
      </c>
      <c r="G1719" s="59" t="s">
        <v>450</v>
      </c>
      <c r="H1719" s="60">
        <v>216</v>
      </c>
      <c r="I1719" s="60">
        <v>215</v>
      </c>
      <c r="J1719" s="61">
        <v>0</v>
      </c>
      <c r="K1719" s="61">
        <v>1136.24</v>
      </c>
    </row>
    <row r="1720" spans="1:11" ht="18.75" customHeight="1" thickBot="1">
      <c r="A1720" s="59" t="s">
        <v>448</v>
      </c>
      <c r="B1720" s="59" t="s">
        <v>28</v>
      </c>
      <c r="C1720" s="59" t="s">
        <v>28</v>
      </c>
      <c r="D1720" s="59" t="s">
        <v>374</v>
      </c>
      <c r="E1720" s="59" t="s">
        <v>380</v>
      </c>
      <c r="F1720" s="59" t="s">
        <v>449</v>
      </c>
      <c r="G1720" s="59" t="s">
        <v>450</v>
      </c>
      <c r="H1720" s="60">
        <v>216</v>
      </c>
      <c r="I1720" s="60">
        <v>240</v>
      </c>
      <c r="J1720" s="61">
        <v>0</v>
      </c>
      <c r="K1720" s="61">
        <v>324.06</v>
      </c>
    </row>
    <row r="1721" spans="1:11" ht="18.75" customHeight="1" thickBot="1">
      <c r="A1721" s="59" t="s">
        <v>448</v>
      </c>
      <c r="B1721" s="59" t="s">
        <v>28</v>
      </c>
      <c r="C1721" s="59" t="s">
        <v>28</v>
      </c>
      <c r="D1721" s="59" t="s">
        <v>374</v>
      </c>
      <c r="E1721" s="59" t="s">
        <v>380</v>
      </c>
      <c r="F1721" s="59" t="s">
        <v>449</v>
      </c>
      <c r="G1721" s="59" t="s">
        <v>450</v>
      </c>
      <c r="H1721" s="60">
        <v>216</v>
      </c>
      <c r="I1721" s="60">
        <v>244</v>
      </c>
      <c r="J1721" s="61">
        <v>0</v>
      </c>
      <c r="K1721" s="61">
        <v>401.64</v>
      </c>
    </row>
    <row r="1722" spans="1:11" ht="18.75" customHeight="1" thickBot="1">
      <c r="A1722" s="59" t="s">
        <v>448</v>
      </c>
      <c r="B1722" s="59" t="s">
        <v>28</v>
      </c>
      <c r="C1722" s="59" t="s">
        <v>28</v>
      </c>
      <c r="D1722" s="59" t="s">
        <v>374</v>
      </c>
      <c r="E1722" s="59" t="s">
        <v>380</v>
      </c>
      <c r="F1722" s="59" t="s">
        <v>449</v>
      </c>
      <c r="G1722" s="59" t="s">
        <v>450</v>
      </c>
      <c r="H1722" s="60">
        <v>216</v>
      </c>
      <c r="I1722" s="60">
        <v>256</v>
      </c>
      <c r="J1722" s="61">
        <v>0</v>
      </c>
      <c r="K1722" s="61">
        <v>121.58</v>
      </c>
    </row>
    <row r="1723" spans="1:11" ht="18.75" customHeight="1" thickBot="1">
      <c r="A1723" s="59" t="s">
        <v>448</v>
      </c>
      <c r="B1723" s="59" t="s">
        <v>28</v>
      </c>
      <c r="C1723" s="59" t="s">
        <v>28</v>
      </c>
      <c r="D1723" s="59" t="s">
        <v>374</v>
      </c>
      <c r="E1723" s="59" t="s">
        <v>380</v>
      </c>
      <c r="F1723" s="59" t="s">
        <v>449</v>
      </c>
      <c r="G1723" s="59" t="s">
        <v>450</v>
      </c>
      <c r="H1723" s="60">
        <v>216</v>
      </c>
      <c r="I1723" s="60">
        <v>358</v>
      </c>
      <c r="J1723" s="61">
        <v>0</v>
      </c>
      <c r="K1723" s="61">
        <v>2672.76</v>
      </c>
    </row>
    <row r="1724" spans="1:11" ht="18.75" customHeight="1" thickBot="1">
      <c r="A1724" s="59" t="s">
        <v>448</v>
      </c>
      <c r="B1724" s="59" t="s">
        <v>28</v>
      </c>
      <c r="C1724" s="59" t="s">
        <v>28</v>
      </c>
      <c r="D1724" s="59" t="s">
        <v>374</v>
      </c>
      <c r="E1724" s="59" t="s">
        <v>380</v>
      </c>
      <c r="F1724" s="59" t="s">
        <v>449</v>
      </c>
      <c r="G1724" s="59" t="s">
        <v>450</v>
      </c>
      <c r="H1724" s="60">
        <v>221</v>
      </c>
      <c r="I1724" s="60">
        <v>93</v>
      </c>
      <c r="J1724" s="61">
        <v>0</v>
      </c>
      <c r="K1724" s="61">
        <v>9.91</v>
      </c>
    </row>
    <row r="1725" spans="1:11" ht="18.75" customHeight="1" thickBot="1">
      <c r="A1725" s="59" t="s">
        <v>448</v>
      </c>
      <c r="B1725" s="59" t="s">
        <v>28</v>
      </c>
      <c r="C1725" s="59" t="s">
        <v>28</v>
      </c>
      <c r="D1725" s="59" t="s">
        <v>374</v>
      </c>
      <c r="E1725" s="59" t="s">
        <v>380</v>
      </c>
      <c r="F1725" s="59" t="s">
        <v>449</v>
      </c>
      <c r="G1725" s="59" t="s">
        <v>450</v>
      </c>
      <c r="H1725" s="60">
        <v>221</v>
      </c>
      <c r="I1725" s="60">
        <v>94</v>
      </c>
      <c r="J1725" s="61">
        <v>0</v>
      </c>
      <c r="K1725" s="61">
        <v>17.53</v>
      </c>
    </row>
    <row r="1726" spans="1:11" ht="18.75" customHeight="1" thickBot="1">
      <c r="A1726" s="59" t="s">
        <v>448</v>
      </c>
      <c r="B1726" s="59" t="s">
        <v>28</v>
      </c>
      <c r="C1726" s="59" t="s">
        <v>28</v>
      </c>
      <c r="D1726" s="59" t="s">
        <v>374</v>
      </c>
      <c r="E1726" s="59" t="s">
        <v>380</v>
      </c>
      <c r="F1726" s="59" t="s">
        <v>449</v>
      </c>
      <c r="G1726" s="59" t="s">
        <v>450</v>
      </c>
      <c r="H1726" s="60">
        <v>221</v>
      </c>
      <c r="I1726" s="60">
        <v>97</v>
      </c>
      <c r="J1726" s="61">
        <v>0</v>
      </c>
      <c r="K1726" s="61">
        <v>1.1399999999999999</v>
      </c>
    </row>
    <row r="1727" spans="1:11" ht="18.75" customHeight="1" thickBot="1">
      <c r="A1727" s="59" t="s">
        <v>448</v>
      </c>
      <c r="B1727" s="59" t="s">
        <v>28</v>
      </c>
      <c r="C1727" s="59" t="s">
        <v>28</v>
      </c>
      <c r="D1727" s="59" t="s">
        <v>374</v>
      </c>
      <c r="E1727" s="59" t="s">
        <v>380</v>
      </c>
      <c r="F1727" s="59" t="s">
        <v>449</v>
      </c>
      <c r="G1727" s="59" t="s">
        <v>450</v>
      </c>
      <c r="H1727" s="60">
        <v>221</v>
      </c>
      <c r="I1727" s="60">
        <v>107</v>
      </c>
      <c r="J1727" s="61">
        <v>0</v>
      </c>
      <c r="K1727" s="61">
        <v>6.84</v>
      </c>
    </row>
    <row r="1728" spans="1:11" ht="18.75" customHeight="1" thickBot="1">
      <c r="A1728" s="59" t="s">
        <v>448</v>
      </c>
      <c r="B1728" s="59" t="s">
        <v>28</v>
      </c>
      <c r="C1728" s="59" t="s">
        <v>28</v>
      </c>
      <c r="D1728" s="59" t="s">
        <v>374</v>
      </c>
      <c r="E1728" s="59" t="s">
        <v>380</v>
      </c>
      <c r="F1728" s="59" t="s">
        <v>449</v>
      </c>
      <c r="G1728" s="59" t="s">
        <v>450</v>
      </c>
      <c r="H1728" s="60">
        <v>221</v>
      </c>
      <c r="I1728" s="60">
        <v>109</v>
      </c>
      <c r="J1728" s="61">
        <v>0</v>
      </c>
      <c r="K1728" s="61">
        <v>76.98</v>
      </c>
    </row>
    <row r="1729" spans="1:11" ht="18.75" customHeight="1" thickBot="1">
      <c r="A1729" s="59" t="s">
        <v>448</v>
      </c>
      <c r="B1729" s="59" t="s">
        <v>28</v>
      </c>
      <c r="C1729" s="59" t="s">
        <v>28</v>
      </c>
      <c r="D1729" s="59" t="s">
        <v>374</v>
      </c>
      <c r="E1729" s="59" t="s">
        <v>380</v>
      </c>
      <c r="F1729" s="59" t="s">
        <v>449</v>
      </c>
      <c r="G1729" s="59" t="s">
        <v>450</v>
      </c>
      <c r="H1729" s="60">
        <v>221</v>
      </c>
      <c r="I1729" s="60">
        <v>113</v>
      </c>
      <c r="J1729" s="61">
        <v>0</v>
      </c>
      <c r="K1729" s="61">
        <v>1.81</v>
      </c>
    </row>
    <row r="1730" spans="1:11" ht="18.75" customHeight="1" thickBot="1">
      <c r="A1730" s="59" t="s">
        <v>448</v>
      </c>
      <c r="B1730" s="59" t="s">
        <v>28</v>
      </c>
      <c r="C1730" s="59" t="s">
        <v>28</v>
      </c>
      <c r="D1730" s="59" t="s">
        <v>374</v>
      </c>
      <c r="E1730" s="59" t="s">
        <v>380</v>
      </c>
      <c r="F1730" s="59" t="s">
        <v>449</v>
      </c>
      <c r="G1730" s="59" t="s">
        <v>450</v>
      </c>
      <c r="H1730" s="60">
        <v>221</v>
      </c>
      <c r="I1730" s="60">
        <v>150</v>
      </c>
      <c r="J1730" s="61">
        <v>0</v>
      </c>
      <c r="K1730" s="61">
        <v>0.54</v>
      </c>
    </row>
    <row r="1731" spans="1:11" ht="18.75" customHeight="1" thickBot="1">
      <c r="A1731" s="59" t="s">
        <v>448</v>
      </c>
      <c r="B1731" s="59" t="s">
        <v>28</v>
      </c>
      <c r="C1731" s="59" t="s">
        <v>28</v>
      </c>
      <c r="D1731" s="59" t="s">
        <v>374</v>
      </c>
      <c r="E1731" s="59" t="s">
        <v>380</v>
      </c>
      <c r="F1731" s="59" t="s">
        <v>449</v>
      </c>
      <c r="G1731" s="59" t="s">
        <v>450</v>
      </c>
      <c r="H1731" s="60">
        <v>221</v>
      </c>
      <c r="I1731" s="60">
        <v>211</v>
      </c>
      <c r="J1731" s="61">
        <v>0</v>
      </c>
      <c r="K1731" s="61">
        <v>663.81</v>
      </c>
    </row>
    <row r="1732" spans="1:11" ht="18.75" customHeight="1" thickBot="1">
      <c r="A1732" s="59" t="s">
        <v>448</v>
      </c>
      <c r="B1732" s="59" t="s">
        <v>28</v>
      </c>
      <c r="C1732" s="59" t="s">
        <v>28</v>
      </c>
      <c r="D1732" s="59" t="s">
        <v>374</v>
      </c>
      <c r="E1732" s="59" t="s">
        <v>380</v>
      </c>
      <c r="F1732" s="59" t="s">
        <v>449</v>
      </c>
      <c r="G1732" s="59" t="s">
        <v>450</v>
      </c>
      <c r="H1732" s="60">
        <v>221</v>
      </c>
      <c r="I1732" s="60">
        <v>215</v>
      </c>
      <c r="J1732" s="61">
        <v>0</v>
      </c>
      <c r="K1732" s="61">
        <v>2852.96</v>
      </c>
    </row>
    <row r="1733" spans="1:11" ht="18.75" customHeight="1" thickBot="1">
      <c r="A1733" s="59" t="s">
        <v>448</v>
      </c>
      <c r="B1733" s="59" t="s">
        <v>28</v>
      </c>
      <c r="C1733" s="59" t="s">
        <v>28</v>
      </c>
      <c r="D1733" s="59" t="s">
        <v>374</v>
      </c>
      <c r="E1733" s="59" t="s">
        <v>380</v>
      </c>
      <c r="F1733" s="59" t="s">
        <v>449</v>
      </c>
      <c r="G1733" s="59" t="s">
        <v>450</v>
      </c>
      <c r="H1733" s="60">
        <v>221</v>
      </c>
      <c r="I1733" s="60">
        <v>217</v>
      </c>
      <c r="J1733" s="61">
        <v>0</v>
      </c>
      <c r="K1733" s="61">
        <v>16.010000000000002</v>
      </c>
    </row>
    <row r="1734" spans="1:11" ht="18.75" customHeight="1" thickBot="1">
      <c r="A1734" s="59" t="s">
        <v>448</v>
      </c>
      <c r="B1734" s="59" t="s">
        <v>28</v>
      </c>
      <c r="C1734" s="59" t="s">
        <v>28</v>
      </c>
      <c r="D1734" s="59" t="s">
        <v>374</v>
      </c>
      <c r="E1734" s="59" t="s">
        <v>380</v>
      </c>
      <c r="F1734" s="59" t="s">
        <v>449</v>
      </c>
      <c r="G1734" s="59" t="s">
        <v>450</v>
      </c>
      <c r="H1734" s="60">
        <v>221</v>
      </c>
      <c r="I1734" s="60">
        <v>220</v>
      </c>
      <c r="J1734" s="61">
        <v>0</v>
      </c>
      <c r="K1734" s="61">
        <v>121.69</v>
      </c>
    </row>
    <row r="1735" spans="1:11" ht="18.75" customHeight="1" thickBot="1">
      <c r="A1735" s="59" t="s">
        <v>448</v>
      </c>
      <c r="B1735" s="59" t="s">
        <v>28</v>
      </c>
      <c r="C1735" s="59" t="s">
        <v>28</v>
      </c>
      <c r="D1735" s="59" t="s">
        <v>374</v>
      </c>
      <c r="E1735" s="59" t="s">
        <v>380</v>
      </c>
      <c r="F1735" s="59" t="s">
        <v>449</v>
      </c>
      <c r="G1735" s="59" t="s">
        <v>450</v>
      </c>
      <c r="H1735" s="60">
        <v>221</v>
      </c>
      <c r="I1735" s="60">
        <v>240</v>
      </c>
      <c r="J1735" s="61">
        <v>0</v>
      </c>
      <c r="K1735" s="61">
        <v>1173.18</v>
      </c>
    </row>
    <row r="1736" spans="1:11" ht="18.75" customHeight="1" thickBot="1">
      <c r="A1736" s="59" t="s">
        <v>448</v>
      </c>
      <c r="B1736" s="59" t="s">
        <v>28</v>
      </c>
      <c r="C1736" s="59" t="s">
        <v>28</v>
      </c>
      <c r="D1736" s="59" t="s">
        <v>374</v>
      </c>
      <c r="E1736" s="59" t="s">
        <v>380</v>
      </c>
      <c r="F1736" s="59" t="s">
        <v>449</v>
      </c>
      <c r="G1736" s="59" t="s">
        <v>450</v>
      </c>
      <c r="H1736" s="60">
        <v>221</v>
      </c>
      <c r="I1736" s="60">
        <v>244</v>
      </c>
      <c r="J1736" s="61">
        <v>0</v>
      </c>
      <c r="K1736" s="61">
        <v>3072.07</v>
      </c>
    </row>
    <row r="1737" spans="1:11" ht="18.75" customHeight="1" thickBot="1">
      <c r="A1737" s="59" t="s">
        <v>448</v>
      </c>
      <c r="B1737" s="59" t="s">
        <v>28</v>
      </c>
      <c r="C1737" s="59" t="s">
        <v>28</v>
      </c>
      <c r="D1737" s="59" t="s">
        <v>374</v>
      </c>
      <c r="E1737" s="59" t="s">
        <v>380</v>
      </c>
      <c r="F1737" s="59" t="s">
        <v>449</v>
      </c>
      <c r="G1737" s="59" t="s">
        <v>450</v>
      </c>
      <c r="H1737" s="60">
        <v>221</v>
      </c>
      <c r="I1737" s="60">
        <v>358</v>
      </c>
      <c r="J1737" s="61">
        <v>0</v>
      </c>
      <c r="K1737" s="61">
        <v>1698.71</v>
      </c>
    </row>
    <row r="1738" spans="1:11" ht="18.75" customHeight="1" thickBot="1">
      <c r="A1738" s="59" t="s">
        <v>448</v>
      </c>
      <c r="B1738" s="59" t="s">
        <v>28</v>
      </c>
      <c r="C1738" s="59" t="s">
        <v>28</v>
      </c>
      <c r="D1738" s="59" t="s">
        <v>374</v>
      </c>
      <c r="E1738" s="59" t="s">
        <v>380</v>
      </c>
      <c r="F1738" s="59" t="s">
        <v>449</v>
      </c>
      <c r="G1738" s="59" t="s">
        <v>450</v>
      </c>
      <c r="H1738" s="60">
        <v>221</v>
      </c>
      <c r="I1738" s="60">
        <v>359</v>
      </c>
      <c r="J1738" s="61">
        <v>0</v>
      </c>
      <c r="K1738" s="61">
        <v>7335.99</v>
      </c>
    </row>
    <row r="1739" spans="1:11" ht="18.75" customHeight="1" thickBot="1">
      <c r="A1739" s="59" t="s">
        <v>448</v>
      </c>
      <c r="B1739" s="59" t="s">
        <v>28</v>
      </c>
      <c r="C1739" s="59" t="s">
        <v>28</v>
      </c>
      <c r="D1739" s="59" t="s">
        <v>374</v>
      </c>
      <c r="E1739" s="59" t="s">
        <v>380</v>
      </c>
      <c r="F1739" s="59" t="s">
        <v>449</v>
      </c>
      <c r="G1739" s="59" t="s">
        <v>450</v>
      </c>
      <c r="H1739" s="60">
        <v>222</v>
      </c>
      <c r="I1739" s="60">
        <v>113</v>
      </c>
      <c r="J1739" s="61">
        <v>0</v>
      </c>
      <c r="K1739" s="61">
        <v>5.85</v>
      </c>
    </row>
    <row r="1740" spans="1:11" ht="18.75" customHeight="1" thickBot="1">
      <c r="A1740" s="59" t="s">
        <v>448</v>
      </c>
      <c r="B1740" s="59" t="s">
        <v>28</v>
      </c>
      <c r="C1740" s="59" t="s">
        <v>28</v>
      </c>
      <c r="D1740" s="59" t="s">
        <v>374</v>
      </c>
      <c r="E1740" s="59" t="s">
        <v>380</v>
      </c>
      <c r="F1740" s="59" t="s">
        <v>449</v>
      </c>
      <c r="G1740" s="59" t="s">
        <v>450</v>
      </c>
      <c r="H1740" s="60">
        <v>222</v>
      </c>
      <c r="I1740" s="60">
        <v>211</v>
      </c>
      <c r="J1740" s="61">
        <v>0</v>
      </c>
      <c r="K1740" s="61">
        <v>96</v>
      </c>
    </row>
    <row r="1741" spans="1:11" ht="18.75" customHeight="1" thickBot="1">
      <c r="A1741" s="59" t="s">
        <v>448</v>
      </c>
      <c r="B1741" s="59" t="s">
        <v>28</v>
      </c>
      <c r="C1741" s="59" t="s">
        <v>28</v>
      </c>
      <c r="D1741" s="59" t="s">
        <v>374</v>
      </c>
      <c r="E1741" s="59" t="s">
        <v>380</v>
      </c>
      <c r="F1741" s="59" t="s">
        <v>449</v>
      </c>
      <c r="G1741" s="59" t="s">
        <v>450</v>
      </c>
      <c r="H1741" s="60">
        <v>222</v>
      </c>
      <c r="I1741" s="60">
        <v>215</v>
      </c>
      <c r="J1741" s="61">
        <v>0</v>
      </c>
      <c r="K1741" s="61">
        <v>480.78</v>
      </c>
    </row>
    <row r="1742" spans="1:11" ht="18.75" customHeight="1" thickBot="1">
      <c r="A1742" s="59" t="s">
        <v>448</v>
      </c>
      <c r="B1742" s="59" t="s">
        <v>28</v>
      </c>
      <c r="C1742" s="59" t="s">
        <v>28</v>
      </c>
      <c r="D1742" s="59" t="s">
        <v>374</v>
      </c>
      <c r="E1742" s="59" t="s">
        <v>380</v>
      </c>
      <c r="F1742" s="59" t="s">
        <v>449</v>
      </c>
      <c r="G1742" s="59" t="s">
        <v>450</v>
      </c>
      <c r="H1742" s="60">
        <v>222</v>
      </c>
      <c r="I1742" s="60">
        <v>240</v>
      </c>
      <c r="J1742" s="61">
        <v>0</v>
      </c>
      <c r="K1742" s="61">
        <v>452.97</v>
      </c>
    </row>
    <row r="1743" spans="1:11" ht="18.75" customHeight="1" thickBot="1">
      <c r="A1743" s="59" t="s">
        <v>448</v>
      </c>
      <c r="B1743" s="59" t="s">
        <v>28</v>
      </c>
      <c r="C1743" s="59" t="s">
        <v>28</v>
      </c>
      <c r="D1743" s="59" t="s">
        <v>374</v>
      </c>
      <c r="E1743" s="59" t="s">
        <v>380</v>
      </c>
      <c r="F1743" s="59" t="s">
        <v>449</v>
      </c>
      <c r="G1743" s="59" t="s">
        <v>450</v>
      </c>
      <c r="H1743" s="60">
        <v>230</v>
      </c>
      <c r="I1743" s="60">
        <v>94</v>
      </c>
      <c r="J1743" s="61">
        <v>0</v>
      </c>
      <c r="K1743" s="61">
        <v>0.74</v>
      </c>
    </row>
    <row r="1744" spans="1:11" ht="18.75" customHeight="1" thickBot="1">
      <c r="A1744" s="59" t="s">
        <v>448</v>
      </c>
      <c r="B1744" s="59" t="s">
        <v>28</v>
      </c>
      <c r="C1744" s="59" t="s">
        <v>28</v>
      </c>
      <c r="D1744" s="59" t="s">
        <v>374</v>
      </c>
      <c r="E1744" s="59" t="s">
        <v>380</v>
      </c>
      <c r="F1744" s="59" t="s">
        <v>449</v>
      </c>
      <c r="G1744" s="59" t="s">
        <v>450</v>
      </c>
      <c r="H1744" s="60">
        <v>230</v>
      </c>
      <c r="I1744" s="60">
        <v>97</v>
      </c>
      <c r="J1744" s="61">
        <v>0</v>
      </c>
      <c r="K1744" s="61">
        <v>25.24</v>
      </c>
    </row>
    <row r="1745" spans="1:11" ht="18.75" customHeight="1" thickBot="1">
      <c r="A1745" s="59" t="s">
        <v>448</v>
      </c>
      <c r="B1745" s="59" t="s">
        <v>28</v>
      </c>
      <c r="C1745" s="59" t="s">
        <v>28</v>
      </c>
      <c r="D1745" s="59" t="s">
        <v>374</v>
      </c>
      <c r="E1745" s="59" t="s">
        <v>380</v>
      </c>
      <c r="F1745" s="59" t="s">
        <v>449</v>
      </c>
      <c r="G1745" s="59" t="s">
        <v>450</v>
      </c>
      <c r="H1745" s="60">
        <v>230</v>
      </c>
      <c r="I1745" s="60">
        <v>107</v>
      </c>
      <c r="J1745" s="61">
        <v>0</v>
      </c>
      <c r="K1745" s="61">
        <v>1.26</v>
      </c>
    </row>
    <row r="1746" spans="1:11" ht="18.75" customHeight="1" thickBot="1">
      <c r="A1746" s="59" t="s">
        <v>448</v>
      </c>
      <c r="B1746" s="59" t="s">
        <v>28</v>
      </c>
      <c r="C1746" s="59" t="s">
        <v>28</v>
      </c>
      <c r="D1746" s="59" t="s">
        <v>374</v>
      </c>
      <c r="E1746" s="59" t="s">
        <v>380</v>
      </c>
      <c r="F1746" s="59" t="s">
        <v>449</v>
      </c>
      <c r="G1746" s="59" t="s">
        <v>450</v>
      </c>
      <c r="H1746" s="60">
        <v>230</v>
      </c>
      <c r="I1746" s="60">
        <v>113</v>
      </c>
      <c r="J1746" s="61">
        <v>0</v>
      </c>
      <c r="K1746" s="61">
        <v>5.45</v>
      </c>
    </row>
    <row r="1747" spans="1:11" ht="18.75" customHeight="1" thickBot="1">
      <c r="A1747" s="59" t="s">
        <v>448</v>
      </c>
      <c r="B1747" s="59" t="s">
        <v>28</v>
      </c>
      <c r="C1747" s="59" t="s">
        <v>28</v>
      </c>
      <c r="D1747" s="59" t="s">
        <v>374</v>
      </c>
      <c r="E1747" s="59" t="s">
        <v>380</v>
      </c>
      <c r="F1747" s="59" t="s">
        <v>449</v>
      </c>
      <c r="G1747" s="59" t="s">
        <v>450</v>
      </c>
      <c r="H1747" s="60">
        <v>230</v>
      </c>
      <c r="I1747" s="60">
        <v>211</v>
      </c>
      <c r="J1747" s="61">
        <v>0</v>
      </c>
      <c r="K1747" s="61">
        <v>63.17</v>
      </c>
    </row>
    <row r="1748" spans="1:11" ht="18.75" customHeight="1" thickBot="1">
      <c r="A1748" s="59" t="s">
        <v>448</v>
      </c>
      <c r="B1748" s="59" t="s">
        <v>28</v>
      </c>
      <c r="C1748" s="59" t="s">
        <v>28</v>
      </c>
      <c r="D1748" s="59" t="s">
        <v>374</v>
      </c>
      <c r="E1748" s="59" t="s">
        <v>380</v>
      </c>
      <c r="F1748" s="59" t="s">
        <v>449</v>
      </c>
      <c r="G1748" s="59" t="s">
        <v>450</v>
      </c>
      <c r="H1748" s="60">
        <v>230</v>
      </c>
      <c r="I1748" s="60">
        <v>215</v>
      </c>
      <c r="J1748" s="61">
        <v>0</v>
      </c>
      <c r="K1748" s="61">
        <v>175.84</v>
      </c>
    </row>
    <row r="1749" spans="1:11" ht="18.75" customHeight="1" thickBot="1">
      <c r="A1749" s="59" t="s">
        <v>448</v>
      </c>
      <c r="B1749" s="59" t="s">
        <v>28</v>
      </c>
      <c r="C1749" s="59" t="s">
        <v>28</v>
      </c>
      <c r="D1749" s="59" t="s">
        <v>374</v>
      </c>
      <c r="E1749" s="59" t="s">
        <v>380</v>
      </c>
      <c r="F1749" s="59" t="s">
        <v>449</v>
      </c>
      <c r="G1749" s="59" t="s">
        <v>450</v>
      </c>
      <c r="H1749" s="60">
        <v>230</v>
      </c>
      <c r="I1749" s="60">
        <v>220</v>
      </c>
      <c r="J1749" s="61">
        <v>0</v>
      </c>
      <c r="K1749" s="61">
        <v>178.74</v>
      </c>
    </row>
    <row r="1750" spans="1:11" ht="18.75" customHeight="1" thickBot="1">
      <c r="A1750" s="59" t="s">
        <v>448</v>
      </c>
      <c r="B1750" s="59" t="s">
        <v>28</v>
      </c>
      <c r="C1750" s="59" t="s">
        <v>28</v>
      </c>
      <c r="D1750" s="59" t="s">
        <v>374</v>
      </c>
      <c r="E1750" s="59" t="s">
        <v>380</v>
      </c>
      <c r="F1750" s="59" t="s">
        <v>449</v>
      </c>
      <c r="G1750" s="59" t="s">
        <v>450</v>
      </c>
      <c r="H1750" s="60">
        <v>230</v>
      </c>
      <c r="I1750" s="60">
        <v>236</v>
      </c>
      <c r="J1750" s="61">
        <v>0</v>
      </c>
      <c r="K1750" s="61">
        <v>126.01</v>
      </c>
    </row>
    <row r="1751" spans="1:11" ht="18.75" customHeight="1" thickBot="1">
      <c r="A1751" s="59" t="s">
        <v>448</v>
      </c>
      <c r="B1751" s="59" t="s">
        <v>28</v>
      </c>
      <c r="C1751" s="59" t="s">
        <v>28</v>
      </c>
      <c r="D1751" s="59" t="s">
        <v>374</v>
      </c>
      <c r="E1751" s="59" t="s">
        <v>380</v>
      </c>
      <c r="F1751" s="59" t="s">
        <v>449</v>
      </c>
      <c r="G1751" s="59" t="s">
        <v>450</v>
      </c>
      <c r="H1751" s="60">
        <v>230</v>
      </c>
      <c r="I1751" s="60">
        <v>244</v>
      </c>
      <c r="J1751" s="61">
        <v>0</v>
      </c>
      <c r="K1751" s="61">
        <v>10083.82</v>
      </c>
    </row>
    <row r="1752" spans="1:11" ht="18.75" customHeight="1" thickBot="1">
      <c r="A1752" s="59" t="s">
        <v>448</v>
      </c>
      <c r="B1752" s="59" t="s">
        <v>28</v>
      </c>
      <c r="C1752" s="59" t="s">
        <v>28</v>
      </c>
      <c r="D1752" s="59" t="s">
        <v>374</v>
      </c>
      <c r="E1752" s="59" t="s">
        <v>380</v>
      </c>
      <c r="F1752" s="59" t="s">
        <v>449</v>
      </c>
      <c r="G1752" s="59" t="s">
        <v>450</v>
      </c>
      <c r="H1752" s="60">
        <v>230</v>
      </c>
      <c r="I1752" s="60">
        <v>248</v>
      </c>
      <c r="J1752" s="61">
        <v>0</v>
      </c>
      <c r="K1752" s="61">
        <v>1448.35</v>
      </c>
    </row>
    <row r="1753" spans="1:11" ht="18.75" customHeight="1" thickBot="1">
      <c r="A1753" s="59" t="s">
        <v>448</v>
      </c>
      <c r="B1753" s="59" t="s">
        <v>28</v>
      </c>
      <c r="C1753" s="59" t="s">
        <v>28</v>
      </c>
      <c r="D1753" s="59" t="s">
        <v>374</v>
      </c>
      <c r="E1753" s="59" t="s">
        <v>380</v>
      </c>
      <c r="F1753" s="59" t="s">
        <v>449</v>
      </c>
      <c r="G1753" s="59" t="s">
        <v>450</v>
      </c>
      <c r="H1753" s="60">
        <v>230</v>
      </c>
      <c r="I1753" s="60">
        <v>257</v>
      </c>
      <c r="J1753" s="61">
        <v>0</v>
      </c>
      <c r="K1753" s="61">
        <v>525.48</v>
      </c>
    </row>
    <row r="1754" spans="1:11" ht="18.75" customHeight="1" thickBot="1">
      <c r="A1754" s="59" t="s">
        <v>448</v>
      </c>
      <c r="B1754" s="59" t="s">
        <v>28</v>
      </c>
      <c r="C1754" s="59" t="s">
        <v>28</v>
      </c>
      <c r="D1754" s="59" t="s">
        <v>374</v>
      </c>
      <c r="E1754" s="59" t="s">
        <v>380</v>
      </c>
      <c r="F1754" s="59" t="s">
        <v>449</v>
      </c>
      <c r="G1754" s="59" t="s">
        <v>450</v>
      </c>
      <c r="H1754" s="60">
        <v>230</v>
      </c>
      <c r="I1754" s="60">
        <v>330</v>
      </c>
      <c r="J1754" s="61">
        <v>0</v>
      </c>
      <c r="K1754" s="61">
        <v>13108.96</v>
      </c>
    </row>
    <row r="1755" spans="1:11" ht="18.75" customHeight="1" thickBot="1">
      <c r="A1755" s="59" t="s">
        <v>448</v>
      </c>
      <c r="B1755" s="59" t="s">
        <v>28</v>
      </c>
      <c r="C1755" s="59" t="s">
        <v>28</v>
      </c>
      <c r="D1755" s="59" t="s">
        <v>374</v>
      </c>
      <c r="E1755" s="59" t="s">
        <v>380</v>
      </c>
      <c r="F1755" s="59" t="s">
        <v>449</v>
      </c>
      <c r="G1755" s="59" t="s">
        <v>450</v>
      </c>
      <c r="H1755" s="60">
        <v>230</v>
      </c>
      <c r="I1755" s="60">
        <v>358</v>
      </c>
      <c r="J1755" s="61">
        <v>0</v>
      </c>
      <c r="K1755" s="61">
        <v>3876.24</v>
      </c>
    </row>
    <row r="1756" spans="1:11" ht="18.75" hidden="1" customHeight="1" thickBot="1">
      <c r="A1756" s="59" t="s">
        <v>448</v>
      </c>
      <c r="B1756" s="59" t="s">
        <v>28</v>
      </c>
      <c r="C1756" s="59" t="s">
        <v>28</v>
      </c>
      <c r="D1756" s="59" t="s">
        <v>374</v>
      </c>
      <c r="E1756" s="59" t="s">
        <v>382</v>
      </c>
      <c r="F1756" s="59" t="s">
        <v>449</v>
      </c>
      <c r="G1756" s="59" t="s">
        <v>450</v>
      </c>
      <c r="H1756" s="60">
        <v>211</v>
      </c>
      <c r="I1756" s="60">
        <v>94</v>
      </c>
      <c r="J1756" s="61">
        <v>0</v>
      </c>
      <c r="K1756" s="61">
        <v>-0.76</v>
      </c>
    </row>
    <row r="1757" spans="1:11" ht="18.75" hidden="1" customHeight="1" thickBot="1">
      <c r="A1757" s="59" t="s">
        <v>448</v>
      </c>
      <c r="B1757" s="59" t="s">
        <v>28</v>
      </c>
      <c r="C1757" s="59" t="s">
        <v>28</v>
      </c>
      <c r="D1757" s="59" t="s">
        <v>374</v>
      </c>
      <c r="E1757" s="59" t="s">
        <v>382</v>
      </c>
      <c r="F1757" s="59" t="s">
        <v>449</v>
      </c>
      <c r="G1757" s="59" t="s">
        <v>450</v>
      </c>
      <c r="H1757" s="60">
        <v>211</v>
      </c>
      <c r="I1757" s="60">
        <v>109</v>
      </c>
      <c r="J1757" s="61">
        <v>0</v>
      </c>
      <c r="K1757" s="61">
        <v>-1.88</v>
      </c>
    </row>
    <row r="1758" spans="1:11" ht="18.75" hidden="1" customHeight="1" thickBot="1">
      <c r="A1758" s="59" t="s">
        <v>448</v>
      </c>
      <c r="B1758" s="59" t="s">
        <v>28</v>
      </c>
      <c r="C1758" s="59" t="s">
        <v>28</v>
      </c>
      <c r="D1758" s="59" t="s">
        <v>374</v>
      </c>
      <c r="E1758" s="59" t="s">
        <v>382</v>
      </c>
      <c r="F1758" s="59" t="s">
        <v>449</v>
      </c>
      <c r="G1758" s="59" t="s">
        <v>450</v>
      </c>
      <c r="H1758" s="60">
        <v>211</v>
      </c>
      <c r="I1758" s="60">
        <v>211</v>
      </c>
      <c r="J1758" s="61">
        <v>0</v>
      </c>
      <c r="K1758" s="61">
        <v>-144.16</v>
      </c>
    </row>
    <row r="1759" spans="1:11" ht="18.75" hidden="1" customHeight="1" thickBot="1">
      <c r="A1759" s="59" t="s">
        <v>448</v>
      </c>
      <c r="B1759" s="59" t="s">
        <v>28</v>
      </c>
      <c r="C1759" s="59" t="s">
        <v>28</v>
      </c>
      <c r="D1759" s="59" t="s">
        <v>374</v>
      </c>
      <c r="E1759" s="59" t="s">
        <v>382</v>
      </c>
      <c r="F1759" s="59" t="s">
        <v>449</v>
      </c>
      <c r="G1759" s="59" t="s">
        <v>450</v>
      </c>
      <c r="H1759" s="60">
        <v>211</v>
      </c>
      <c r="I1759" s="60">
        <v>215</v>
      </c>
      <c r="J1759" s="61">
        <v>0</v>
      </c>
      <c r="K1759" s="61">
        <v>-324.19</v>
      </c>
    </row>
    <row r="1760" spans="1:11" ht="18.75" hidden="1" customHeight="1" thickBot="1">
      <c r="A1760" s="59" t="s">
        <v>448</v>
      </c>
      <c r="B1760" s="59" t="s">
        <v>28</v>
      </c>
      <c r="C1760" s="59" t="s">
        <v>28</v>
      </c>
      <c r="D1760" s="59" t="s">
        <v>374</v>
      </c>
      <c r="E1760" s="59" t="s">
        <v>382</v>
      </c>
      <c r="F1760" s="59" t="s">
        <v>449</v>
      </c>
      <c r="G1760" s="59" t="s">
        <v>450</v>
      </c>
      <c r="H1760" s="60">
        <v>211</v>
      </c>
      <c r="I1760" s="60">
        <v>229</v>
      </c>
      <c r="J1760" s="61">
        <v>0</v>
      </c>
      <c r="K1760" s="61">
        <v>-24.38</v>
      </c>
    </row>
    <row r="1761" spans="1:11" ht="18.75" hidden="1" customHeight="1" thickBot="1">
      <c r="A1761" s="59" t="s">
        <v>448</v>
      </c>
      <c r="B1761" s="59" t="s">
        <v>28</v>
      </c>
      <c r="C1761" s="59" t="s">
        <v>28</v>
      </c>
      <c r="D1761" s="59" t="s">
        <v>374</v>
      </c>
      <c r="E1761" s="59" t="s">
        <v>382</v>
      </c>
      <c r="F1761" s="59" t="s">
        <v>449</v>
      </c>
      <c r="G1761" s="59" t="s">
        <v>450</v>
      </c>
      <c r="H1761" s="60">
        <v>212</v>
      </c>
      <c r="I1761" s="60">
        <v>211</v>
      </c>
      <c r="J1761" s="61">
        <v>0</v>
      </c>
      <c r="K1761" s="61">
        <v>-44.42</v>
      </c>
    </row>
    <row r="1762" spans="1:11" ht="18.75" hidden="1" customHeight="1" thickBot="1">
      <c r="A1762" s="59" t="s">
        <v>448</v>
      </c>
      <c r="B1762" s="59" t="s">
        <v>28</v>
      </c>
      <c r="C1762" s="59" t="s">
        <v>28</v>
      </c>
      <c r="D1762" s="59" t="s">
        <v>374</v>
      </c>
      <c r="E1762" s="59" t="s">
        <v>382</v>
      </c>
      <c r="F1762" s="59" t="s">
        <v>449</v>
      </c>
      <c r="G1762" s="59" t="s">
        <v>450</v>
      </c>
      <c r="H1762" s="60">
        <v>221</v>
      </c>
      <c r="I1762" s="60">
        <v>211</v>
      </c>
      <c r="J1762" s="61">
        <v>0</v>
      </c>
      <c r="K1762" s="61">
        <v>-20.87</v>
      </c>
    </row>
    <row r="1763" spans="1:11" ht="18.75" hidden="1" customHeight="1" thickBot="1">
      <c r="A1763" s="59" t="s">
        <v>448</v>
      </c>
      <c r="B1763" s="59" t="s">
        <v>28</v>
      </c>
      <c r="C1763" s="59" t="s">
        <v>28</v>
      </c>
      <c r="D1763" s="59" t="s">
        <v>375</v>
      </c>
      <c r="E1763" s="59" t="s">
        <v>378</v>
      </c>
      <c r="F1763" s="59" t="s">
        <v>449</v>
      </c>
      <c r="G1763" s="59" t="s">
        <v>450</v>
      </c>
      <c r="H1763" s="60">
        <v>10</v>
      </c>
      <c r="I1763" s="60">
        <v>113</v>
      </c>
      <c r="J1763" s="61">
        <v>0</v>
      </c>
      <c r="K1763" s="61">
        <v>-11.44</v>
      </c>
    </row>
    <row r="1764" spans="1:11" ht="18.75" hidden="1" customHeight="1" thickBot="1">
      <c r="A1764" s="59" t="s">
        <v>448</v>
      </c>
      <c r="B1764" s="59" t="s">
        <v>28</v>
      </c>
      <c r="C1764" s="59" t="s">
        <v>28</v>
      </c>
      <c r="D1764" s="59" t="s">
        <v>375</v>
      </c>
      <c r="E1764" s="59" t="s">
        <v>378</v>
      </c>
      <c r="F1764" s="59" t="s">
        <v>449</v>
      </c>
      <c r="G1764" s="59" t="s">
        <v>450</v>
      </c>
      <c r="H1764" s="60">
        <v>20</v>
      </c>
      <c r="I1764" s="60">
        <v>22</v>
      </c>
      <c r="J1764" s="61">
        <v>0</v>
      </c>
      <c r="K1764" s="61">
        <v>-11.7</v>
      </c>
    </row>
    <row r="1765" spans="1:11" ht="18.75" hidden="1" customHeight="1" thickBot="1">
      <c r="A1765" s="59" t="s">
        <v>448</v>
      </c>
      <c r="B1765" s="59" t="s">
        <v>28</v>
      </c>
      <c r="C1765" s="59" t="s">
        <v>28</v>
      </c>
      <c r="D1765" s="59" t="s">
        <v>375</v>
      </c>
      <c r="E1765" s="59" t="s">
        <v>378</v>
      </c>
      <c r="F1765" s="59" t="s">
        <v>449</v>
      </c>
      <c r="G1765" s="59" t="s">
        <v>450</v>
      </c>
      <c r="H1765" s="60">
        <v>211</v>
      </c>
      <c r="I1765" s="60">
        <v>93</v>
      </c>
      <c r="J1765" s="61">
        <v>0</v>
      </c>
      <c r="K1765" s="61">
        <v>-1.06</v>
      </c>
    </row>
    <row r="1766" spans="1:11" ht="18.75" hidden="1" customHeight="1" thickBot="1">
      <c r="A1766" s="59" t="s">
        <v>448</v>
      </c>
      <c r="B1766" s="59" t="s">
        <v>28</v>
      </c>
      <c r="C1766" s="59" t="s">
        <v>28</v>
      </c>
      <c r="D1766" s="59" t="s">
        <v>375</v>
      </c>
      <c r="E1766" s="59" t="s">
        <v>378</v>
      </c>
      <c r="F1766" s="59" t="s">
        <v>449</v>
      </c>
      <c r="G1766" s="59" t="s">
        <v>450</v>
      </c>
      <c r="H1766" s="60">
        <v>211</v>
      </c>
      <c r="I1766" s="60">
        <v>94</v>
      </c>
      <c r="J1766" s="61">
        <v>0</v>
      </c>
      <c r="K1766" s="61">
        <v>-8.19</v>
      </c>
    </row>
    <row r="1767" spans="1:11" ht="18.75" hidden="1" customHeight="1" thickBot="1">
      <c r="A1767" s="59" t="s">
        <v>448</v>
      </c>
      <c r="B1767" s="59" t="s">
        <v>28</v>
      </c>
      <c r="C1767" s="59" t="s">
        <v>28</v>
      </c>
      <c r="D1767" s="59" t="s">
        <v>375</v>
      </c>
      <c r="E1767" s="59" t="s">
        <v>378</v>
      </c>
      <c r="F1767" s="59" t="s">
        <v>449</v>
      </c>
      <c r="G1767" s="59" t="s">
        <v>450</v>
      </c>
      <c r="H1767" s="60">
        <v>211</v>
      </c>
      <c r="I1767" s="60">
        <v>97</v>
      </c>
      <c r="J1767" s="61">
        <v>0</v>
      </c>
      <c r="K1767" s="61">
        <v>-22.71</v>
      </c>
    </row>
    <row r="1768" spans="1:11" ht="18.75" hidden="1" customHeight="1" thickBot="1">
      <c r="A1768" s="59" t="s">
        <v>448</v>
      </c>
      <c r="B1768" s="59" t="s">
        <v>28</v>
      </c>
      <c r="C1768" s="59" t="s">
        <v>28</v>
      </c>
      <c r="D1768" s="59" t="s">
        <v>375</v>
      </c>
      <c r="E1768" s="59" t="s">
        <v>378</v>
      </c>
      <c r="F1768" s="59" t="s">
        <v>449</v>
      </c>
      <c r="G1768" s="59" t="s">
        <v>450</v>
      </c>
      <c r="H1768" s="60">
        <v>211</v>
      </c>
      <c r="I1768" s="60">
        <v>98</v>
      </c>
      <c r="J1768" s="61">
        <v>0</v>
      </c>
      <c r="K1768" s="61">
        <v>-9.91</v>
      </c>
    </row>
    <row r="1769" spans="1:11" ht="18.75" hidden="1" customHeight="1" thickBot="1">
      <c r="A1769" s="59" t="s">
        <v>448</v>
      </c>
      <c r="B1769" s="59" t="s">
        <v>28</v>
      </c>
      <c r="C1769" s="59" t="s">
        <v>28</v>
      </c>
      <c r="D1769" s="59" t="s">
        <v>375</v>
      </c>
      <c r="E1769" s="59" t="s">
        <v>378</v>
      </c>
      <c r="F1769" s="59" t="s">
        <v>449</v>
      </c>
      <c r="G1769" s="59" t="s">
        <v>450</v>
      </c>
      <c r="H1769" s="60">
        <v>211</v>
      </c>
      <c r="I1769" s="60">
        <v>107</v>
      </c>
      <c r="J1769" s="61">
        <v>0</v>
      </c>
      <c r="K1769" s="61">
        <v>-18.13</v>
      </c>
    </row>
    <row r="1770" spans="1:11" ht="18.75" hidden="1" customHeight="1" thickBot="1">
      <c r="A1770" s="59" t="s">
        <v>448</v>
      </c>
      <c r="B1770" s="59" t="s">
        <v>28</v>
      </c>
      <c r="C1770" s="59" t="s">
        <v>28</v>
      </c>
      <c r="D1770" s="59" t="s">
        <v>375</v>
      </c>
      <c r="E1770" s="59" t="s">
        <v>378</v>
      </c>
      <c r="F1770" s="59" t="s">
        <v>449</v>
      </c>
      <c r="G1770" s="59" t="s">
        <v>450</v>
      </c>
      <c r="H1770" s="60">
        <v>211</v>
      </c>
      <c r="I1770" s="60">
        <v>109</v>
      </c>
      <c r="J1770" s="61">
        <v>0</v>
      </c>
      <c r="K1770" s="61">
        <v>-176.85</v>
      </c>
    </row>
    <row r="1771" spans="1:11" ht="18.75" hidden="1" customHeight="1" thickBot="1">
      <c r="A1771" s="59" t="s">
        <v>448</v>
      </c>
      <c r="B1771" s="59" t="s">
        <v>28</v>
      </c>
      <c r="C1771" s="59" t="s">
        <v>28</v>
      </c>
      <c r="D1771" s="59" t="s">
        <v>375</v>
      </c>
      <c r="E1771" s="59" t="s">
        <v>378</v>
      </c>
      <c r="F1771" s="59" t="s">
        <v>449</v>
      </c>
      <c r="G1771" s="59" t="s">
        <v>450</v>
      </c>
      <c r="H1771" s="60">
        <v>211</v>
      </c>
      <c r="I1771" s="60">
        <v>111</v>
      </c>
      <c r="J1771" s="61">
        <v>0</v>
      </c>
      <c r="K1771" s="61">
        <v>-26.52</v>
      </c>
    </row>
    <row r="1772" spans="1:11" ht="18.75" hidden="1" customHeight="1" thickBot="1">
      <c r="A1772" s="59" t="s">
        <v>448</v>
      </c>
      <c r="B1772" s="59" t="s">
        <v>28</v>
      </c>
      <c r="C1772" s="59" t="s">
        <v>28</v>
      </c>
      <c r="D1772" s="59" t="s">
        <v>375</v>
      </c>
      <c r="E1772" s="59" t="s">
        <v>378</v>
      </c>
      <c r="F1772" s="59" t="s">
        <v>449</v>
      </c>
      <c r="G1772" s="59" t="s">
        <v>450</v>
      </c>
      <c r="H1772" s="60">
        <v>211</v>
      </c>
      <c r="I1772" s="60">
        <v>113</v>
      </c>
      <c r="J1772" s="61">
        <v>0</v>
      </c>
      <c r="K1772" s="61">
        <v>-26.02</v>
      </c>
    </row>
    <row r="1773" spans="1:11" ht="18.75" hidden="1" customHeight="1" thickBot="1">
      <c r="A1773" s="59" t="s">
        <v>448</v>
      </c>
      <c r="B1773" s="59" t="s">
        <v>28</v>
      </c>
      <c r="C1773" s="59" t="s">
        <v>28</v>
      </c>
      <c r="D1773" s="59" t="s">
        <v>375</v>
      </c>
      <c r="E1773" s="59" t="s">
        <v>378</v>
      </c>
      <c r="F1773" s="59" t="s">
        <v>449</v>
      </c>
      <c r="G1773" s="59" t="s">
        <v>450</v>
      </c>
      <c r="H1773" s="60">
        <v>211</v>
      </c>
      <c r="I1773" s="60">
        <v>116</v>
      </c>
      <c r="J1773" s="61">
        <v>0</v>
      </c>
      <c r="K1773" s="61">
        <v>-4.18</v>
      </c>
    </row>
    <row r="1774" spans="1:11" ht="18.75" hidden="1" customHeight="1" thickBot="1">
      <c r="A1774" s="59" t="s">
        <v>448</v>
      </c>
      <c r="B1774" s="59" t="s">
        <v>28</v>
      </c>
      <c r="C1774" s="59" t="s">
        <v>28</v>
      </c>
      <c r="D1774" s="59" t="s">
        <v>375</v>
      </c>
      <c r="E1774" s="59" t="s">
        <v>378</v>
      </c>
      <c r="F1774" s="59" t="s">
        <v>449</v>
      </c>
      <c r="G1774" s="59" t="s">
        <v>450</v>
      </c>
      <c r="H1774" s="60">
        <v>211</v>
      </c>
      <c r="I1774" s="60">
        <v>150</v>
      </c>
      <c r="J1774" s="61">
        <v>0</v>
      </c>
      <c r="K1774" s="61">
        <v>-6.51</v>
      </c>
    </row>
    <row r="1775" spans="1:11" ht="18.75" hidden="1" customHeight="1" thickBot="1">
      <c r="A1775" s="59" t="s">
        <v>448</v>
      </c>
      <c r="B1775" s="59" t="s">
        <v>28</v>
      </c>
      <c r="C1775" s="59" t="s">
        <v>28</v>
      </c>
      <c r="D1775" s="59" t="s">
        <v>375</v>
      </c>
      <c r="E1775" s="59" t="s">
        <v>378</v>
      </c>
      <c r="F1775" s="59" t="s">
        <v>449</v>
      </c>
      <c r="G1775" s="59" t="s">
        <v>450</v>
      </c>
      <c r="H1775" s="60">
        <v>211</v>
      </c>
      <c r="I1775" s="60">
        <v>166</v>
      </c>
      <c r="J1775" s="61">
        <v>0</v>
      </c>
      <c r="K1775" s="61">
        <v>-9.8699999999999992</v>
      </c>
    </row>
    <row r="1776" spans="1:11" ht="18.75" hidden="1" customHeight="1" thickBot="1">
      <c r="A1776" s="59" t="s">
        <v>448</v>
      </c>
      <c r="B1776" s="59" t="s">
        <v>28</v>
      </c>
      <c r="C1776" s="59" t="s">
        <v>28</v>
      </c>
      <c r="D1776" s="59" t="s">
        <v>375</v>
      </c>
      <c r="E1776" s="59" t="s">
        <v>378</v>
      </c>
      <c r="F1776" s="59" t="s">
        <v>449</v>
      </c>
      <c r="G1776" s="59" t="s">
        <v>450</v>
      </c>
      <c r="H1776" s="60">
        <v>211</v>
      </c>
      <c r="I1776" s="60">
        <v>211</v>
      </c>
      <c r="J1776" s="61">
        <v>0</v>
      </c>
      <c r="K1776" s="61">
        <v>-3347.56</v>
      </c>
    </row>
    <row r="1777" spans="1:11" ht="18.75" hidden="1" customHeight="1" thickBot="1">
      <c r="A1777" s="59" t="s">
        <v>448</v>
      </c>
      <c r="B1777" s="59" t="s">
        <v>28</v>
      </c>
      <c r="C1777" s="59" t="s">
        <v>28</v>
      </c>
      <c r="D1777" s="59" t="s">
        <v>375</v>
      </c>
      <c r="E1777" s="59" t="s">
        <v>378</v>
      </c>
      <c r="F1777" s="59" t="s">
        <v>449</v>
      </c>
      <c r="G1777" s="59" t="s">
        <v>450</v>
      </c>
      <c r="H1777" s="60">
        <v>211</v>
      </c>
      <c r="I1777" s="60">
        <v>213</v>
      </c>
      <c r="J1777" s="61">
        <v>0</v>
      </c>
      <c r="K1777" s="61">
        <v>-21.7</v>
      </c>
    </row>
    <row r="1778" spans="1:11" ht="18.75" hidden="1" customHeight="1" thickBot="1">
      <c r="A1778" s="59" t="s">
        <v>448</v>
      </c>
      <c r="B1778" s="59" t="s">
        <v>28</v>
      </c>
      <c r="C1778" s="59" t="s">
        <v>28</v>
      </c>
      <c r="D1778" s="59" t="s">
        <v>375</v>
      </c>
      <c r="E1778" s="59" t="s">
        <v>378</v>
      </c>
      <c r="F1778" s="59" t="s">
        <v>449</v>
      </c>
      <c r="G1778" s="59" t="s">
        <v>450</v>
      </c>
      <c r="H1778" s="60">
        <v>211</v>
      </c>
      <c r="I1778" s="60">
        <v>214</v>
      </c>
      <c r="J1778" s="61">
        <v>0</v>
      </c>
      <c r="K1778" s="61">
        <v>-2.3199999999999998</v>
      </c>
    </row>
    <row r="1779" spans="1:11" ht="18.75" hidden="1" customHeight="1" thickBot="1">
      <c r="A1779" s="59" t="s">
        <v>448</v>
      </c>
      <c r="B1779" s="59" t="s">
        <v>28</v>
      </c>
      <c r="C1779" s="59" t="s">
        <v>28</v>
      </c>
      <c r="D1779" s="59" t="s">
        <v>375</v>
      </c>
      <c r="E1779" s="59" t="s">
        <v>378</v>
      </c>
      <c r="F1779" s="59" t="s">
        <v>449</v>
      </c>
      <c r="G1779" s="59" t="s">
        <v>450</v>
      </c>
      <c r="H1779" s="60">
        <v>211</v>
      </c>
      <c r="I1779" s="60">
        <v>215</v>
      </c>
      <c r="J1779" s="61">
        <v>0</v>
      </c>
      <c r="K1779" s="61">
        <v>-5033.95</v>
      </c>
    </row>
    <row r="1780" spans="1:11" ht="18.75" hidden="1" customHeight="1" thickBot="1">
      <c r="A1780" s="59" t="s">
        <v>448</v>
      </c>
      <c r="B1780" s="59" t="s">
        <v>28</v>
      </c>
      <c r="C1780" s="59" t="s">
        <v>28</v>
      </c>
      <c r="D1780" s="59" t="s">
        <v>375</v>
      </c>
      <c r="E1780" s="59" t="s">
        <v>378</v>
      </c>
      <c r="F1780" s="59" t="s">
        <v>449</v>
      </c>
      <c r="G1780" s="59" t="s">
        <v>450</v>
      </c>
      <c r="H1780" s="60">
        <v>211</v>
      </c>
      <c r="I1780" s="60">
        <v>223</v>
      </c>
      <c r="J1780" s="61">
        <v>0</v>
      </c>
      <c r="K1780" s="61">
        <v>-15.91</v>
      </c>
    </row>
    <row r="1781" spans="1:11" ht="18.75" hidden="1" customHeight="1" thickBot="1">
      <c r="A1781" s="59" t="s">
        <v>448</v>
      </c>
      <c r="B1781" s="59" t="s">
        <v>28</v>
      </c>
      <c r="C1781" s="59" t="s">
        <v>28</v>
      </c>
      <c r="D1781" s="59" t="s">
        <v>375</v>
      </c>
      <c r="E1781" s="59" t="s">
        <v>378</v>
      </c>
      <c r="F1781" s="59" t="s">
        <v>449</v>
      </c>
      <c r="G1781" s="59" t="s">
        <v>450</v>
      </c>
      <c r="H1781" s="60">
        <v>211</v>
      </c>
      <c r="I1781" s="60">
        <v>229</v>
      </c>
      <c r="J1781" s="61">
        <v>0</v>
      </c>
      <c r="K1781" s="61">
        <v>-28.37</v>
      </c>
    </row>
    <row r="1782" spans="1:11" ht="18.75" hidden="1" customHeight="1" thickBot="1">
      <c r="A1782" s="59" t="s">
        <v>448</v>
      </c>
      <c r="B1782" s="59" t="s">
        <v>28</v>
      </c>
      <c r="C1782" s="59" t="s">
        <v>28</v>
      </c>
      <c r="D1782" s="59" t="s">
        <v>375</v>
      </c>
      <c r="E1782" s="59" t="s">
        <v>378</v>
      </c>
      <c r="F1782" s="59" t="s">
        <v>449</v>
      </c>
      <c r="G1782" s="59" t="s">
        <v>450</v>
      </c>
      <c r="H1782" s="60">
        <v>211</v>
      </c>
      <c r="I1782" s="60">
        <v>240</v>
      </c>
      <c r="J1782" s="61">
        <v>0</v>
      </c>
      <c r="K1782" s="61">
        <v>-2524.0500000000002</v>
      </c>
    </row>
    <row r="1783" spans="1:11" ht="18.75" hidden="1" customHeight="1" thickBot="1">
      <c r="A1783" s="59" t="s">
        <v>448</v>
      </c>
      <c r="B1783" s="59" t="s">
        <v>28</v>
      </c>
      <c r="C1783" s="59" t="s">
        <v>28</v>
      </c>
      <c r="D1783" s="59" t="s">
        <v>375</v>
      </c>
      <c r="E1783" s="59" t="s">
        <v>378</v>
      </c>
      <c r="F1783" s="59" t="s">
        <v>449</v>
      </c>
      <c r="G1783" s="59" t="s">
        <v>450</v>
      </c>
      <c r="H1783" s="60">
        <v>211</v>
      </c>
      <c r="I1783" s="60">
        <v>359</v>
      </c>
      <c r="J1783" s="61">
        <v>0</v>
      </c>
      <c r="K1783" s="61">
        <v>-15855.85</v>
      </c>
    </row>
    <row r="1784" spans="1:11" ht="18.75" hidden="1" customHeight="1" thickBot="1">
      <c r="A1784" s="59" t="s">
        <v>448</v>
      </c>
      <c r="B1784" s="59" t="s">
        <v>28</v>
      </c>
      <c r="C1784" s="59" t="s">
        <v>28</v>
      </c>
      <c r="D1784" s="59" t="s">
        <v>375</v>
      </c>
      <c r="E1784" s="59" t="s">
        <v>378</v>
      </c>
      <c r="F1784" s="59" t="s">
        <v>449</v>
      </c>
      <c r="G1784" s="59" t="s">
        <v>450</v>
      </c>
      <c r="H1784" s="60">
        <v>212</v>
      </c>
      <c r="I1784" s="60">
        <v>94</v>
      </c>
      <c r="J1784" s="61">
        <v>0</v>
      </c>
      <c r="K1784" s="61">
        <v>-3.22</v>
      </c>
    </row>
    <row r="1785" spans="1:11" ht="18.75" hidden="1" customHeight="1" thickBot="1">
      <c r="A1785" s="59" t="s">
        <v>448</v>
      </c>
      <c r="B1785" s="59" t="s">
        <v>28</v>
      </c>
      <c r="C1785" s="59" t="s">
        <v>28</v>
      </c>
      <c r="D1785" s="59" t="s">
        <v>375</v>
      </c>
      <c r="E1785" s="59" t="s">
        <v>378</v>
      </c>
      <c r="F1785" s="59" t="s">
        <v>449</v>
      </c>
      <c r="G1785" s="59" t="s">
        <v>450</v>
      </c>
      <c r="H1785" s="60">
        <v>212</v>
      </c>
      <c r="I1785" s="60">
        <v>97</v>
      </c>
      <c r="J1785" s="61">
        <v>0</v>
      </c>
      <c r="K1785" s="61">
        <v>-1.17</v>
      </c>
    </row>
    <row r="1786" spans="1:11" ht="18.75" hidden="1" customHeight="1" thickBot="1">
      <c r="A1786" s="59" t="s">
        <v>448</v>
      </c>
      <c r="B1786" s="59" t="s">
        <v>28</v>
      </c>
      <c r="C1786" s="59" t="s">
        <v>28</v>
      </c>
      <c r="D1786" s="59" t="s">
        <v>375</v>
      </c>
      <c r="E1786" s="59" t="s">
        <v>378</v>
      </c>
      <c r="F1786" s="59" t="s">
        <v>449</v>
      </c>
      <c r="G1786" s="59" t="s">
        <v>450</v>
      </c>
      <c r="H1786" s="60">
        <v>212</v>
      </c>
      <c r="I1786" s="60">
        <v>109</v>
      </c>
      <c r="J1786" s="61">
        <v>0</v>
      </c>
      <c r="K1786" s="61">
        <v>-67.5</v>
      </c>
    </row>
    <row r="1787" spans="1:11" ht="18.75" hidden="1" customHeight="1" thickBot="1">
      <c r="A1787" s="59" t="s">
        <v>448</v>
      </c>
      <c r="B1787" s="59" t="s">
        <v>28</v>
      </c>
      <c r="C1787" s="59" t="s">
        <v>28</v>
      </c>
      <c r="D1787" s="59" t="s">
        <v>375</v>
      </c>
      <c r="E1787" s="59" t="s">
        <v>378</v>
      </c>
      <c r="F1787" s="59" t="s">
        <v>449</v>
      </c>
      <c r="G1787" s="59" t="s">
        <v>450</v>
      </c>
      <c r="H1787" s="60">
        <v>212</v>
      </c>
      <c r="I1787" s="60">
        <v>113</v>
      </c>
      <c r="J1787" s="61">
        <v>0</v>
      </c>
      <c r="K1787" s="61">
        <v>-3.83</v>
      </c>
    </row>
    <row r="1788" spans="1:11" ht="18.75" hidden="1" customHeight="1" thickBot="1">
      <c r="A1788" s="59" t="s">
        <v>448</v>
      </c>
      <c r="B1788" s="59" t="s">
        <v>28</v>
      </c>
      <c r="C1788" s="59" t="s">
        <v>28</v>
      </c>
      <c r="D1788" s="59" t="s">
        <v>375</v>
      </c>
      <c r="E1788" s="59" t="s">
        <v>378</v>
      </c>
      <c r="F1788" s="59" t="s">
        <v>449</v>
      </c>
      <c r="G1788" s="59" t="s">
        <v>450</v>
      </c>
      <c r="H1788" s="60">
        <v>212</v>
      </c>
      <c r="I1788" s="60">
        <v>116</v>
      </c>
      <c r="J1788" s="61">
        <v>0</v>
      </c>
      <c r="K1788" s="61">
        <v>-2.1</v>
      </c>
    </row>
    <row r="1789" spans="1:11" ht="18.75" hidden="1" customHeight="1" thickBot="1">
      <c r="A1789" s="59" t="s">
        <v>448</v>
      </c>
      <c r="B1789" s="59" t="s">
        <v>28</v>
      </c>
      <c r="C1789" s="59" t="s">
        <v>28</v>
      </c>
      <c r="D1789" s="59" t="s">
        <v>375</v>
      </c>
      <c r="E1789" s="59" t="s">
        <v>378</v>
      </c>
      <c r="F1789" s="59" t="s">
        <v>449</v>
      </c>
      <c r="G1789" s="59" t="s">
        <v>450</v>
      </c>
      <c r="H1789" s="60">
        <v>212</v>
      </c>
      <c r="I1789" s="60">
        <v>211</v>
      </c>
      <c r="J1789" s="61">
        <v>0</v>
      </c>
      <c r="K1789" s="61">
        <v>-592.57000000000005</v>
      </c>
    </row>
    <row r="1790" spans="1:11" ht="18.75" hidden="1" customHeight="1" thickBot="1">
      <c r="A1790" s="59" t="s">
        <v>448</v>
      </c>
      <c r="B1790" s="59" t="s">
        <v>28</v>
      </c>
      <c r="C1790" s="59" t="s">
        <v>28</v>
      </c>
      <c r="D1790" s="59" t="s">
        <v>375</v>
      </c>
      <c r="E1790" s="59" t="s">
        <v>378</v>
      </c>
      <c r="F1790" s="59" t="s">
        <v>449</v>
      </c>
      <c r="G1790" s="59" t="s">
        <v>450</v>
      </c>
      <c r="H1790" s="60">
        <v>212</v>
      </c>
      <c r="I1790" s="60">
        <v>215</v>
      </c>
      <c r="J1790" s="61">
        <v>0</v>
      </c>
      <c r="K1790" s="61">
        <v>-4306.3</v>
      </c>
    </row>
    <row r="1791" spans="1:11" ht="18.75" hidden="1" customHeight="1" thickBot="1">
      <c r="A1791" s="59" t="s">
        <v>448</v>
      </c>
      <c r="B1791" s="59" t="s">
        <v>28</v>
      </c>
      <c r="C1791" s="59" t="s">
        <v>28</v>
      </c>
      <c r="D1791" s="59" t="s">
        <v>375</v>
      </c>
      <c r="E1791" s="59" t="s">
        <v>378</v>
      </c>
      <c r="F1791" s="59" t="s">
        <v>449</v>
      </c>
      <c r="G1791" s="59" t="s">
        <v>450</v>
      </c>
      <c r="H1791" s="60">
        <v>212</v>
      </c>
      <c r="I1791" s="60">
        <v>229</v>
      </c>
      <c r="J1791" s="61">
        <v>0</v>
      </c>
      <c r="K1791" s="61">
        <v>-95.72</v>
      </c>
    </row>
    <row r="1792" spans="1:11" ht="18.75" hidden="1" customHeight="1" thickBot="1">
      <c r="A1792" s="59" t="s">
        <v>448</v>
      </c>
      <c r="B1792" s="59" t="s">
        <v>28</v>
      </c>
      <c r="C1792" s="59" t="s">
        <v>28</v>
      </c>
      <c r="D1792" s="59" t="s">
        <v>375</v>
      </c>
      <c r="E1792" s="59" t="s">
        <v>378</v>
      </c>
      <c r="F1792" s="59" t="s">
        <v>449</v>
      </c>
      <c r="G1792" s="59" t="s">
        <v>450</v>
      </c>
      <c r="H1792" s="60">
        <v>212</v>
      </c>
      <c r="I1792" s="60">
        <v>240</v>
      </c>
      <c r="J1792" s="61">
        <v>0</v>
      </c>
      <c r="K1792" s="61">
        <v>-697.1</v>
      </c>
    </row>
    <row r="1793" spans="1:11" ht="18.75" hidden="1" customHeight="1" thickBot="1">
      <c r="A1793" s="59" t="s">
        <v>448</v>
      </c>
      <c r="B1793" s="59" t="s">
        <v>28</v>
      </c>
      <c r="C1793" s="59" t="s">
        <v>28</v>
      </c>
      <c r="D1793" s="59" t="s">
        <v>375</v>
      </c>
      <c r="E1793" s="59" t="s">
        <v>378</v>
      </c>
      <c r="F1793" s="59" t="s">
        <v>449</v>
      </c>
      <c r="G1793" s="59" t="s">
        <v>450</v>
      </c>
      <c r="H1793" s="60">
        <v>216</v>
      </c>
      <c r="I1793" s="60">
        <v>211</v>
      </c>
      <c r="J1793" s="61">
        <v>0</v>
      </c>
      <c r="K1793" s="61">
        <v>-144.72</v>
      </c>
    </row>
    <row r="1794" spans="1:11" ht="18.75" hidden="1" customHeight="1" thickBot="1">
      <c r="A1794" s="59" t="s">
        <v>448</v>
      </c>
      <c r="B1794" s="59" t="s">
        <v>28</v>
      </c>
      <c r="C1794" s="59" t="s">
        <v>28</v>
      </c>
      <c r="D1794" s="59" t="s">
        <v>375</v>
      </c>
      <c r="E1794" s="59" t="s">
        <v>378</v>
      </c>
      <c r="F1794" s="59" t="s">
        <v>449</v>
      </c>
      <c r="G1794" s="59" t="s">
        <v>450</v>
      </c>
      <c r="H1794" s="60">
        <v>221</v>
      </c>
      <c r="I1794" s="60">
        <v>93</v>
      </c>
      <c r="J1794" s="61">
        <v>0</v>
      </c>
      <c r="K1794" s="61">
        <v>-8.8800000000000008</v>
      </c>
    </row>
    <row r="1795" spans="1:11" ht="18.75" hidden="1" customHeight="1" thickBot="1">
      <c r="A1795" s="59" t="s">
        <v>448</v>
      </c>
      <c r="B1795" s="59" t="s">
        <v>28</v>
      </c>
      <c r="C1795" s="59" t="s">
        <v>28</v>
      </c>
      <c r="D1795" s="59" t="s">
        <v>375</v>
      </c>
      <c r="E1795" s="59" t="s">
        <v>378</v>
      </c>
      <c r="F1795" s="59" t="s">
        <v>449</v>
      </c>
      <c r="G1795" s="59" t="s">
        <v>450</v>
      </c>
      <c r="H1795" s="60">
        <v>221</v>
      </c>
      <c r="I1795" s="60">
        <v>97</v>
      </c>
      <c r="J1795" s="61">
        <v>0</v>
      </c>
      <c r="K1795" s="61">
        <v>-1.1599999999999999</v>
      </c>
    </row>
    <row r="1796" spans="1:11" ht="18.75" hidden="1" customHeight="1" thickBot="1">
      <c r="A1796" s="59" t="s">
        <v>448</v>
      </c>
      <c r="B1796" s="59" t="s">
        <v>28</v>
      </c>
      <c r="C1796" s="59" t="s">
        <v>28</v>
      </c>
      <c r="D1796" s="59" t="s">
        <v>375</v>
      </c>
      <c r="E1796" s="59" t="s">
        <v>378</v>
      </c>
      <c r="F1796" s="59" t="s">
        <v>449</v>
      </c>
      <c r="G1796" s="59" t="s">
        <v>450</v>
      </c>
      <c r="H1796" s="60">
        <v>221</v>
      </c>
      <c r="I1796" s="60">
        <v>109</v>
      </c>
      <c r="J1796" s="61">
        <v>0</v>
      </c>
      <c r="K1796" s="61">
        <v>-8.27</v>
      </c>
    </row>
    <row r="1797" spans="1:11" ht="18.75" hidden="1" customHeight="1" thickBot="1">
      <c r="A1797" s="59" t="s">
        <v>448</v>
      </c>
      <c r="B1797" s="59" t="s">
        <v>28</v>
      </c>
      <c r="C1797" s="59" t="s">
        <v>28</v>
      </c>
      <c r="D1797" s="59" t="s">
        <v>375</v>
      </c>
      <c r="E1797" s="59" t="s">
        <v>378</v>
      </c>
      <c r="F1797" s="59" t="s">
        <v>449</v>
      </c>
      <c r="G1797" s="59" t="s">
        <v>450</v>
      </c>
      <c r="H1797" s="60">
        <v>221</v>
      </c>
      <c r="I1797" s="60">
        <v>113</v>
      </c>
      <c r="J1797" s="61">
        <v>0</v>
      </c>
      <c r="K1797" s="61">
        <v>-0.89</v>
      </c>
    </row>
    <row r="1798" spans="1:11" ht="18.75" hidden="1" customHeight="1" thickBot="1">
      <c r="A1798" s="59" t="s">
        <v>448</v>
      </c>
      <c r="B1798" s="59" t="s">
        <v>28</v>
      </c>
      <c r="C1798" s="59" t="s">
        <v>28</v>
      </c>
      <c r="D1798" s="59" t="s">
        <v>375</v>
      </c>
      <c r="E1798" s="59" t="s">
        <v>378</v>
      </c>
      <c r="F1798" s="59" t="s">
        <v>449</v>
      </c>
      <c r="G1798" s="59" t="s">
        <v>450</v>
      </c>
      <c r="H1798" s="60">
        <v>221</v>
      </c>
      <c r="I1798" s="60">
        <v>211</v>
      </c>
      <c r="J1798" s="61">
        <v>0</v>
      </c>
      <c r="K1798" s="61">
        <v>-266.02</v>
      </c>
    </row>
    <row r="1799" spans="1:11" ht="18.75" hidden="1" customHeight="1" thickBot="1">
      <c r="A1799" s="59" t="s">
        <v>448</v>
      </c>
      <c r="B1799" s="59" t="s">
        <v>28</v>
      </c>
      <c r="C1799" s="59" t="s">
        <v>28</v>
      </c>
      <c r="D1799" s="59" t="s">
        <v>375</v>
      </c>
      <c r="E1799" s="59" t="s">
        <v>378</v>
      </c>
      <c r="F1799" s="59" t="s">
        <v>449</v>
      </c>
      <c r="G1799" s="59" t="s">
        <v>450</v>
      </c>
      <c r="H1799" s="60">
        <v>221</v>
      </c>
      <c r="I1799" s="60">
        <v>215</v>
      </c>
      <c r="J1799" s="61">
        <v>0</v>
      </c>
      <c r="K1799" s="61">
        <v>-1146.47</v>
      </c>
    </row>
    <row r="1800" spans="1:11" ht="18.75" hidden="1" customHeight="1" thickBot="1">
      <c r="A1800" s="59" t="s">
        <v>448</v>
      </c>
      <c r="B1800" s="59" t="s">
        <v>28</v>
      </c>
      <c r="C1800" s="59" t="s">
        <v>28</v>
      </c>
      <c r="D1800" s="59" t="s">
        <v>375</v>
      </c>
      <c r="E1800" s="59" t="s">
        <v>378</v>
      </c>
      <c r="F1800" s="59" t="s">
        <v>449</v>
      </c>
      <c r="G1800" s="59" t="s">
        <v>450</v>
      </c>
      <c r="H1800" s="60">
        <v>221</v>
      </c>
      <c r="I1800" s="60">
        <v>240</v>
      </c>
      <c r="J1800" s="61">
        <v>0</v>
      </c>
      <c r="K1800" s="61">
        <v>-2040.19</v>
      </c>
    </row>
    <row r="1801" spans="1:11" ht="18.75" hidden="1" customHeight="1" thickBot="1">
      <c r="A1801" s="59" t="s">
        <v>448</v>
      </c>
      <c r="B1801" s="59" t="s">
        <v>28</v>
      </c>
      <c r="C1801" s="59" t="s">
        <v>28</v>
      </c>
      <c r="D1801" s="59" t="s">
        <v>375</v>
      </c>
      <c r="E1801" s="59" t="s">
        <v>378</v>
      </c>
      <c r="F1801" s="59" t="s">
        <v>449</v>
      </c>
      <c r="G1801" s="59" t="s">
        <v>450</v>
      </c>
      <c r="H1801" s="60">
        <v>221</v>
      </c>
      <c r="I1801" s="60">
        <v>244</v>
      </c>
      <c r="J1801" s="61">
        <v>0</v>
      </c>
      <c r="K1801" s="61">
        <v>-3076.02</v>
      </c>
    </row>
    <row r="1802" spans="1:11" ht="18.75" hidden="1" customHeight="1" thickBot="1">
      <c r="A1802" s="59" t="s">
        <v>448</v>
      </c>
      <c r="B1802" s="59" t="s">
        <v>28</v>
      </c>
      <c r="C1802" s="59" t="s">
        <v>28</v>
      </c>
      <c r="D1802" s="59" t="s">
        <v>375</v>
      </c>
      <c r="E1802" s="59" t="s">
        <v>378</v>
      </c>
      <c r="F1802" s="59" t="s">
        <v>449</v>
      </c>
      <c r="G1802" s="59" t="s">
        <v>450</v>
      </c>
      <c r="H1802" s="60">
        <v>221</v>
      </c>
      <c r="I1802" s="60">
        <v>358</v>
      </c>
      <c r="J1802" s="61">
        <v>0</v>
      </c>
      <c r="K1802" s="61">
        <v>-2500.92</v>
      </c>
    </row>
    <row r="1803" spans="1:11" ht="18.75" hidden="1" customHeight="1" thickBot="1">
      <c r="A1803" s="59" t="s">
        <v>448</v>
      </c>
      <c r="B1803" s="59" t="s">
        <v>28</v>
      </c>
      <c r="C1803" s="59" t="s">
        <v>28</v>
      </c>
      <c r="D1803" s="59" t="s">
        <v>375</v>
      </c>
      <c r="E1803" s="59" t="s">
        <v>378</v>
      </c>
      <c r="F1803" s="59" t="s">
        <v>449</v>
      </c>
      <c r="G1803" s="59" t="s">
        <v>450</v>
      </c>
      <c r="H1803" s="60">
        <v>222</v>
      </c>
      <c r="I1803" s="60">
        <v>215</v>
      </c>
      <c r="J1803" s="61">
        <v>0</v>
      </c>
      <c r="K1803" s="61">
        <v>-126.54</v>
      </c>
    </row>
    <row r="1804" spans="1:11" ht="18.75" hidden="1" customHeight="1" thickBot="1">
      <c r="A1804" s="59" t="s">
        <v>448</v>
      </c>
      <c r="B1804" s="59" t="s">
        <v>28</v>
      </c>
      <c r="C1804" s="59" t="s">
        <v>28</v>
      </c>
      <c r="D1804" s="59" t="s">
        <v>375</v>
      </c>
      <c r="E1804" s="59" t="s">
        <v>378</v>
      </c>
      <c r="F1804" s="59" t="s">
        <v>449</v>
      </c>
      <c r="G1804" s="59" t="s">
        <v>450</v>
      </c>
      <c r="H1804" s="60">
        <v>222</v>
      </c>
      <c r="I1804" s="60">
        <v>244</v>
      </c>
      <c r="J1804" s="61">
        <v>0</v>
      </c>
      <c r="K1804" s="61">
        <v>-2254.19</v>
      </c>
    </row>
    <row r="1805" spans="1:11" ht="18.75" hidden="1" customHeight="1" thickBot="1">
      <c r="A1805" s="59" t="s">
        <v>448</v>
      </c>
      <c r="B1805" s="59" t="s">
        <v>28</v>
      </c>
      <c r="C1805" s="59" t="s">
        <v>28</v>
      </c>
      <c r="D1805" s="59" t="s">
        <v>375</v>
      </c>
      <c r="E1805" s="59" t="s">
        <v>378</v>
      </c>
      <c r="F1805" s="59" t="s">
        <v>449</v>
      </c>
      <c r="G1805" s="59" t="s">
        <v>450</v>
      </c>
      <c r="H1805" s="60">
        <v>230</v>
      </c>
      <c r="I1805" s="60">
        <v>94</v>
      </c>
      <c r="J1805" s="61">
        <v>0</v>
      </c>
      <c r="K1805" s="61">
        <v>-0.76</v>
      </c>
    </row>
    <row r="1806" spans="1:11" ht="18.75" hidden="1" customHeight="1" thickBot="1">
      <c r="A1806" s="59" t="s">
        <v>448</v>
      </c>
      <c r="B1806" s="59" t="s">
        <v>28</v>
      </c>
      <c r="C1806" s="59" t="s">
        <v>28</v>
      </c>
      <c r="D1806" s="59" t="s">
        <v>375</v>
      </c>
      <c r="E1806" s="59" t="s">
        <v>378</v>
      </c>
      <c r="F1806" s="59" t="s">
        <v>449</v>
      </c>
      <c r="G1806" s="59" t="s">
        <v>450</v>
      </c>
      <c r="H1806" s="60">
        <v>230</v>
      </c>
      <c r="I1806" s="60">
        <v>107</v>
      </c>
      <c r="J1806" s="61">
        <v>0</v>
      </c>
      <c r="K1806" s="61">
        <v>-1.29</v>
      </c>
    </row>
    <row r="1807" spans="1:11" ht="18.75" hidden="1" customHeight="1" thickBot="1">
      <c r="A1807" s="59" t="s">
        <v>448</v>
      </c>
      <c r="B1807" s="59" t="s">
        <v>28</v>
      </c>
      <c r="C1807" s="59" t="s">
        <v>28</v>
      </c>
      <c r="D1807" s="59" t="s">
        <v>375</v>
      </c>
      <c r="E1807" s="59" t="s">
        <v>378</v>
      </c>
      <c r="F1807" s="59" t="s">
        <v>449</v>
      </c>
      <c r="G1807" s="59" t="s">
        <v>450</v>
      </c>
      <c r="H1807" s="60">
        <v>230</v>
      </c>
      <c r="I1807" s="60">
        <v>211</v>
      </c>
      <c r="J1807" s="61">
        <v>0</v>
      </c>
      <c r="K1807" s="61">
        <v>-94.42</v>
      </c>
    </row>
    <row r="1808" spans="1:11" ht="18.75" hidden="1" customHeight="1" thickBot="1">
      <c r="A1808" s="59" t="s">
        <v>448</v>
      </c>
      <c r="B1808" s="59" t="s">
        <v>28</v>
      </c>
      <c r="C1808" s="59" t="s">
        <v>28</v>
      </c>
      <c r="D1808" s="59" t="s">
        <v>375</v>
      </c>
      <c r="E1808" s="59" t="s">
        <v>378</v>
      </c>
      <c r="F1808" s="59" t="s">
        <v>449</v>
      </c>
      <c r="G1808" s="59" t="s">
        <v>450</v>
      </c>
      <c r="H1808" s="60">
        <v>230</v>
      </c>
      <c r="I1808" s="60">
        <v>215</v>
      </c>
      <c r="J1808" s="61">
        <v>0</v>
      </c>
      <c r="K1808" s="61">
        <v>-69.819999999999993</v>
      </c>
    </row>
    <row r="1809" spans="1:11" ht="18.75" hidden="1" customHeight="1" thickBot="1">
      <c r="A1809" s="59" t="s">
        <v>448</v>
      </c>
      <c r="B1809" s="59" t="s">
        <v>28</v>
      </c>
      <c r="C1809" s="59" t="s">
        <v>28</v>
      </c>
      <c r="D1809" s="59" t="s">
        <v>375</v>
      </c>
      <c r="E1809" s="59" t="s">
        <v>378</v>
      </c>
      <c r="F1809" s="59" t="s">
        <v>449</v>
      </c>
      <c r="G1809" s="59" t="s">
        <v>450</v>
      </c>
      <c r="H1809" s="60">
        <v>230</v>
      </c>
      <c r="I1809" s="60">
        <v>220</v>
      </c>
      <c r="J1809" s="61">
        <v>0</v>
      </c>
      <c r="K1809" s="61">
        <v>-40.89</v>
      </c>
    </row>
    <row r="1810" spans="1:11" ht="18.75" hidden="1" customHeight="1" thickBot="1">
      <c r="A1810" s="59" t="s">
        <v>448</v>
      </c>
      <c r="B1810" s="59" t="s">
        <v>28</v>
      </c>
      <c r="C1810" s="59" t="s">
        <v>28</v>
      </c>
      <c r="D1810" s="59" t="s">
        <v>375</v>
      </c>
      <c r="E1810" s="59" t="s">
        <v>378</v>
      </c>
      <c r="F1810" s="59" t="s">
        <v>449</v>
      </c>
      <c r="G1810" s="59" t="s">
        <v>450</v>
      </c>
      <c r="H1810" s="60">
        <v>230</v>
      </c>
      <c r="I1810" s="60">
        <v>236</v>
      </c>
      <c r="J1810" s="61">
        <v>0</v>
      </c>
      <c r="K1810" s="61">
        <v>-10.02</v>
      </c>
    </row>
    <row r="1811" spans="1:11" ht="18.75" hidden="1" customHeight="1" thickBot="1">
      <c r="A1811" s="59" t="s">
        <v>448</v>
      </c>
      <c r="B1811" s="59" t="s">
        <v>28</v>
      </c>
      <c r="C1811" s="59" t="s">
        <v>28</v>
      </c>
      <c r="D1811" s="59" t="s">
        <v>375</v>
      </c>
      <c r="E1811" s="59" t="s">
        <v>378</v>
      </c>
      <c r="F1811" s="59" t="s">
        <v>449</v>
      </c>
      <c r="G1811" s="59" t="s">
        <v>450</v>
      </c>
      <c r="H1811" s="60">
        <v>230</v>
      </c>
      <c r="I1811" s="60">
        <v>244</v>
      </c>
      <c r="J1811" s="61">
        <v>0</v>
      </c>
      <c r="K1811" s="61">
        <v>-998.36</v>
      </c>
    </row>
    <row r="1812" spans="1:11" ht="18.75" hidden="1" customHeight="1" thickBot="1">
      <c r="A1812" s="59" t="s">
        <v>448</v>
      </c>
      <c r="B1812" s="59" t="s">
        <v>28</v>
      </c>
      <c r="C1812" s="59" t="s">
        <v>28</v>
      </c>
      <c r="D1812" s="59" t="s">
        <v>375</v>
      </c>
      <c r="E1812" s="59" t="s">
        <v>378</v>
      </c>
      <c r="F1812" s="59" t="s">
        <v>449</v>
      </c>
      <c r="G1812" s="59" t="s">
        <v>450</v>
      </c>
      <c r="H1812" s="60">
        <v>230</v>
      </c>
      <c r="I1812" s="60">
        <v>358</v>
      </c>
      <c r="J1812" s="61">
        <v>0</v>
      </c>
      <c r="K1812" s="61">
        <v>-1602</v>
      </c>
    </row>
    <row r="1813" spans="1:11" ht="18.75" customHeight="1" thickBot="1">
      <c r="A1813" s="59" t="s">
        <v>448</v>
      </c>
      <c r="B1813" s="59" t="s">
        <v>28</v>
      </c>
      <c r="C1813" s="59" t="s">
        <v>28</v>
      </c>
      <c r="D1813" s="59" t="s">
        <v>375</v>
      </c>
      <c r="E1813" s="59" t="s">
        <v>380</v>
      </c>
      <c r="F1813" s="59" t="s">
        <v>449</v>
      </c>
      <c r="G1813" s="59" t="s">
        <v>450</v>
      </c>
      <c r="H1813" s="60">
        <v>0</v>
      </c>
      <c r="I1813" s="60">
        <v>0</v>
      </c>
      <c r="J1813" s="61">
        <v>0</v>
      </c>
      <c r="K1813" s="61">
        <v>1219.75</v>
      </c>
    </row>
    <row r="1814" spans="1:11" ht="18.75" customHeight="1" thickBot="1">
      <c r="A1814" s="59" t="s">
        <v>448</v>
      </c>
      <c r="B1814" s="59" t="s">
        <v>28</v>
      </c>
      <c r="C1814" s="59" t="s">
        <v>28</v>
      </c>
      <c r="D1814" s="59" t="s">
        <v>375</v>
      </c>
      <c r="E1814" s="59" t="s">
        <v>380</v>
      </c>
      <c r="F1814" s="59" t="s">
        <v>449</v>
      </c>
      <c r="G1814" s="59" t="s">
        <v>450</v>
      </c>
      <c r="H1814" s="60">
        <v>20</v>
      </c>
      <c r="I1814" s="60">
        <v>22</v>
      </c>
      <c r="J1814" s="61">
        <v>0</v>
      </c>
      <c r="K1814" s="61">
        <v>8.09</v>
      </c>
    </row>
    <row r="1815" spans="1:11" ht="18.75" customHeight="1" thickBot="1">
      <c r="A1815" s="59" t="s">
        <v>448</v>
      </c>
      <c r="B1815" s="59" t="s">
        <v>28</v>
      </c>
      <c r="C1815" s="59" t="s">
        <v>28</v>
      </c>
      <c r="D1815" s="59" t="s">
        <v>375</v>
      </c>
      <c r="E1815" s="59" t="s">
        <v>380</v>
      </c>
      <c r="F1815" s="59" t="s">
        <v>449</v>
      </c>
      <c r="G1815" s="59" t="s">
        <v>450</v>
      </c>
      <c r="H1815" s="60">
        <v>211</v>
      </c>
      <c r="I1815" s="60">
        <v>93</v>
      </c>
      <c r="J1815" s="61">
        <v>0</v>
      </c>
      <c r="K1815" s="61">
        <v>4.2</v>
      </c>
    </row>
    <row r="1816" spans="1:11" ht="18.75" customHeight="1" thickBot="1">
      <c r="A1816" s="59" t="s">
        <v>448</v>
      </c>
      <c r="B1816" s="59" t="s">
        <v>28</v>
      </c>
      <c r="C1816" s="59" t="s">
        <v>28</v>
      </c>
      <c r="D1816" s="59" t="s">
        <v>375</v>
      </c>
      <c r="E1816" s="59" t="s">
        <v>380</v>
      </c>
      <c r="F1816" s="59" t="s">
        <v>449</v>
      </c>
      <c r="G1816" s="59" t="s">
        <v>450</v>
      </c>
      <c r="H1816" s="60">
        <v>211</v>
      </c>
      <c r="I1816" s="60">
        <v>94</v>
      </c>
      <c r="J1816" s="61">
        <v>0</v>
      </c>
      <c r="K1816" s="61">
        <v>81.819999999999993</v>
      </c>
    </row>
    <row r="1817" spans="1:11" ht="18.75" customHeight="1" thickBot="1">
      <c r="A1817" s="59" t="s">
        <v>448</v>
      </c>
      <c r="B1817" s="59" t="s">
        <v>28</v>
      </c>
      <c r="C1817" s="59" t="s">
        <v>28</v>
      </c>
      <c r="D1817" s="59" t="s">
        <v>375</v>
      </c>
      <c r="E1817" s="59" t="s">
        <v>380</v>
      </c>
      <c r="F1817" s="59" t="s">
        <v>449</v>
      </c>
      <c r="G1817" s="59" t="s">
        <v>450</v>
      </c>
      <c r="H1817" s="60">
        <v>211</v>
      </c>
      <c r="I1817" s="60">
        <v>95</v>
      </c>
      <c r="J1817" s="61">
        <v>0</v>
      </c>
      <c r="K1817" s="61">
        <v>6.23</v>
      </c>
    </row>
    <row r="1818" spans="1:11" ht="18.75" customHeight="1" thickBot="1">
      <c r="A1818" s="59" t="s">
        <v>448</v>
      </c>
      <c r="B1818" s="59" t="s">
        <v>28</v>
      </c>
      <c r="C1818" s="59" t="s">
        <v>28</v>
      </c>
      <c r="D1818" s="59" t="s">
        <v>375</v>
      </c>
      <c r="E1818" s="59" t="s">
        <v>380</v>
      </c>
      <c r="F1818" s="59" t="s">
        <v>449</v>
      </c>
      <c r="G1818" s="59" t="s">
        <v>450</v>
      </c>
      <c r="H1818" s="60">
        <v>211</v>
      </c>
      <c r="I1818" s="60">
        <v>97</v>
      </c>
      <c r="J1818" s="61">
        <v>0</v>
      </c>
      <c r="K1818" s="61">
        <v>33.67</v>
      </c>
    </row>
    <row r="1819" spans="1:11" ht="18.75" customHeight="1" thickBot="1">
      <c r="A1819" s="59" t="s">
        <v>448</v>
      </c>
      <c r="B1819" s="59" t="s">
        <v>28</v>
      </c>
      <c r="C1819" s="59" t="s">
        <v>28</v>
      </c>
      <c r="D1819" s="59" t="s">
        <v>375</v>
      </c>
      <c r="E1819" s="59" t="s">
        <v>380</v>
      </c>
      <c r="F1819" s="59" t="s">
        <v>449</v>
      </c>
      <c r="G1819" s="59" t="s">
        <v>450</v>
      </c>
      <c r="H1819" s="60">
        <v>211</v>
      </c>
      <c r="I1819" s="60">
        <v>98</v>
      </c>
      <c r="J1819" s="61">
        <v>0</v>
      </c>
      <c r="K1819" s="61">
        <v>2.21</v>
      </c>
    </row>
    <row r="1820" spans="1:11" ht="18.75" customHeight="1" thickBot="1">
      <c r="A1820" s="59" t="s">
        <v>448</v>
      </c>
      <c r="B1820" s="59" t="s">
        <v>28</v>
      </c>
      <c r="C1820" s="59" t="s">
        <v>28</v>
      </c>
      <c r="D1820" s="59" t="s">
        <v>375</v>
      </c>
      <c r="E1820" s="59" t="s">
        <v>380</v>
      </c>
      <c r="F1820" s="59" t="s">
        <v>449</v>
      </c>
      <c r="G1820" s="59" t="s">
        <v>450</v>
      </c>
      <c r="H1820" s="60">
        <v>211</v>
      </c>
      <c r="I1820" s="60">
        <v>107</v>
      </c>
      <c r="J1820" s="61">
        <v>0</v>
      </c>
      <c r="K1820" s="61">
        <v>50.97</v>
      </c>
    </row>
    <row r="1821" spans="1:11" ht="18.75" customHeight="1" thickBot="1">
      <c r="A1821" s="59" t="s">
        <v>448</v>
      </c>
      <c r="B1821" s="59" t="s">
        <v>28</v>
      </c>
      <c r="C1821" s="59" t="s">
        <v>28</v>
      </c>
      <c r="D1821" s="59" t="s">
        <v>375</v>
      </c>
      <c r="E1821" s="59" t="s">
        <v>380</v>
      </c>
      <c r="F1821" s="59" t="s">
        <v>449</v>
      </c>
      <c r="G1821" s="59" t="s">
        <v>450</v>
      </c>
      <c r="H1821" s="60">
        <v>211</v>
      </c>
      <c r="I1821" s="60">
        <v>109</v>
      </c>
      <c r="J1821" s="61">
        <v>0</v>
      </c>
      <c r="K1821" s="61">
        <v>270.56</v>
      </c>
    </row>
    <row r="1822" spans="1:11" ht="18.75" customHeight="1" thickBot="1">
      <c r="A1822" s="59" t="s">
        <v>448</v>
      </c>
      <c r="B1822" s="59" t="s">
        <v>28</v>
      </c>
      <c r="C1822" s="59" t="s">
        <v>28</v>
      </c>
      <c r="D1822" s="59" t="s">
        <v>375</v>
      </c>
      <c r="E1822" s="59" t="s">
        <v>380</v>
      </c>
      <c r="F1822" s="59" t="s">
        <v>449</v>
      </c>
      <c r="G1822" s="59" t="s">
        <v>450</v>
      </c>
      <c r="H1822" s="60">
        <v>211</v>
      </c>
      <c r="I1822" s="60">
        <v>110</v>
      </c>
      <c r="J1822" s="61">
        <v>0</v>
      </c>
      <c r="K1822" s="61">
        <v>1.55</v>
      </c>
    </row>
    <row r="1823" spans="1:11" ht="18.75" customHeight="1" thickBot="1">
      <c r="A1823" s="59" t="s">
        <v>448</v>
      </c>
      <c r="B1823" s="59" t="s">
        <v>28</v>
      </c>
      <c r="C1823" s="59" t="s">
        <v>28</v>
      </c>
      <c r="D1823" s="59" t="s">
        <v>375</v>
      </c>
      <c r="E1823" s="59" t="s">
        <v>380</v>
      </c>
      <c r="F1823" s="59" t="s">
        <v>449</v>
      </c>
      <c r="G1823" s="59" t="s">
        <v>450</v>
      </c>
      <c r="H1823" s="60">
        <v>211</v>
      </c>
      <c r="I1823" s="60">
        <v>111</v>
      </c>
      <c r="J1823" s="61">
        <v>0</v>
      </c>
      <c r="K1823" s="61">
        <v>67.09</v>
      </c>
    </row>
    <row r="1824" spans="1:11" ht="18.75" customHeight="1" thickBot="1">
      <c r="A1824" s="59" t="s">
        <v>448</v>
      </c>
      <c r="B1824" s="59" t="s">
        <v>28</v>
      </c>
      <c r="C1824" s="59" t="s">
        <v>28</v>
      </c>
      <c r="D1824" s="59" t="s">
        <v>375</v>
      </c>
      <c r="E1824" s="59" t="s">
        <v>380</v>
      </c>
      <c r="F1824" s="59" t="s">
        <v>449</v>
      </c>
      <c r="G1824" s="59" t="s">
        <v>450</v>
      </c>
      <c r="H1824" s="60">
        <v>211</v>
      </c>
      <c r="I1824" s="60">
        <v>113</v>
      </c>
      <c r="J1824" s="61">
        <v>0</v>
      </c>
      <c r="K1824" s="61">
        <v>98.87</v>
      </c>
    </row>
    <row r="1825" spans="1:11" ht="18.75" customHeight="1" thickBot="1">
      <c r="A1825" s="59" t="s">
        <v>448</v>
      </c>
      <c r="B1825" s="59" t="s">
        <v>28</v>
      </c>
      <c r="C1825" s="59" t="s">
        <v>28</v>
      </c>
      <c r="D1825" s="59" t="s">
        <v>375</v>
      </c>
      <c r="E1825" s="59" t="s">
        <v>380</v>
      </c>
      <c r="F1825" s="59" t="s">
        <v>449</v>
      </c>
      <c r="G1825" s="59" t="s">
        <v>450</v>
      </c>
      <c r="H1825" s="60">
        <v>211</v>
      </c>
      <c r="I1825" s="60">
        <v>116</v>
      </c>
      <c r="J1825" s="61">
        <v>0</v>
      </c>
      <c r="K1825" s="61">
        <v>87.7</v>
      </c>
    </row>
    <row r="1826" spans="1:11" ht="18.75" customHeight="1" thickBot="1">
      <c r="A1826" s="59" t="s">
        <v>448</v>
      </c>
      <c r="B1826" s="59" t="s">
        <v>28</v>
      </c>
      <c r="C1826" s="59" t="s">
        <v>28</v>
      </c>
      <c r="D1826" s="59" t="s">
        <v>375</v>
      </c>
      <c r="E1826" s="59" t="s">
        <v>380</v>
      </c>
      <c r="F1826" s="59" t="s">
        <v>449</v>
      </c>
      <c r="G1826" s="59" t="s">
        <v>450</v>
      </c>
      <c r="H1826" s="60">
        <v>211</v>
      </c>
      <c r="I1826" s="60">
        <v>150</v>
      </c>
      <c r="J1826" s="61">
        <v>0</v>
      </c>
      <c r="K1826" s="61">
        <v>30.82</v>
      </c>
    </row>
    <row r="1827" spans="1:11" ht="18.75" customHeight="1" thickBot="1">
      <c r="A1827" s="59" t="s">
        <v>448</v>
      </c>
      <c r="B1827" s="59" t="s">
        <v>28</v>
      </c>
      <c r="C1827" s="59" t="s">
        <v>28</v>
      </c>
      <c r="D1827" s="59" t="s">
        <v>375</v>
      </c>
      <c r="E1827" s="59" t="s">
        <v>380</v>
      </c>
      <c r="F1827" s="59" t="s">
        <v>449</v>
      </c>
      <c r="G1827" s="59" t="s">
        <v>450</v>
      </c>
      <c r="H1827" s="60">
        <v>211</v>
      </c>
      <c r="I1827" s="60">
        <v>166</v>
      </c>
      <c r="J1827" s="61">
        <v>0</v>
      </c>
      <c r="K1827" s="61">
        <v>9.8699999999999992</v>
      </c>
    </row>
    <row r="1828" spans="1:11" ht="18.75" customHeight="1" thickBot="1">
      <c r="A1828" s="59" t="s">
        <v>448</v>
      </c>
      <c r="B1828" s="59" t="s">
        <v>28</v>
      </c>
      <c r="C1828" s="59" t="s">
        <v>28</v>
      </c>
      <c r="D1828" s="59" t="s">
        <v>375</v>
      </c>
      <c r="E1828" s="59" t="s">
        <v>380</v>
      </c>
      <c r="F1828" s="59" t="s">
        <v>449</v>
      </c>
      <c r="G1828" s="59" t="s">
        <v>450</v>
      </c>
      <c r="H1828" s="60">
        <v>211</v>
      </c>
      <c r="I1828" s="60">
        <v>204</v>
      </c>
      <c r="J1828" s="61">
        <v>0</v>
      </c>
      <c r="K1828" s="61">
        <v>28.93</v>
      </c>
    </row>
    <row r="1829" spans="1:11" ht="18.75" customHeight="1" thickBot="1">
      <c r="A1829" s="59" t="s">
        <v>448</v>
      </c>
      <c r="B1829" s="59" t="s">
        <v>28</v>
      </c>
      <c r="C1829" s="59" t="s">
        <v>28</v>
      </c>
      <c r="D1829" s="59" t="s">
        <v>375</v>
      </c>
      <c r="E1829" s="59" t="s">
        <v>380</v>
      </c>
      <c r="F1829" s="59" t="s">
        <v>449</v>
      </c>
      <c r="G1829" s="59" t="s">
        <v>450</v>
      </c>
      <c r="H1829" s="60">
        <v>211</v>
      </c>
      <c r="I1829" s="60">
        <v>211</v>
      </c>
      <c r="J1829" s="61">
        <v>0</v>
      </c>
      <c r="K1829" s="61">
        <v>24706.26</v>
      </c>
    </row>
    <row r="1830" spans="1:11" ht="18.75" customHeight="1" thickBot="1">
      <c r="A1830" s="59" t="s">
        <v>448</v>
      </c>
      <c r="B1830" s="59" t="s">
        <v>28</v>
      </c>
      <c r="C1830" s="59" t="s">
        <v>28</v>
      </c>
      <c r="D1830" s="59" t="s">
        <v>375</v>
      </c>
      <c r="E1830" s="59" t="s">
        <v>380</v>
      </c>
      <c r="F1830" s="59" t="s">
        <v>449</v>
      </c>
      <c r="G1830" s="59" t="s">
        <v>450</v>
      </c>
      <c r="H1830" s="60">
        <v>211</v>
      </c>
      <c r="I1830" s="60">
        <v>213</v>
      </c>
      <c r="J1830" s="61">
        <v>0</v>
      </c>
      <c r="K1830" s="61">
        <v>80.11</v>
      </c>
    </row>
    <row r="1831" spans="1:11" ht="18.75" customHeight="1" thickBot="1">
      <c r="A1831" s="59" t="s">
        <v>448</v>
      </c>
      <c r="B1831" s="59" t="s">
        <v>28</v>
      </c>
      <c r="C1831" s="59" t="s">
        <v>28</v>
      </c>
      <c r="D1831" s="59" t="s">
        <v>375</v>
      </c>
      <c r="E1831" s="59" t="s">
        <v>380</v>
      </c>
      <c r="F1831" s="59" t="s">
        <v>449</v>
      </c>
      <c r="G1831" s="59" t="s">
        <v>450</v>
      </c>
      <c r="H1831" s="60">
        <v>211</v>
      </c>
      <c r="I1831" s="60">
        <v>215</v>
      </c>
      <c r="J1831" s="61">
        <v>0</v>
      </c>
      <c r="K1831" s="61">
        <v>23141.119999999999</v>
      </c>
    </row>
    <row r="1832" spans="1:11" ht="18.75" customHeight="1" thickBot="1">
      <c r="A1832" s="59" t="s">
        <v>448</v>
      </c>
      <c r="B1832" s="59" t="s">
        <v>28</v>
      </c>
      <c r="C1832" s="59" t="s">
        <v>28</v>
      </c>
      <c r="D1832" s="59" t="s">
        <v>375</v>
      </c>
      <c r="E1832" s="59" t="s">
        <v>380</v>
      </c>
      <c r="F1832" s="59" t="s">
        <v>449</v>
      </c>
      <c r="G1832" s="59" t="s">
        <v>450</v>
      </c>
      <c r="H1832" s="60">
        <v>211</v>
      </c>
      <c r="I1832" s="60">
        <v>223</v>
      </c>
      <c r="J1832" s="61">
        <v>0</v>
      </c>
      <c r="K1832" s="61">
        <v>25.69</v>
      </c>
    </row>
    <row r="1833" spans="1:11" ht="18.75" customHeight="1" thickBot="1">
      <c r="A1833" s="59" t="s">
        <v>448</v>
      </c>
      <c r="B1833" s="59" t="s">
        <v>28</v>
      </c>
      <c r="C1833" s="59" t="s">
        <v>28</v>
      </c>
      <c r="D1833" s="59" t="s">
        <v>375</v>
      </c>
      <c r="E1833" s="59" t="s">
        <v>380</v>
      </c>
      <c r="F1833" s="59" t="s">
        <v>449</v>
      </c>
      <c r="G1833" s="59" t="s">
        <v>450</v>
      </c>
      <c r="H1833" s="60">
        <v>211</v>
      </c>
      <c r="I1833" s="60">
        <v>225</v>
      </c>
      <c r="J1833" s="61">
        <v>0</v>
      </c>
      <c r="K1833" s="61">
        <v>2.25</v>
      </c>
    </row>
    <row r="1834" spans="1:11" ht="18.75" customHeight="1" thickBot="1">
      <c r="A1834" s="59" t="s">
        <v>448</v>
      </c>
      <c r="B1834" s="59" t="s">
        <v>28</v>
      </c>
      <c r="C1834" s="59" t="s">
        <v>28</v>
      </c>
      <c r="D1834" s="59" t="s">
        <v>375</v>
      </c>
      <c r="E1834" s="59" t="s">
        <v>380</v>
      </c>
      <c r="F1834" s="59" t="s">
        <v>449</v>
      </c>
      <c r="G1834" s="59" t="s">
        <v>450</v>
      </c>
      <c r="H1834" s="60">
        <v>211</v>
      </c>
      <c r="I1834" s="60">
        <v>227</v>
      </c>
      <c r="J1834" s="61">
        <v>0</v>
      </c>
      <c r="K1834" s="61">
        <v>52.66</v>
      </c>
    </row>
    <row r="1835" spans="1:11" ht="18.75" customHeight="1" thickBot="1">
      <c r="A1835" s="59" t="s">
        <v>448</v>
      </c>
      <c r="B1835" s="59" t="s">
        <v>28</v>
      </c>
      <c r="C1835" s="59" t="s">
        <v>28</v>
      </c>
      <c r="D1835" s="59" t="s">
        <v>375</v>
      </c>
      <c r="E1835" s="59" t="s">
        <v>380</v>
      </c>
      <c r="F1835" s="59" t="s">
        <v>449</v>
      </c>
      <c r="G1835" s="59" t="s">
        <v>450</v>
      </c>
      <c r="H1835" s="60">
        <v>211</v>
      </c>
      <c r="I1835" s="60">
        <v>229</v>
      </c>
      <c r="J1835" s="61">
        <v>0</v>
      </c>
      <c r="K1835" s="61">
        <v>180.67</v>
      </c>
    </row>
    <row r="1836" spans="1:11" ht="18.75" customHeight="1" thickBot="1">
      <c r="A1836" s="59" t="s">
        <v>448</v>
      </c>
      <c r="B1836" s="59" t="s">
        <v>28</v>
      </c>
      <c r="C1836" s="59" t="s">
        <v>28</v>
      </c>
      <c r="D1836" s="59" t="s">
        <v>375</v>
      </c>
      <c r="E1836" s="59" t="s">
        <v>380</v>
      </c>
      <c r="F1836" s="59" t="s">
        <v>449</v>
      </c>
      <c r="G1836" s="59" t="s">
        <v>450</v>
      </c>
      <c r="H1836" s="60">
        <v>211</v>
      </c>
      <c r="I1836" s="60">
        <v>240</v>
      </c>
      <c r="J1836" s="61">
        <v>0</v>
      </c>
      <c r="K1836" s="61">
        <v>9082.67</v>
      </c>
    </row>
    <row r="1837" spans="1:11" ht="18.75" customHeight="1" thickBot="1">
      <c r="A1837" s="59" t="s">
        <v>448</v>
      </c>
      <c r="B1837" s="59" t="s">
        <v>28</v>
      </c>
      <c r="C1837" s="59" t="s">
        <v>28</v>
      </c>
      <c r="D1837" s="59" t="s">
        <v>375</v>
      </c>
      <c r="E1837" s="59" t="s">
        <v>380</v>
      </c>
      <c r="F1837" s="59" t="s">
        <v>449</v>
      </c>
      <c r="G1837" s="59" t="s">
        <v>450</v>
      </c>
      <c r="H1837" s="60">
        <v>211</v>
      </c>
      <c r="I1837" s="60">
        <v>244</v>
      </c>
      <c r="J1837" s="61">
        <v>0</v>
      </c>
      <c r="K1837" s="61">
        <v>2124.77</v>
      </c>
    </row>
    <row r="1838" spans="1:11" ht="18.75" customHeight="1" thickBot="1">
      <c r="A1838" s="59" t="s">
        <v>448</v>
      </c>
      <c r="B1838" s="59" t="s">
        <v>28</v>
      </c>
      <c r="C1838" s="59" t="s">
        <v>28</v>
      </c>
      <c r="D1838" s="59" t="s">
        <v>375</v>
      </c>
      <c r="E1838" s="59" t="s">
        <v>380</v>
      </c>
      <c r="F1838" s="59" t="s">
        <v>449</v>
      </c>
      <c r="G1838" s="59" t="s">
        <v>450</v>
      </c>
      <c r="H1838" s="60">
        <v>211</v>
      </c>
      <c r="I1838" s="60">
        <v>359</v>
      </c>
      <c r="J1838" s="61">
        <v>0</v>
      </c>
      <c r="K1838" s="61">
        <v>54970.58</v>
      </c>
    </row>
    <row r="1839" spans="1:11" ht="18.75" customHeight="1" thickBot="1">
      <c r="A1839" s="59" t="s">
        <v>448</v>
      </c>
      <c r="B1839" s="59" t="s">
        <v>28</v>
      </c>
      <c r="C1839" s="59" t="s">
        <v>28</v>
      </c>
      <c r="D1839" s="59" t="s">
        <v>375</v>
      </c>
      <c r="E1839" s="59" t="s">
        <v>380</v>
      </c>
      <c r="F1839" s="59" t="s">
        <v>449</v>
      </c>
      <c r="G1839" s="59" t="s">
        <v>450</v>
      </c>
      <c r="H1839" s="60">
        <v>212</v>
      </c>
      <c r="I1839" s="60">
        <v>94</v>
      </c>
      <c r="J1839" s="61">
        <v>0</v>
      </c>
      <c r="K1839" s="61">
        <v>19.39</v>
      </c>
    </row>
    <row r="1840" spans="1:11" ht="18.75" customHeight="1" thickBot="1">
      <c r="A1840" s="59" t="s">
        <v>448</v>
      </c>
      <c r="B1840" s="59" t="s">
        <v>28</v>
      </c>
      <c r="C1840" s="59" t="s">
        <v>28</v>
      </c>
      <c r="D1840" s="59" t="s">
        <v>375</v>
      </c>
      <c r="E1840" s="59" t="s">
        <v>380</v>
      </c>
      <c r="F1840" s="59" t="s">
        <v>449</v>
      </c>
      <c r="G1840" s="59" t="s">
        <v>450</v>
      </c>
      <c r="H1840" s="60">
        <v>212</v>
      </c>
      <c r="I1840" s="60">
        <v>97</v>
      </c>
      <c r="J1840" s="61">
        <v>0</v>
      </c>
      <c r="K1840" s="61">
        <v>7.91</v>
      </c>
    </row>
    <row r="1841" spans="1:11" ht="18.75" customHeight="1" thickBot="1">
      <c r="A1841" s="59" t="s">
        <v>448</v>
      </c>
      <c r="B1841" s="59" t="s">
        <v>28</v>
      </c>
      <c r="C1841" s="59" t="s">
        <v>28</v>
      </c>
      <c r="D1841" s="59" t="s">
        <v>375</v>
      </c>
      <c r="E1841" s="59" t="s">
        <v>380</v>
      </c>
      <c r="F1841" s="59" t="s">
        <v>449</v>
      </c>
      <c r="G1841" s="59" t="s">
        <v>450</v>
      </c>
      <c r="H1841" s="60">
        <v>212</v>
      </c>
      <c r="I1841" s="60">
        <v>107</v>
      </c>
      <c r="J1841" s="61">
        <v>0</v>
      </c>
      <c r="K1841" s="61">
        <v>7.62</v>
      </c>
    </row>
    <row r="1842" spans="1:11" ht="18.75" customHeight="1" thickBot="1">
      <c r="A1842" s="59" t="s">
        <v>448</v>
      </c>
      <c r="B1842" s="59" t="s">
        <v>28</v>
      </c>
      <c r="C1842" s="59" t="s">
        <v>28</v>
      </c>
      <c r="D1842" s="59" t="s">
        <v>375</v>
      </c>
      <c r="E1842" s="59" t="s">
        <v>380</v>
      </c>
      <c r="F1842" s="59" t="s">
        <v>449</v>
      </c>
      <c r="G1842" s="59" t="s">
        <v>450</v>
      </c>
      <c r="H1842" s="60">
        <v>212</v>
      </c>
      <c r="I1842" s="60">
        <v>109</v>
      </c>
      <c r="J1842" s="61">
        <v>0</v>
      </c>
      <c r="K1842" s="61">
        <v>85.53</v>
      </c>
    </row>
    <row r="1843" spans="1:11" ht="18.75" customHeight="1" thickBot="1">
      <c r="A1843" s="59" t="s">
        <v>448</v>
      </c>
      <c r="B1843" s="59" t="s">
        <v>28</v>
      </c>
      <c r="C1843" s="59" t="s">
        <v>28</v>
      </c>
      <c r="D1843" s="59" t="s">
        <v>375</v>
      </c>
      <c r="E1843" s="59" t="s">
        <v>380</v>
      </c>
      <c r="F1843" s="59" t="s">
        <v>449</v>
      </c>
      <c r="G1843" s="59" t="s">
        <v>450</v>
      </c>
      <c r="H1843" s="60">
        <v>212</v>
      </c>
      <c r="I1843" s="60">
        <v>111</v>
      </c>
      <c r="J1843" s="61">
        <v>0</v>
      </c>
      <c r="K1843" s="61">
        <v>0.02</v>
      </c>
    </row>
    <row r="1844" spans="1:11" ht="18.75" customHeight="1" thickBot="1">
      <c r="A1844" s="59" t="s">
        <v>448</v>
      </c>
      <c r="B1844" s="59" t="s">
        <v>28</v>
      </c>
      <c r="C1844" s="59" t="s">
        <v>28</v>
      </c>
      <c r="D1844" s="59" t="s">
        <v>375</v>
      </c>
      <c r="E1844" s="59" t="s">
        <v>380</v>
      </c>
      <c r="F1844" s="59" t="s">
        <v>449</v>
      </c>
      <c r="G1844" s="59" t="s">
        <v>450</v>
      </c>
      <c r="H1844" s="60">
        <v>212</v>
      </c>
      <c r="I1844" s="60">
        <v>113</v>
      </c>
      <c r="J1844" s="61">
        <v>0</v>
      </c>
      <c r="K1844" s="61">
        <v>17.53</v>
      </c>
    </row>
    <row r="1845" spans="1:11" ht="18.75" customHeight="1" thickBot="1">
      <c r="A1845" s="59" t="s">
        <v>448</v>
      </c>
      <c r="B1845" s="59" t="s">
        <v>28</v>
      </c>
      <c r="C1845" s="59" t="s">
        <v>28</v>
      </c>
      <c r="D1845" s="59" t="s">
        <v>375</v>
      </c>
      <c r="E1845" s="59" t="s">
        <v>380</v>
      </c>
      <c r="F1845" s="59" t="s">
        <v>449</v>
      </c>
      <c r="G1845" s="59" t="s">
        <v>450</v>
      </c>
      <c r="H1845" s="60">
        <v>212</v>
      </c>
      <c r="I1845" s="60">
        <v>116</v>
      </c>
      <c r="J1845" s="61">
        <v>0</v>
      </c>
      <c r="K1845" s="61">
        <v>4.17</v>
      </c>
    </row>
    <row r="1846" spans="1:11" ht="18.75" customHeight="1" thickBot="1">
      <c r="A1846" s="59" t="s">
        <v>448</v>
      </c>
      <c r="B1846" s="59" t="s">
        <v>28</v>
      </c>
      <c r="C1846" s="59" t="s">
        <v>28</v>
      </c>
      <c r="D1846" s="59" t="s">
        <v>375</v>
      </c>
      <c r="E1846" s="59" t="s">
        <v>380</v>
      </c>
      <c r="F1846" s="59" t="s">
        <v>449</v>
      </c>
      <c r="G1846" s="59" t="s">
        <v>450</v>
      </c>
      <c r="H1846" s="60">
        <v>212</v>
      </c>
      <c r="I1846" s="60">
        <v>150</v>
      </c>
      <c r="J1846" s="61">
        <v>0</v>
      </c>
      <c r="K1846" s="61">
        <v>2.58</v>
      </c>
    </row>
    <row r="1847" spans="1:11" ht="18.75" customHeight="1" thickBot="1">
      <c r="A1847" s="59" t="s">
        <v>448</v>
      </c>
      <c r="B1847" s="59" t="s">
        <v>28</v>
      </c>
      <c r="C1847" s="59" t="s">
        <v>28</v>
      </c>
      <c r="D1847" s="59" t="s">
        <v>375</v>
      </c>
      <c r="E1847" s="59" t="s">
        <v>380</v>
      </c>
      <c r="F1847" s="59" t="s">
        <v>449</v>
      </c>
      <c r="G1847" s="59" t="s">
        <v>450</v>
      </c>
      <c r="H1847" s="60">
        <v>212</v>
      </c>
      <c r="I1847" s="60">
        <v>211</v>
      </c>
      <c r="J1847" s="61">
        <v>0</v>
      </c>
      <c r="K1847" s="61">
        <v>5428</v>
      </c>
    </row>
    <row r="1848" spans="1:11" ht="18.75" customHeight="1" thickBot="1">
      <c r="A1848" s="59" t="s">
        <v>448</v>
      </c>
      <c r="B1848" s="59" t="s">
        <v>28</v>
      </c>
      <c r="C1848" s="59" t="s">
        <v>28</v>
      </c>
      <c r="D1848" s="59" t="s">
        <v>375</v>
      </c>
      <c r="E1848" s="59" t="s">
        <v>380</v>
      </c>
      <c r="F1848" s="59" t="s">
        <v>449</v>
      </c>
      <c r="G1848" s="59" t="s">
        <v>450</v>
      </c>
      <c r="H1848" s="60">
        <v>212</v>
      </c>
      <c r="I1848" s="60">
        <v>215</v>
      </c>
      <c r="J1848" s="61">
        <v>0</v>
      </c>
      <c r="K1848" s="61">
        <v>19454.25</v>
      </c>
    </row>
    <row r="1849" spans="1:11" ht="18.75" customHeight="1" thickBot="1">
      <c r="A1849" s="59" t="s">
        <v>448</v>
      </c>
      <c r="B1849" s="59" t="s">
        <v>28</v>
      </c>
      <c r="C1849" s="59" t="s">
        <v>28</v>
      </c>
      <c r="D1849" s="59" t="s">
        <v>375</v>
      </c>
      <c r="E1849" s="59" t="s">
        <v>380</v>
      </c>
      <c r="F1849" s="59" t="s">
        <v>449</v>
      </c>
      <c r="G1849" s="59" t="s">
        <v>450</v>
      </c>
      <c r="H1849" s="60">
        <v>212</v>
      </c>
      <c r="I1849" s="60">
        <v>217</v>
      </c>
      <c r="J1849" s="61">
        <v>0</v>
      </c>
      <c r="K1849" s="61">
        <v>125.05</v>
      </c>
    </row>
    <row r="1850" spans="1:11" ht="18.75" customHeight="1" thickBot="1">
      <c r="A1850" s="59" t="s">
        <v>448</v>
      </c>
      <c r="B1850" s="59" t="s">
        <v>28</v>
      </c>
      <c r="C1850" s="59" t="s">
        <v>28</v>
      </c>
      <c r="D1850" s="59" t="s">
        <v>375</v>
      </c>
      <c r="E1850" s="59" t="s">
        <v>380</v>
      </c>
      <c r="F1850" s="59" t="s">
        <v>449</v>
      </c>
      <c r="G1850" s="59" t="s">
        <v>450</v>
      </c>
      <c r="H1850" s="60">
        <v>212</v>
      </c>
      <c r="I1850" s="60">
        <v>223</v>
      </c>
      <c r="J1850" s="61">
        <v>0</v>
      </c>
      <c r="K1850" s="61">
        <v>207.08</v>
      </c>
    </row>
    <row r="1851" spans="1:11" ht="18.75" customHeight="1" thickBot="1">
      <c r="A1851" s="59" t="s">
        <v>448</v>
      </c>
      <c r="B1851" s="59" t="s">
        <v>28</v>
      </c>
      <c r="C1851" s="59" t="s">
        <v>28</v>
      </c>
      <c r="D1851" s="59" t="s">
        <v>375</v>
      </c>
      <c r="E1851" s="59" t="s">
        <v>380</v>
      </c>
      <c r="F1851" s="59" t="s">
        <v>449</v>
      </c>
      <c r="G1851" s="59" t="s">
        <v>450</v>
      </c>
      <c r="H1851" s="60">
        <v>212</v>
      </c>
      <c r="I1851" s="60">
        <v>225</v>
      </c>
      <c r="J1851" s="61">
        <v>0</v>
      </c>
      <c r="K1851" s="61">
        <v>118.02</v>
      </c>
    </row>
    <row r="1852" spans="1:11" ht="18.75" customHeight="1" thickBot="1">
      <c r="A1852" s="59" t="s">
        <v>448</v>
      </c>
      <c r="B1852" s="59" t="s">
        <v>28</v>
      </c>
      <c r="C1852" s="59" t="s">
        <v>28</v>
      </c>
      <c r="D1852" s="59" t="s">
        <v>375</v>
      </c>
      <c r="E1852" s="59" t="s">
        <v>380</v>
      </c>
      <c r="F1852" s="59" t="s">
        <v>449</v>
      </c>
      <c r="G1852" s="59" t="s">
        <v>450</v>
      </c>
      <c r="H1852" s="60">
        <v>212</v>
      </c>
      <c r="I1852" s="60">
        <v>227</v>
      </c>
      <c r="J1852" s="61">
        <v>0</v>
      </c>
      <c r="K1852" s="61">
        <v>52.02</v>
      </c>
    </row>
    <row r="1853" spans="1:11" ht="18.75" customHeight="1" thickBot="1">
      <c r="A1853" s="59" t="s">
        <v>448</v>
      </c>
      <c r="B1853" s="59" t="s">
        <v>28</v>
      </c>
      <c r="C1853" s="59" t="s">
        <v>28</v>
      </c>
      <c r="D1853" s="59" t="s">
        <v>375</v>
      </c>
      <c r="E1853" s="59" t="s">
        <v>380</v>
      </c>
      <c r="F1853" s="59" t="s">
        <v>449</v>
      </c>
      <c r="G1853" s="59" t="s">
        <v>450</v>
      </c>
      <c r="H1853" s="60">
        <v>212</v>
      </c>
      <c r="I1853" s="60">
        <v>229</v>
      </c>
      <c r="J1853" s="61">
        <v>0</v>
      </c>
      <c r="K1853" s="61">
        <v>304.32</v>
      </c>
    </row>
    <row r="1854" spans="1:11" ht="18.75" customHeight="1" thickBot="1">
      <c r="A1854" s="59" t="s">
        <v>448</v>
      </c>
      <c r="B1854" s="59" t="s">
        <v>28</v>
      </c>
      <c r="C1854" s="59" t="s">
        <v>28</v>
      </c>
      <c r="D1854" s="59" t="s">
        <v>375</v>
      </c>
      <c r="E1854" s="59" t="s">
        <v>380</v>
      </c>
      <c r="F1854" s="59" t="s">
        <v>449</v>
      </c>
      <c r="G1854" s="59" t="s">
        <v>450</v>
      </c>
      <c r="H1854" s="60">
        <v>212</v>
      </c>
      <c r="I1854" s="60">
        <v>240</v>
      </c>
      <c r="J1854" s="61">
        <v>0</v>
      </c>
      <c r="K1854" s="61">
        <v>4407.29</v>
      </c>
    </row>
    <row r="1855" spans="1:11" ht="18.75" customHeight="1" thickBot="1">
      <c r="A1855" s="59" t="s">
        <v>448</v>
      </c>
      <c r="B1855" s="59" t="s">
        <v>28</v>
      </c>
      <c r="C1855" s="59" t="s">
        <v>28</v>
      </c>
      <c r="D1855" s="59" t="s">
        <v>375</v>
      </c>
      <c r="E1855" s="59" t="s">
        <v>380</v>
      </c>
      <c r="F1855" s="59" t="s">
        <v>449</v>
      </c>
      <c r="G1855" s="59" t="s">
        <v>450</v>
      </c>
      <c r="H1855" s="60">
        <v>212</v>
      </c>
      <c r="I1855" s="60">
        <v>244</v>
      </c>
      <c r="J1855" s="61">
        <v>0</v>
      </c>
      <c r="K1855" s="61">
        <v>3518.69</v>
      </c>
    </row>
    <row r="1856" spans="1:11" ht="18.75" customHeight="1" thickBot="1">
      <c r="A1856" s="59" t="s">
        <v>448</v>
      </c>
      <c r="B1856" s="59" t="s">
        <v>28</v>
      </c>
      <c r="C1856" s="59" t="s">
        <v>28</v>
      </c>
      <c r="D1856" s="59" t="s">
        <v>375</v>
      </c>
      <c r="E1856" s="59" t="s">
        <v>380</v>
      </c>
      <c r="F1856" s="59" t="s">
        <v>449</v>
      </c>
      <c r="G1856" s="59" t="s">
        <v>450</v>
      </c>
      <c r="H1856" s="60">
        <v>212</v>
      </c>
      <c r="I1856" s="60">
        <v>251</v>
      </c>
      <c r="J1856" s="61">
        <v>0</v>
      </c>
      <c r="K1856" s="61">
        <v>453.88</v>
      </c>
    </row>
    <row r="1857" spans="1:11" ht="18.75" customHeight="1" thickBot="1">
      <c r="A1857" s="59" t="s">
        <v>448</v>
      </c>
      <c r="B1857" s="59" t="s">
        <v>28</v>
      </c>
      <c r="C1857" s="59" t="s">
        <v>28</v>
      </c>
      <c r="D1857" s="59" t="s">
        <v>375</v>
      </c>
      <c r="E1857" s="59" t="s">
        <v>380</v>
      </c>
      <c r="F1857" s="59" t="s">
        <v>449</v>
      </c>
      <c r="G1857" s="59" t="s">
        <v>450</v>
      </c>
      <c r="H1857" s="60">
        <v>216</v>
      </c>
      <c r="I1857" s="60">
        <v>93</v>
      </c>
      <c r="J1857" s="61">
        <v>0</v>
      </c>
      <c r="K1857" s="61">
        <v>1.7</v>
      </c>
    </row>
    <row r="1858" spans="1:11" ht="18.75" customHeight="1" thickBot="1">
      <c r="A1858" s="59" t="s">
        <v>448</v>
      </c>
      <c r="B1858" s="59" t="s">
        <v>28</v>
      </c>
      <c r="C1858" s="59" t="s">
        <v>28</v>
      </c>
      <c r="D1858" s="59" t="s">
        <v>375</v>
      </c>
      <c r="E1858" s="59" t="s">
        <v>380</v>
      </c>
      <c r="F1858" s="59" t="s">
        <v>449</v>
      </c>
      <c r="G1858" s="59" t="s">
        <v>450</v>
      </c>
      <c r="H1858" s="60">
        <v>216</v>
      </c>
      <c r="I1858" s="60">
        <v>97</v>
      </c>
      <c r="J1858" s="61">
        <v>0</v>
      </c>
      <c r="K1858" s="61">
        <v>87.75</v>
      </c>
    </row>
    <row r="1859" spans="1:11" ht="18.75" customHeight="1" thickBot="1">
      <c r="A1859" s="59" t="s">
        <v>448</v>
      </c>
      <c r="B1859" s="59" t="s">
        <v>28</v>
      </c>
      <c r="C1859" s="59" t="s">
        <v>28</v>
      </c>
      <c r="D1859" s="59" t="s">
        <v>375</v>
      </c>
      <c r="E1859" s="59" t="s">
        <v>380</v>
      </c>
      <c r="F1859" s="59" t="s">
        <v>449</v>
      </c>
      <c r="G1859" s="59" t="s">
        <v>450</v>
      </c>
      <c r="H1859" s="60">
        <v>216</v>
      </c>
      <c r="I1859" s="60">
        <v>107</v>
      </c>
      <c r="J1859" s="61">
        <v>0</v>
      </c>
      <c r="K1859" s="61">
        <v>4.0199999999999996</v>
      </c>
    </row>
    <row r="1860" spans="1:11" ht="18.75" customHeight="1" thickBot="1">
      <c r="A1860" s="59" t="s">
        <v>448</v>
      </c>
      <c r="B1860" s="59" t="s">
        <v>28</v>
      </c>
      <c r="C1860" s="59" t="s">
        <v>28</v>
      </c>
      <c r="D1860" s="59" t="s">
        <v>375</v>
      </c>
      <c r="E1860" s="59" t="s">
        <v>380</v>
      </c>
      <c r="F1860" s="59" t="s">
        <v>449</v>
      </c>
      <c r="G1860" s="59" t="s">
        <v>450</v>
      </c>
      <c r="H1860" s="60">
        <v>216</v>
      </c>
      <c r="I1860" s="60">
        <v>109</v>
      </c>
      <c r="J1860" s="61">
        <v>0</v>
      </c>
      <c r="K1860" s="61">
        <v>85.9</v>
      </c>
    </row>
    <row r="1861" spans="1:11" ht="18.75" customHeight="1" thickBot="1">
      <c r="A1861" s="59" t="s">
        <v>448</v>
      </c>
      <c r="B1861" s="59" t="s">
        <v>28</v>
      </c>
      <c r="C1861" s="59" t="s">
        <v>28</v>
      </c>
      <c r="D1861" s="59" t="s">
        <v>375</v>
      </c>
      <c r="E1861" s="59" t="s">
        <v>380</v>
      </c>
      <c r="F1861" s="59" t="s">
        <v>449</v>
      </c>
      <c r="G1861" s="59" t="s">
        <v>450</v>
      </c>
      <c r="H1861" s="60">
        <v>216</v>
      </c>
      <c r="I1861" s="60">
        <v>113</v>
      </c>
      <c r="J1861" s="61">
        <v>0</v>
      </c>
      <c r="K1861" s="61">
        <v>7.78</v>
      </c>
    </row>
    <row r="1862" spans="1:11" ht="18.75" customHeight="1" thickBot="1">
      <c r="A1862" s="59" t="s">
        <v>448</v>
      </c>
      <c r="B1862" s="59" t="s">
        <v>28</v>
      </c>
      <c r="C1862" s="59" t="s">
        <v>28</v>
      </c>
      <c r="D1862" s="59" t="s">
        <v>375</v>
      </c>
      <c r="E1862" s="59" t="s">
        <v>380</v>
      </c>
      <c r="F1862" s="59" t="s">
        <v>449</v>
      </c>
      <c r="G1862" s="59" t="s">
        <v>450</v>
      </c>
      <c r="H1862" s="60">
        <v>216</v>
      </c>
      <c r="I1862" s="60">
        <v>211</v>
      </c>
      <c r="J1862" s="61">
        <v>0</v>
      </c>
      <c r="K1862" s="61">
        <v>491.28</v>
      </c>
    </row>
    <row r="1863" spans="1:11" ht="18.75" customHeight="1" thickBot="1">
      <c r="A1863" s="59" t="s">
        <v>448</v>
      </c>
      <c r="B1863" s="59" t="s">
        <v>28</v>
      </c>
      <c r="C1863" s="59" t="s">
        <v>28</v>
      </c>
      <c r="D1863" s="59" t="s">
        <v>375</v>
      </c>
      <c r="E1863" s="59" t="s">
        <v>380</v>
      </c>
      <c r="F1863" s="59" t="s">
        <v>449</v>
      </c>
      <c r="G1863" s="59" t="s">
        <v>450</v>
      </c>
      <c r="H1863" s="60">
        <v>216</v>
      </c>
      <c r="I1863" s="60">
        <v>215</v>
      </c>
      <c r="J1863" s="61">
        <v>0</v>
      </c>
      <c r="K1863" s="61">
        <v>675.74</v>
      </c>
    </row>
    <row r="1864" spans="1:11" ht="18.75" customHeight="1" thickBot="1">
      <c r="A1864" s="59" t="s">
        <v>448</v>
      </c>
      <c r="B1864" s="59" t="s">
        <v>28</v>
      </c>
      <c r="C1864" s="59" t="s">
        <v>28</v>
      </c>
      <c r="D1864" s="59" t="s">
        <v>375</v>
      </c>
      <c r="E1864" s="59" t="s">
        <v>380</v>
      </c>
      <c r="F1864" s="59" t="s">
        <v>449</v>
      </c>
      <c r="G1864" s="59" t="s">
        <v>450</v>
      </c>
      <c r="H1864" s="60">
        <v>221</v>
      </c>
      <c r="I1864" s="60">
        <v>93</v>
      </c>
      <c r="J1864" s="61">
        <v>0</v>
      </c>
      <c r="K1864" s="61">
        <v>1.02</v>
      </c>
    </row>
    <row r="1865" spans="1:11" ht="18.75" customHeight="1" thickBot="1">
      <c r="A1865" s="59" t="s">
        <v>448</v>
      </c>
      <c r="B1865" s="59" t="s">
        <v>28</v>
      </c>
      <c r="C1865" s="59" t="s">
        <v>28</v>
      </c>
      <c r="D1865" s="59" t="s">
        <v>375</v>
      </c>
      <c r="E1865" s="59" t="s">
        <v>380</v>
      </c>
      <c r="F1865" s="59" t="s">
        <v>449</v>
      </c>
      <c r="G1865" s="59" t="s">
        <v>450</v>
      </c>
      <c r="H1865" s="60">
        <v>221</v>
      </c>
      <c r="I1865" s="60">
        <v>94</v>
      </c>
      <c r="J1865" s="61">
        <v>0</v>
      </c>
      <c r="K1865" s="61">
        <v>3.64</v>
      </c>
    </row>
    <row r="1866" spans="1:11" ht="18.75" customHeight="1" thickBot="1">
      <c r="A1866" s="59" t="s">
        <v>448</v>
      </c>
      <c r="B1866" s="59" t="s">
        <v>28</v>
      </c>
      <c r="C1866" s="59" t="s">
        <v>28</v>
      </c>
      <c r="D1866" s="59" t="s">
        <v>375</v>
      </c>
      <c r="E1866" s="59" t="s">
        <v>380</v>
      </c>
      <c r="F1866" s="59" t="s">
        <v>449</v>
      </c>
      <c r="G1866" s="59" t="s">
        <v>450</v>
      </c>
      <c r="H1866" s="60">
        <v>221</v>
      </c>
      <c r="I1866" s="60">
        <v>97</v>
      </c>
      <c r="J1866" s="61">
        <v>0</v>
      </c>
      <c r="K1866" s="61">
        <v>1.1599999999999999</v>
      </c>
    </row>
    <row r="1867" spans="1:11" ht="18.75" customHeight="1" thickBot="1">
      <c r="A1867" s="59" t="s">
        <v>448</v>
      </c>
      <c r="B1867" s="59" t="s">
        <v>28</v>
      </c>
      <c r="C1867" s="59" t="s">
        <v>28</v>
      </c>
      <c r="D1867" s="59" t="s">
        <v>375</v>
      </c>
      <c r="E1867" s="59" t="s">
        <v>380</v>
      </c>
      <c r="F1867" s="59" t="s">
        <v>449</v>
      </c>
      <c r="G1867" s="59" t="s">
        <v>450</v>
      </c>
      <c r="H1867" s="60">
        <v>221</v>
      </c>
      <c r="I1867" s="60">
        <v>107</v>
      </c>
      <c r="J1867" s="61">
        <v>0</v>
      </c>
      <c r="K1867" s="61">
        <v>3.34</v>
      </c>
    </row>
    <row r="1868" spans="1:11" ht="18.75" customHeight="1" thickBot="1">
      <c r="A1868" s="59" t="s">
        <v>448</v>
      </c>
      <c r="B1868" s="59" t="s">
        <v>28</v>
      </c>
      <c r="C1868" s="59" t="s">
        <v>28</v>
      </c>
      <c r="D1868" s="59" t="s">
        <v>375</v>
      </c>
      <c r="E1868" s="59" t="s">
        <v>380</v>
      </c>
      <c r="F1868" s="59" t="s">
        <v>449</v>
      </c>
      <c r="G1868" s="59" t="s">
        <v>450</v>
      </c>
      <c r="H1868" s="60">
        <v>221</v>
      </c>
      <c r="I1868" s="60">
        <v>109</v>
      </c>
      <c r="J1868" s="61">
        <v>0</v>
      </c>
      <c r="K1868" s="61">
        <v>8.27</v>
      </c>
    </row>
    <row r="1869" spans="1:11" ht="18.75" customHeight="1" thickBot="1">
      <c r="A1869" s="59" t="s">
        <v>448</v>
      </c>
      <c r="B1869" s="59" t="s">
        <v>28</v>
      </c>
      <c r="C1869" s="59" t="s">
        <v>28</v>
      </c>
      <c r="D1869" s="59" t="s">
        <v>375</v>
      </c>
      <c r="E1869" s="59" t="s">
        <v>380</v>
      </c>
      <c r="F1869" s="59" t="s">
        <v>449</v>
      </c>
      <c r="G1869" s="59" t="s">
        <v>450</v>
      </c>
      <c r="H1869" s="60">
        <v>221</v>
      </c>
      <c r="I1869" s="60">
        <v>150</v>
      </c>
      <c r="J1869" s="61">
        <v>0</v>
      </c>
      <c r="K1869" s="61">
        <v>0.53</v>
      </c>
    </row>
    <row r="1870" spans="1:11" ht="18.75" customHeight="1" thickBot="1">
      <c r="A1870" s="59" t="s">
        <v>448</v>
      </c>
      <c r="B1870" s="59" t="s">
        <v>28</v>
      </c>
      <c r="C1870" s="59" t="s">
        <v>28</v>
      </c>
      <c r="D1870" s="59" t="s">
        <v>375</v>
      </c>
      <c r="E1870" s="59" t="s">
        <v>380</v>
      </c>
      <c r="F1870" s="59" t="s">
        <v>449</v>
      </c>
      <c r="G1870" s="59" t="s">
        <v>450</v>
      </c>
      <c r="H1870" s="60">
        <v>221</v>
      </c>
      <c r="I1870" s="60">
        <v>204</v>
      </c>
      <c r="J1870" s="61">
        <v>0</v>
      </c>
      <c r="K1870" s="61">
        <v>9.99</v>
      </c>
    </row>
    <row r="1871" spans="1:11" ht="18.75" customHeight="1" thickBot="1">
      <c r="A1871" s="59" t="s">
        <v>448</v>
      </c>
      <c r="B1871" s="59" t="s">
        <v>28</v>
      </c>
      <c r="C1871" s="59" t="s">
        <v>28</v>
      </c>
      <c r="D1871" s="59" t="s">
        <v>375</v>
      </c>
      <c r="E1871" s="59" t="s">
        <v>380</v>
      </c>
      <c r="F1871" s="59" t="s">
        <v>449</v>
      </c>
      <c r="G1871" s="59" t="s">
        <v>450</v>
      </c>
      <c r="H1871" s="60">
        <v>221</v>
      </c>
      <c r="I1871" s="60">
        <v>211</v>
      </c>
      <c r="J1871" s="61">
        <v>0</v>
      </c>
      <c r="K1871" s="61">
        <v>1067.6300000000001</v>
      </c>
    </row>
    <row r="1872" spans="1:11" ht="18.75" customHeight="1" thickBot="1">
      <c r="A1872" s="59" t="s">
        <v>448</v>
      </c>
      <c r="B1872" s="59" t="s">
        <v>28</v>
      </c>
      <c r="C1872" s="59" t="s">
        <v>28</v>
      </c>
      <c r="D1872" s="59" t="s">
        <v>375</v>
      </c>
      <c r="E1872" s="59" t="s">
        <v>380</v>
      </c>
      <c r="F1872" s="59" t="s">
        <v>449</v>
      </c>
      <c r="G1872" s="59" t="s">
        <v>450</v>
      </c>
      <c r="H1872" s="60">
        <v>221</v>
      </c>
      <c r="I1872" s="60">
        <v>215</v>
      </c>
      <c r="J1872" s="61">
        <v>0</v>
      </c>
      <c r="K1872" s="61">
        <v>2362.37</v>
      </c>
    </row>
    <row r="1873" spans="1:11" ht="18.75" customHeight="1" thickBot="1">
      <c r="A1873" s="59" t="s">
        <v>448</v>
      </c>
      <c r="B1873" s="59" t="s">
        <v>28</v>
      </c>
      <c r="C1873" s="59" t="s">
        <v>28</v>
      </c>
      <c r="D1873" s="59" t="s">
        <v>375</v>
      </c>
      <c r="E1873" s="59" t="s">
        <v>380</v>
      </c>
      <c r="F1873" s="59" t="s">
        <v>449</v>
      </c>
      <c r="G1873" s="59" t="s">
        <v>450</v>
      </c>
      <c r="H1873" s="60">
        <v>221</v>
      </c>
      <c r="I1873" s="60">
        <v>217</v>
      </c>
      <c r="J1873" s="61">
        <v>0</v>
      </c>
      <c r="K1873" s="61">
        <v>81.790000000000006</v>
      </c>
    </row>
    <row r="1874" spans="1:11" ht="18.75" customHeight="1" thickBot="1">
      <c r="A1874" s="59" t="s">
        <v>448</v>
      </c>
      <c r="B1874" s="59" t="s">
        <v>28</v>
      </c>
      <c r="C1874" s="59" t="s">
        <v>28</v>
      </c>
      <c r="D1874" s="59" t="s">
        <v>375</v>
      </c>
      <c r="E1874" s="59" t="s">
        <v>380</v>
      </c>
      <c r="F1874" s="59" t="s">
        <v>449</v>
      </c>
      <c r="G1874" s="59" t="s">
        <v>450</v>
      </c>
      <c r="H1874" s="60">
        <v>221</v>
      </c>
      <c r="I1874" s="60">
        <v>220</v>
      </c>
      <c r="J1874" s="61">
        <v>0</v>
      </c>
      <c r="K1874" s="61">
        <v>354.2</v>
      </c>
    </row>
    <row r="1875" spans="1:11" ht="18.75" customHeight="1" thickBot="1">
      <c r="A1875" s="59" t="s">
        <v>448</v>
      </c>
      <c r="B1875" s="59" t="s">
        <v>28</v>
      </c>
      <c r="C1875" s="59" t="s">
        <v>28</v>
      </c>
      <c r="D1875" s="59" t="s">
        <v>375</v>
      </c>
      <c r="E1875" s="59" t="s">
        <v>380</v>
      </c>
      <c r="F1875" s="59" t="s">
        <v>449</v>
      </c>
      <c r="G1875" s="59" t="s">
        <v>450</v>
      </c>
      <c r="H1875" s="60">
        <v>221</v>
      </c>
      <c r="I1875" s="60">
        <v>240</v>
      </c>
      <c r="J1875" s="61">
        <v>0</v>
      </c>
      <c r="K1875" s="61">
        <v>2357.44</v>
      </c>
    </row>
    <row r="1876" spans="1:11" ht="18.75" customHeight="1" thickBot="1">
      <c r="A1876" s="59" t="s">
        <v>448</v>
      </c>
      <c r="B1876" s="59" t="s">
        <v>28</v>
      </c>
      <c r="C1876" s="59" t="s">
        <v>28</v>
      </c>
      <c r="D1876" s="59" t="s">
        <v>375</v>
      </c>
      <c r="E1876" s="59" t="s">
        <v>380</v>
      </c>
      <c r="F1876" s="59" t="s">
        <v>449</v>
      </c>
      <c r="G1876" s="59" t="s">
        <v>450</v>
      </c>
      <c r="H1876" s="60">
        <v>221</v>
      </c>
      <c r="I1876" s="60">
        <v>244</v>
      </c>
      <c r="J1876" s="61">
        <v>0</v>
      </c>
      <c r="K1876" s="61">
        <v>4583.95</v>
      </c>
    </row>
    <row r="1877" spans="1:11" ht="18.75" customHeight="1" thickBot="1">
      <c r="A1877" s="59" t="s">
        <v>448</v>
      </c>
      <c r="B1877" s="59" t="s">
        <v>28</v>
      </c>
      <c r="C1877" s="59" t="s">
        <v>28</v>
      </c>
      <c r="D1877" s="59" t="s">
        <v>375</v>
      </c>
      <c r="E1877" s="59" t="s">
        <v>380</v>
      </c>
      <c r="F1877" s="59" t="s">
        <v>449</v>
      </c>
      <c r="G1877" s="59" t="s">
        <v>450</v>
      </c>
      <c r="H1877" s="60">
        <v>221</v>
      </c>
      <c r="I1877" s="60">
        <v>358</v>
      </c>
      <c r="J1877" s="61">
        <v>0</v>
      </c>
      <c r="K1877" s="61">
        <v>6144.43</v>
      </c>
    </row>
    <row r="1878" spans="1:11" ht="18.75" customHeight="1" thickBot="1">
      <c r="A1878" s="59" t="s">
        <v>448</v>
      </c>
      <c r="B1878" s="59" t="s">
        <v>28</v>
      </c>
      <c r="C1878" s="59" t="s">
        <v>28</v>
      </c>
      <c r="D1878" s="59" t="s">
        <v>375</v>
      </c>
      <c r="E1878" s="59" t="s">
        <v>380</v>
      </c>
      <c r="F1878" s="59" t="s">
        <v>449</v>
      </c>
      <c r="G1878" s="59" t="s">
        <v>450</v>
      </c>
      <c r="H1878" s="60">
        <v>221</v>
      </c>
      <c r="I1878" s="60">
        <v>372</v>
      </c>
      <c r="J1878" s="61">
        <v>0</v>
      </c>
      <c r="K1878" s="61">
        <v>83225.37</v>
      </c>
    </row>
    <row r="1879" spans="1:11" ht="18.75" customHeight="1" thickBot="1">
      <c r="A1879" s="59" t="s">
        <v>448</v>
      </c>
      <c r="B1879" s="59" t="s">
        <v>28</v>
      </c>
      <c r="C1879" s="59" t="s">
        <v>28</v>
      </c>
      <c r="D1879" s="59" t="s">
        <v>375</v>
      </c>
      <c r="E1879" s="59" t="s">
        <v>380</v>
      </c>
      <c r="F1879" s="59" t="s">
        <v>449</v>
      </c>
      <c r="G1879" s="59" t="s">
        <v>450</v>
      </c>
      <c r="H1879" s="60">
        <v>222</v>
      </c>
      <c r="I1879" s="60">
        <v>113</v>
      </c>
      <c r="J1879" s="61">
        <v>0</v>
      </c>
      <c r="K1879" s="61">
        <v>5.72</v>
      </c>
    </row>
    <row r="1880" spans="1:11" ht="18.75" customHeight="1" thickBot="1">
      <c r="A1880" s="59" t="s">
        <v>448</v>
      </c>
      <c r="B1880" s="59" t="s">
        <v>28</v>
      </c>
      <c r="C1880" s="59" t="s">
        <v>28</v>
      </c>
      <c r="D1880" s="59" t="s">
        <v>375</v>
      </c>
      <c r="E1880" s="59" t="s">
        <v>380</v>
      </c>
      <c r="F1880" s="59" t="s">
        <v>449</v>
      </c>
      <c r="G1880" s="59" t="s">
        <v>450</v>
      </c>
      <c r="H1880" s="60">
        <v>222</v>
      </c>
      <c r="I1880" s="60">
        <v>211</v>
      </c>
      <c r="J1880" s="61">
        <v>0</v>
      </c>
      <c r="K1880" s="61">
        <v>19.559999999999999</v>
      </c>
    </row>
    <row r="1881" spans="1:11" ht="18.75" customHeight="1" thickBot="1">
      <c r="A1881" s="59" t="s">
        <v>448</v>
      </c>
      <c r="B1881" s="59" t="s">
        <v>28</v>
      </c>
      <c r="C1881" s="59" t="s">
        <v>28</v>
      </c>
      <c r="D1881" s="59" t="s">
        <v>375</v>
      </c>
      <c r="E1881" s="59" t="s">
        <v>380</v>
      </c>
      <c r="F1881" s="59" t="s">
        <v>449</v>
      </c>
      <c r="G1881" s="59" t="s">
        <v>450</v>
      </c>
      <c r="H1881" s="60">
        <v>222</v>
      </c>
      <c r="I1881" s="60">
        <v>215</v>
      </c>
      <c r="J1881" s="61">
        <v>0</v>
      </c>
      <c r="K1881" s="61">
        <v>231.1</v>
      </c>
    </row>
    <row r="1882" spans="1:11" ht="18.75" customHeight="1" thickBot="1">
      <c r="A1882" s="59" t="s">
        <v>448</v>
      </c>
      <c r="B1882" s="59" t="s">
        <v>28</v>
      </c>
      <c r="C1882" s="59" t="s">
        <v>28</v>
      </c>
      <c r="D1882" s="59" t="s">
        <v>375</v>
      </c>
      <c r="E1882" s="59" t="s">
        <v>380</v>
      </c>
      <c r="F1882" s="59" t="s">
        <v>449</v>
      </c>
      <c r="G1882" s="59" t="s">
        <v>450</v>
      </c>
      <c r="H1882" s="60">
        <v>222</v>
      </c>
      <c r="I1882" s="60">
        <v>240</v>
      </c>
      <c r="J1882" s="61">
        <v>0</v>
      </c>
      <c r="K1882" s="61">
        <v>582.29999999999995</v>
      </c>
    </row>
    <row r="1883" spans="1:11" ht="18.75" customHeight="1" thickBot="1">
      <c r="A1883" s="59" t="s">
        <v>448</v>
      </c>
      <c r="B1883" s="59" t="s">
        <v>28</v>
      </c>
      <c r="C1883" s="59" t="s">
        <v>28</v>
      </c>
      <c r="D1883" s="59" t="s">
        <v>375</v>
      </c>
      <c r="E1883" s="59" t="s">
        <v>380</v>
      </c>
      <c r="F1883" s="59" t="s">
        <v>449</v>
      </c>
      <c r="G1883" s="59" t="s">
        <v>450</v>
      </c>
      <c r="H1883" s="60">
        <v>222</v>
      </c>
      <c r="I1883" s="60">
        <v>244</v>
      </c>
      <c r="J1883" s="61">
        <v>0</v>
      </c>
      <c r="K1883" s="61">
        <v>2254.19</v>
      </c>
    </row>
    <row r="1884" spans="1:11" ht="18.75" customHeight="1" thickBot="1">
      <c r="A1884" s="59" t="s">
        <v>448</v>
      </c>
      <c r="B1884" s="59" t="s">
        <v>28</v>
      </c>
      <c r="C1884" s="59" t="s">
        <v>28</v>
      </c>
      <c r="D1884" s="59" t="s">
        <v>375</v>
      </c>
      <c r="E1884" s="59" t="s">
        <v>380</v>
      </c>
      <c r="F1884" s="59" t="s">
        <v>449</v>
      </c>
      <c r="G1884" s="59" t="s">
        <v>450</v>
      </c>
      <c r="H1884" s="60">
        <v>230</v>
      </c>
      <c r="I1884" s="60">
        <v>94</v>
      </c>
      <c r="J1884" s="61">
        <v>0</v>
      </c>
      <c r="K1884" s="61">
        <v>0.76</v>
      </c>
    </row>
    <row r="1885" spans="1:11" ht="18.75" customHeight="1" thickBot="1">
      <c r="A1885" s="59" t="s">
        <v>448</v>
      </c>
      <c r="B1885" s="59" t="s">
        <v>28</v>
      </c>
      <c r="C1885" s="59" t="s">
        <v>28</v>
      </c>
      <c r="D1885" s="59" t="s">
        <v>375</v>
      </c>
      <c r="E1885" s="59" t="s">
        <v>380</v>
      </c>
      <c r="F1885" s="59" t="s">
        <v>449</v>
      </c>
      <c r="G1885" s="59" t="s">
        <v>450</v>
      </c>
      <c r="H1885" s="60">
        <v>230</v>
      </c>
      <c r="I1885" s="60">
        <v>97</v>
      </c>
      <c r="J1885" s="61">
        <v>0</v>
      </c>
      <c r="K1885" s="61">
        <v>25.74</v>
      </c>
    </row>
    <row r="1886" spans="1:11" ht="18.75" customHeight="1" thickBot="1">
      <c r="A1886" s="59" t="s">
        <v>448</v>
      </c>
      <c r="B1886" s="59" t="s">
        <v>28</v>
      </c>
      <c r="C1886" s="59" t="s">
        <v>28</v>
      </c>
      <c r="D1886" s="59" t="s">
        <v>375</v>
      </c>
      <c r="E1886" s="59" t="s">
        <v>380</v>
      </c>
      <c r="F1886" s="59" t="s">
        <v>449</v>
      </c>
      <c r="G1886" s="59" t="s">
        <v>450</v>
      </c>
      <c r="H1886" s="60">
        <v>230</v>
      </c>
      <c r="I1886" s="60">
        <v>107</v>
      </c>
      <c r="J1886" s="61">
        <v>0</v>
      </c>
      <c r="K1886" s="61">
        <v>1.29</v>
      </c>
    </row>
    <row r="1887" spans="1:11" ht="18.75" customHeight="1" thickBot="1">
      <c r="A1887" s="59" t="s">
        <v>448</v>
      </c>
      <c r="B1887" s="59" t="s">
        <v>28</v>
      </c>
      <c r="C1887" s="59" t="s">
        <v>28</v>
      </c>
      <c r="D1887" s="59" t="s">
        <v>375</v>
      </c>
      <c r="E1887" s="59" t="s">
        <v>380</v>
      </c>
      <c r="F1887" s="59" t="s">
        <v>449</v>
      </c>
      <c r="G1887" s="59" t="s">
        <v>450</v>
      </c>
      <c r="H1887" s="60">
        <v>230</v>
      </c>
      <c r="I1887" s="60">
        <v>113</v>
      </c>
      <c r="J1887" s="61">
        <v>0</v>
      </c>
      <c r="K1887" s="61">
        <v>5.42</v>
      </c>
    </row>
    <row r="1888" spans="1:11" ht="18.75" customHeight="1" thickBot="1">
      <c r="A1888" s="59" t="s">
        <v>448</v>
      </c>
      <c r="B1888" s="59" t="s">
        <v>28</v>
      </c>
      <c r="C1888" s="59" t="s">
        <v>28</v>
      </c>
      <c r="D1888" s="59" t="s">
        <v>375</v>
      </c>
      <c r="E1888" s="59" t="s">
        <v>380</v>
      </c>
      <c r="F1888" s="59" t="s">
        <v>449</v>
      </c>
      <c r="G1888" s="59" t="s">
        <v>450</v>
      </c>
      <c r="H1888" s="60">
        <v>230</v>
      </c>
      <c r="I1888" s="60">
        <v>211</v>
      </c>
      <c r="J1888" s="61">
        <v>0</v>
      </c>
      <c r="K1888" s="61">
        <v>140.09</v>
      </c>
    </row>
    <row r="1889" spans="1:11" ht="18.75" customHeight="1" thickBot="1">
      <c r="A1889" s="59" t="s">
        <v>448</v>
      </c>
      <c r="B1889" s="59" t="s">
        <v>28</v>
      </c>
      <c r="C1889" s="59" t="s">
        <v>28</v>
      </c>
      <c r="D1889" s="59" t="s">
        <v>375</v>
      </c>
      <c r="E1889" s="59" t="s">
        <v>380</v>
      </c>
      <c r="F1889" s="59" t="s">
        <v>449</v>
      </c>
      <c r="G1889" s="59" t="s">
        <v>450</v>
      </c>
      <c r="H1889" s="60">
        <v>230</v>
      </c>
      <c r="I1889" s="60">
        <v>215</v>
      </c>
      <c r="J1889" s="61">
        <v>0</v>
      </c>
      <c r="K1889" s="61">
        <v>232.31</v>
      </c>
    </row>
    <row r="1890" spans="1:11" ht="18.75" customHeight="1" thickBot="1">
      <c r="A1890" s="59" t="s">
        <v>448</v>
      </c>
      <c r="B1890" s="59" t="s">
        <v>28</v>
      </c>
      <c r="C1890" s="59" t="s">
        <v>28</v>
      </c>
      <c r="D1890" s="59" t="s">
        <v>375</v>
      </c>
      <c r="E1890" s="59" t="s">
        <v>380</v>
      </c>
      <c r="F1890" s="59" t="s">
        <v>449</v>
      </c>
      <c r="G1890" s="59" t="s">
        <v>450</v>
      </c>
      <c r="H1890" s="60">
        <v>230</v>
      </c>
      <c r="I1890" s="60">
        <v>220</v>
      </c>
      <c r="J1890" s="61">
        <v>0</v>
      </c>
      <c r="K1890" s="61">
        <v>488.9</v>
      </c>
    </row>
    <row r="1891" spans="1:11" ht="18.75" customHeight="1" thickBot="1">
      <c r="A1891" s="59" t="s">
        <v>448</v>
      </c>
      <c r="B1891" s="59" t="s">
        <v>28</v>
      </c>
      <c r="C1891" s="59" t="s">
        <v>28</v>
      </c>
      <c r="D1891" s="59" t="s">
        <v>375</v>
      </c>
      <c r="E1891" s="59" t="s">
        <v>380</v>
      </c>
      <c r="F1891" s="59" t="s">
        <v>449</v>
      </c>
      <c r="G1891" s="59" t="s">
        <v>450</v>
      </c>
      <c r="H1891" s="60">
        <v>230</v>
      </c>
      <c r="I1891" s="60">
        <v>236</v>
      </c>
      <c r="J1891" s="61">
        <v>0</v>
      </c>
      <c r="K1891" s="61">
        <v>138.88999999999999</v>
      </c>
    </row>
    <row r="1892" spans="1:11" ht="18.75" customHeight="1" thickBot="1">
      <c r="A1892" s="59" t="s">
        <v>448</v>
      </c>
      <c r="B1892" s="59" t="s">
        <v>28</v>
      </c>
      <c r="C1892" s="59" t="s">
        <v>28</v>
      </c>
      <c r="D1892" s="59" t="s">
        <v>375</v>
      </c>
      <c r="E1892" s="59" t="s">
        <v>380</v>
      </c>
      <c r="F1892" s="59" t="s">
        <v>449</v>
      </c>
      <c r="G1892" s="59" t="s">
        <v>450</v>
      </c>
      <c r="H1892" s="60">
        <v>230</v>
      </c>
      <c r="I1892" s="60">
        <v>244</v>
      </c>
      <c r="J1892" s="61">
        <v>0</v>
      </c>
      <c r="K1892" s="61">
        <v>9513.2999999999993</v>
      </c>
    </row>
    <row r="1893" spans="1:11" ht="18.75" customHeight="1" thickBot="1">
      <c r="A1893" s="59" t="s">
        <v>448</v>
      </c>
      <c r="B1893" s="59" t="s">
        <v>28</v>
      </c>
      <c r="C1893" s="59" t="s">
        <v>28</v>
      </c>
      <c r="D1893" s="59" t="s">
        <v>375</v>
      </c>
      <c r="E1893" s="59" t="s">
        <v>380</v>
      </c>
      <c r="F1893" s="59" t="s">
        <v>449</v>
      </c>
      <c r="G1893" s="59" t="s">
        <v>450</v>
      </c>
      <c r="H1893" s="60">
        <v>230</v>
      </c>
      <c r="I1893" s="60">
        <v>248</v>
      </c>
      <c r="J1893" s="61">
        <v>0</v>
      </c>
      <c r="K1893" s="61">
        <v>1621.13</v>
      </c>
    </row>
    <row r="1894" spans="1:11" ht="18.75" customHeight="1" thickBot="1">
      <c r="A1894" s="59" t="s">
        <v>448</v>
      </c>
      <c r="B1894" s="59" t="s">
        <v>28</v>
      </c>
      <c r="C1894" s="59" t="s">
        <v>28</v>
      </c>
      <c r="D1894" s="59" t="s">
        <v>375</v>
      </c>
      <c r="E1894" s="59" t="s">
        <v>380</v>
      </c>
      <c r="F1894" s="59" t="s">
        <v>449</v>
      </c>
      <c r="G1894" s="59" t="s">
        <v>450</v>
      </c>
      <c r="H1894" s="60">
        <v>230</v>
      </c>
      <c r="I1894" s="60">
        <v>257</v>
      </c>
      <c r="J1894" s="61">
        <v>0</v>
      </c>
      <c r="K1894" s="61">
        <v>276.88</v>
      </c>
    </row>
    <row r="1895" spans="1:11" ht="18.75" customHeight="1" thickBot="1">
      <c r="A1895" s="59" t="s">
        <v>448</v>
      </c>
      <c r="B1895" s="59" t="s">
        <v>28</v>
      </c>
      <c r="C1895" s="59" t="s">
        <v>28</v>
      </c>
      <c r="D1895" s="59" t="s">
        <v>375</v>
      </c>
      <c r="E1895" s="59" t="s">
        <v>380</v>
      </c>
      <c r="F1895" s="59" t="s">
        <v>449</v>
      </c>
      <c r="G1895" s="59" t="s">
        <v>450</v>
      </c>
      <c r="H1895" s="60">
        <v>230</v>
      </c>
      <c r="I1895" s="60">
        <v>330</v>
      </c>
      <c r="J1895" s="61">
        <v>0</v>
      </c>
      <c r="K1895" s="61">
        <v>12479.84</v>
      </c>
    </row>
    <row r="1896" spans="1:11" ht="18.75" customHeight="1" thickBot="1">
      <c r="A1896" s="59" t="s">
        <v>448</v>
      </c>
      <c r="B1896" s="59" t="s">
        <v>28</v>
      </c>
      <c r="C1896" s="59" t="s">
        <v>28</v>
      </c>
      <c r="D1896" s="59" t="s">
        <v>375</v>
      </c>
      <c r="E1896" s="59" t="s">
        <v>380</v>
      </c>
      <c r="F1896" s="59" t="s">
        <v>449</v>
      </c>
      <c r="G1896" s="59" t="s">
        <v>450</v>
      </c>
      <c r="H1896" s="60">
        <v>230</v>
      </c>
      <c r="I1896" s="60">
        <v>358</v>
      </c>
      <c r="J1896" s="61">
        <v>0</v>
      </c>
      <c r="K1896" s="61">
        <v>13099.36</v>
      </c>
    </row>
    <row r="1897" spans="1:11" ht="18.75" hidden="1" customHeight="1" thickBot="1">
      <c r="A1897" s="59" t="s">
        <v>448</v>
      </c>
      <c r="B1897" s="59" t="s">
        <v>28</v>
      </c>
      <c r="C1897" s="59" t="s">
        <v>28</v>
      </c>
      <c r="D1897" s="59" t="s">
        <v>375</v>
      </c>
      <c r="E1897" s="59" t="s">
        <v>382</v>
      </c>
      <c r="F1897" s="59" t="s">
        <v>449</v>
      </c>
      <c r="G1897" s="59" t="s">
        <v>450</v>
      </c>
      <c r="H1897" s="60">
        <v>211</v>
      </c>
      <c r="I1897" s="60">
        <v>165</v>
      </c>
      <c r="J1897" s="61">
        <v>0</v>
      </c>
      <c r="K1897" s="61">
        <v>-4.1399999999999997</v>
      </c>
    </row>
    <row r="1898" spans="1:11" ht="18.75" hidden="1" customHeight="1" thickBot="1">
      <c r="A1898" s="59" t="s">
        <v>448</v>
      </c>
      <c r="B1898" s="59" t="s">
        <v>28</v>
      </c>
      <c r="C1898" s="59" t="s">
        <v>28</v>
      </c>
      <c r="D1898" s="59" t="s">
        <v>375</v>
      </c>
      <c r="E1898" s="59" t="s">
        <v>382</v>
      </c>
      <c r="F1898" s="59" t="s">
        <v>449</v>
      </c>
      <c r="G1898" s="59" t="s">
        <v>450</v>
      </c>
      <c r="H1898" s="60">
        <v>211</v>
      </c>
      <c r="I1898" s="60">
        <v>211</v>
      </c>
      <c r="J1898" s="61">
        <v>0</v>
      </c>
      <c r="K1898" s="61">
        <v>-187.87</v>
      </c>
    </row>
    <row r="1899" spans="1:11" ht="18.75" hidden="1" customHeight="1" thickBot="1">
      <c r="A1899" s="59" t="s">
        <v>448</v>
      </c>
      <c r="B1899" s="59" t="s">
        <v>28</v>
      </c>
      <c r="C1899" s="59" t="s">
        <v>28</v>
      </c>
      <c r="D1899" s="59" t="s">
        <v>375</v>
      </c>
      <c r="E1899" s="59" t="s">
        <v>382</v>
      </c>
      <c r="F1899" s="59" t="s">
        <v>449</v>
      </c>
      <c r="G1899" s="59" t="s">
        <v>450</v>
      </c>
      <c r="H1899" s="60">
        <v>211</v>
      </c>
      <c r="I1899" s="60">
        <v>215</v>
      </c>
      <c r="J1899" s="61">
        <v>0</v>
      </c>
      <c r="K1899" s="61">
        <v>-218.68</v>
      </c>
    </row>
    <row r="1900" spans="1:11" ht="18.75" hidden="1" customHeight="1" thickBot="1">
      <c r="A1900" s="59" t="s">
        <v>448</v>
      </c>
      <c r="B1900" s="59" t="s">
        <v>28</v>
      </c>
      <c r="C1900" s="59" t="s">
        <v>28</v>
      </c>
      <c r="D1900" s="59" t="s">
        <v>375</v>
      </c>
      <c r="E1900" s="59" t="s">
        <v>382</v>
      </c>
      <c r="F1900" s="59" t="s">
        <v>449</v>
      </c>
      <c r="G1900" s="59" t="s">
        <v>450</v>
      </c>
      <c r="H1900" s="60">
        <v>216</v>
      </c>
      <c r="I1900" s="60">
        <v>211</v>
      </c>
      <c r="J1900" s="61">
        <v>0</v>
      </c>
      <c r="K1900" s="61">
        <v>-3.79</v>
      </c>
    </row>
    <row r="1901" spans="1:11" ht="18.75" hidden="1" customHeight="1" thickBot="1">
      <c r="A1901" s="59" t="s">
        <v>448</v>
      </c>
      <c r="B1901" s="59" t="s">
        <v>28</v>
      </c>
      <c r="C1901" s="59" t="s">
        <v>28</v>
      </c>
      <c r="D1901" s="59" t="s">
        <v>375</v>
      </c>
      <c r="E1901" s="59" t="s">
        <v>382</v>
      </c>
      <c r="F1901" s="59" t="s">
        <v>449</v>
      </c>
      <c r="G1901" s="59" t="s">
        <v>450</v>
      </c>
      <c r="H1901" s="60">
        <v>216</v>
      </c>
      <c r="I1901" s="60">
        <v>215</v>
      </c>
      <c r="J1901" s="61">
        <v>0</v>
      </c>
      <c r="K1901" s="61">
        <v>-313.16000000000003</v>
      </c>
    </row>
    <row r="1902" spans="1:11" ht="18.75" hidden="1" customHeight="1" thickBot="1">
      <c r="A1902" s="59" t="s">
        <v>448</v>
      </c>
      <c r="B1902" s="59" t="s">
        <v>28</v>
      </c>
      <c r="C1902" s="59" t="s">
        <v>28</v>
      </c>
      <c r="D1902" s="59" t="s">
        <v>375</v>
      </c>
      <c r="E1902" s="59" t="s">
        <v>382</v>
      </c>
      <c r="F1902" s="59" t="s">
        <v>449</v>
      </c>
      <c r="G1902" s="59" t="s">
        <v>450</v>
      </c>
      <c r="H1902" s="60">
        <v>216</v>
      </c>
      <c r="I1902" s="60">
        <v>240</v>
      </c>
      <c r="J1902" s="61">
        <v>0</v>
      </c>
      <c r="K1902" s="61">
        <v>-324.06</v>
      </c>
    </row>
    <row r="1903" spans="1:11" ht="18.75" hidden="1" customHeight="1" thickBot="1">
      <c r="A1903" s="59" t="s">
        <v>448</v>
      </c>
      <c r="B1903" s="59" t="s">
        <v>28</v>
      </c>
      <c r="C1903" s="59" t="s">
        <v>28</v>
      </c>
      <c r="D1903" s="59" t="s">
        <v>375</v>
      </c>
      <c r="E1903" s="59" t="s">
        <v>382</v>
      </c>
      <c r="F1903" s="59" t="s">
        <v>449</v>
      </c>
      <c r="G1903" s="59" t="s">
        <v>450</v>
      </c>
      <c r="H1903" s="60">
        <v>230</v>
      </c>
      <c r="I1903" s="60">
        <v>220</v>
      </c>
      <c r="J1903" s="61">
        <v>0</v>
      </c>
      <c r="K1903" s="61">
        <v>-1.26</v>
      </c>
    </row>
    <row r="1904" spans="1:11" ht="18.75" hidden="1" customHeight="1" thickBot="1">
      <c r="A1904" s="59" t="s">
        <v>448</v>
      </c>
      <c r="B1904" s="59" t="s">
        <v>28</v>
      </c>
      <c r="C1904" s="59" t="s">
        <v>28</v>
      </c>
      <c r="D1904" s="59" t="s">
        <v>376</v>
      </c>
      <c r="E1904" s="59" t="s">
        <v>378</v>
      </c>
      <c r="F1904" s="59" t="s">
        <v>449</v>
      </c>
      <c r="G1904" s="59" t="s">
        <v>450</v>
      </c>
      <c r="H1904" s="60">
        <v>211</v>
      </c>
      <c r="I1904" s="60">
        <v>93</v>
      </c>
      <c r="J1904" s="61">
        <v>0</v>
      </c>
      <c r="K1904" s="61">
        <v>-3.9</v>
      </c>
    </row>
    <row r="1905" spans="1:11" ht="18.75" hidden="1" customHeight="1" thickBot="1">
      <c r="A1905" s="59" t="s">
        <v>448</v>
      </c>
      <c r="B1905" s="59" t="s">
        <v>28</v>
      </c>
      <c r="C1905" s="59" t="s">
        <v>28</v>
      </c>
      <c r="D1905" s="59" t="s">
        <v>376</v>
      </c>
      <c r="E1905" s="59" t="s">
        <v>378</v>
      </c>
      <c r="F1905" s="59" t="s">
        <v>449</v>
      </c>
      <c r="G1905" s="59" t="s">
        <v>450</v>
      </c>
      <c r="H1905" s="60">
        <v>211</v>
      </c>
      <c r="I1905" s="60">
        <v>94</v>
      </c>
      <c r="J1905" s="61">
        <v>0</v>
      </c>
      <c r="K1905" s="61">
        <v>-20.2</v>
      </c>
    </row>
    <row r="1906" spans="1:11" ht="18.75" hidden="1" customHeight="1" thickBot="1">
      <c r="A1906" s="59" t="s">
        <v>448</v>
      </c>
      <c r="B1906" s="59" t="s">
        <v>28</v>
      </c>
      <c r="C1906" s="59" t="s">
        <v>28</v>
      </c>
      <c r="D1906" s="59" t="s">
        <v>376</v>
      </c>
      <c r="E1906" s="59" t="s">
        <v>378</v>
      </c>
      <c r="F1906" s="59" t="s">
        <v>449</v>
      </c>
      <c r="G1906" s="59" t="s">
        <v>450</v>
      </c>
      <c r="H1906" s="60">
        <v>211</v>
      </c>
      <c r="I1906" s="60">
        <v>95</v>
      </c>
      <c r="J1906" s="61">
        <v>0</v>
      </c>
      <c r="K1906" s="61">
        <v>-1.88</v>
      </c>
    </row>
    <row r="1907" spans="1:11" ht="18.75" hidden="1" customHeight="1" thickBot="1">
      <c r="A1907" s="59" t="s">
        <v>448</v>
      </c>
      <c r="B1907" s="59" t="s">
        <v>28</v>
      </c>
      <c r="C1907" s="59" t="s">
        <v>28</v>
      </c>
      <c r="D1907" s="59" t="s">
        <v>376</v>
      </c>
      <c r="E1907" s="59" t="s">
        <v>378</v>
      </c>
      <c r="F1907" s="59" t="s">
        <v>449</v>
      </c>
      <c r="G1907" s="59" t="s">
        <v>450</v>
      </c>
      <c r="H1907" s="60">
        <v>211</v>
      </c>
      <c r="I1907" s="60">
        <v>97</v>
      </c>
      <c r="J1907" s="61">
        <v>0</v>
      </c>
      <c r="K1907" s="61">
        <v>-2.2200000000000002</v>
      </c>
    </row>
    <row r="1908" spans="1:11" ht="18.75" hidden="1" customHeight="1" thickBot="1">
      <c r="A1908" s="59" t="s">
        <v>448</v>
      </c>
      <c r="B1908" s="59" t="s">
        <v>28</v>
      </c>
      <c r="C1908" s="59" t="s">
        <v>28</v>
      </c>
      <c r="D1908" s="59" t="s">
        <v>376</v>
      </c>
      <c r="E1908" s="59" t="s">
        <v>378</v>
      </c>
      <c r="F1908" s="59" t="s">
        <v>449</v>
      </c>
      <c r="G1908" s="59" t="s">
        <v>450</v>
      </c>
      <c r="H1908" s="60">
        <v>211</v>
      </c>
      <c r="I1908" s="60">
        <v>98</v>
      </c>
      <c r="J1908" s="61">
        <v>0</v>
      </c>
      <c r="K1908" s="61">
        <v>-3.93</v>
      </c>
    </row>
    <row r="1909" spans="1:11" ht="18.75" hidden="1" customHeight="1" thickBot="1">
      <c r="A1909" s="59" t="s">
        <v>448</v>
      </c>
      <c r="B1909" s="59" t="s">
        <v>28</v>
      </c>
      <c r="C1909" s="59" t="s">
        <v>28</v>
      </c>
      <c r="D1909" s="59" t="s">
        <v>376</v>
      </c>
      <c r="E1909" s="59" t="s">
        <v>378</v>
      </c>
      <c r="F1909" s="59" t="s">
        <v>449</v>
      </c>
      <c r="G1909" s="59" t="s">
        <v>450</v>
      </c>
      <c r="H1909" s="60">
        <v>211</v>
      </c>
      <c r="I1909" s="60">
        <v>107</v>
      </c>
      <c r="J1909" s="61">
        <v>0</v>
      </c>
      <c r="K1909" s="61">
        <v>-11.85</v>
      </c>
    </row>
    <row r="1910" spans="1:11" ht="18.75" hidden="1" customHeight="1" thickBot="1">
      <c r="A1910" s="59" t="s">
        <v>448</v>
      </c>
      <c r="B1910" s="59" t="s">
        <v>28</v>
      </c>
      <c r="C1910" s="59" t="s">
        <v>28</v>
      </c>
      <c r="D1910" s="59" t="s">
        <v>376</v>
      </c>
      <c r="E1910" s="59" t="s">
        <v>378</v>
      </c>
      <c r="F1910" s="59" t="s">
        <v>449</v>
      </c>
      <c r="G1910" s="59" t="s">
        <v>450</v>
      </c>
      <c r="H1910" s="60">
        <v>211</v>
      </c>
      <c r="I1910" s="60">
        <v>109</v>
      </c>
      <c r="J1910" s="61">
        <v>0</v>
      </c>
      <c r="K1910" s="61">
        <v>-42</v>
      </c>
    </row>
    <row r="1911" spans="1:11" ht="18.75" hidden="1" customHeight="1" thickBot="1">
      <c r="A1911" s="59" t="s">
        <v>448</v>
      </c>
      <c r="B1911" s="59" t="s">
        <v>28</v>
      </c>
      <c r="C1911" s="59" t="s">
        <v>28</v>
      </c>
      <c r="D1911" s="59" t="s">
        <v>376</v>
      </c>
      <c r="E1911" s="59" t="s">
        <v>378</v>
      </c>
      <c r="F1911" s="59" t="s">
        <v>449</v>
      </c>
      <c r="G1911" s="59" t="s">
        <v>450</v>
      </c>
      <c r="H1911" s="60">
        <v>211</v>
      </c>
      <c r="I1911" s="60">
        <v>111</v>
      </c>
      <c r="J1911" s="61">
        <v>0</v>
      </c>
      <c r="K1911" s="61">
        <v>-3.52</v>
      </c>
    </row>
    <row r="1912" spans="1:11" ht="18.75" hidden="1" customHeight="1" thickBot="1">
      <c r="A1912" s="59" t="s">
        <v>448</v>
      </c>
      <c r="B1912" s="59" t="s">
        <v>28</v>
      </c>
      <c r="C1912" s="59" t="s">
        <v>28</v>
      </c>
      <c r="D1912" s="59" t="s">
        <v>376</v>
      </c>
      <c r="E1912" s="59" t="s">
        <v>378</v>
      </c>
      <c r="F1912" s="59" t="s">
        <v>449</v>
      </c>
      <c r="G1912" s="59" t="s">
        <v>450</v>
      </c>
      <c r="H1912" s="60">
        <v>211</v>
      </c>
      <c r="I1912" s="60">
        <v>113</v>
      </c>
      <c r="J1912" s="61">
        <v>0</v>
      </c>
      <c r="K1912" s="61">
        <v>-29.71</v>
      </c>
    </row>
    <row r="1913" spans="1:11" ht="18.75" hidden="1" customHeight="1" thickBot="1">
      <c r="A1913" s="59" t="s">
        <v>448</v>
      </c>
      <c r="B1913" s="59" t="s">
        <v>28</v>
      </c>
      <c r="C1913" s="59" t="s">
        <v>28</v>
      </c>
      <c r="D1913" s="59" t="s">
        <v>376</v>
      </c>
      <c r="E1913" s="59" t="s">
        <v>378</v>
      </c>
      <c r="F1913" s="59" t="s">
        <v>449</v>
      </c>
      <c r="G1913" s="59" t="s">
        <v>450</v>
      </c>
      <c r="H1913" s="60">
        <v>211</v>
      </c>
      <c r="I1913" s="60">
        <v>116</v>
      </c>
      <c r="J1913" s="61">
        <v>0</v>
      </c>
      <c r="K1913" s="61">
        <v>-18.04</v>
      </c>
    </row>
    <row r="1914" spans="1:11" ht="18.75" hidden="1" customHeight="1" thickBot="1">
      <c r="A1914" s="59" t="s">
        <v>448</v>
      </c>
      <c r="B1914" s="59" t="s">
        <v>28</v>
      </c>
      <c r="C1914" s="59" t="s">
        <v>28</v>
      </c>
      <c r="D1914" s="59" t="s">
        <v>376</v>
      </c>
      <c r="E1914" s="59" t="s">
        <v>378</v>
      </c>
      <c r="F1914" s="59" t="s">
        <v>449</v>
      </c>
      <c r="G1914" s="59" t="s">
        <v>450</v>
      </c>
      <c r="H1914" s="60">
        <v>211</v>
      </c>
      <c r="I1914" s="60">
        <v>122</v>
      </c>
      <c r="J1914" s="61">
        <v>0</v>
      </c>
      <c r="K1914" s="61">
        <v>-18.28</v>
      </c>
    </row>
    <row r="1915" spans="1:11" ht="18.75" hidden="1" customHeight="1" thickBot="1">
      <c r="A1915" s="59" t="s">
        <v>448</v>
      </c>
      <c r="B1915" s="59" t="s">
        <v>28</v>
      </c>
      <c r="C1915" s="59" t="s">
        <v>28</v>
      </c>
      <c r="D1915" s="59" t="s">
        <v>376</v>
      </c>
      <c r="E1915" s="59" t="s">
        <v>378</v>
      </c>
      <c r="F1915" s="59" t="s">
        <v>449</v>
      </c>
      <c r="G1915" s="59" t="s">
        <v>450</v>
      </c>
      <c r="H1915" s="60">
        <v>211</v>
      </c>
      <c r="I1915" s="60">
        <v>131</v>
      </c>
      <c r="J1915" s="61">
        <v>0</v>
      </c>
      <c r="K1915" s="61">
        <v>-22.15</v>
      </c>
    </row>
    <row r="1916" spans="1:11" ht="18.75" hidden="1" customHeight="1" thickBot="1">
      <c r="A1916" s="59" t="s">
        <v>448</v>
      </c>
      <c r="B1916" s="59" t="s">
        <v>28</v>
      </c>
      <c r="C1916" s="59" t="s">
        <v>28</v>
      </c>
      <c r="D1916" s="59" t="s">
        <v>376</v>
      </c>
      <c r="E1916" s="59" t="s">
        <v>378</v>
      </c>
      <c r="F1916" s="59" t="s">
        <v>449</v>
      </c>
      <c r="G1916" s="59" t="s">
        <v>450</v>
      </c>
      <c r="H1916" s="60">
        <v>211</v>
      </c>
      <c r="I1916" s="60">
        <v>150</v>
      </c>
      <c r="J1916" s="61">
        <v>0</v>
      </c>
      <c r="K1916" s="61">
        <v>-4.13</v>
      </c>
    </row>
    <row r="1917" spans="1:11" ht="18.75" hidden="1" customHeight="1" thickBot="1">
      <c r="A1917" s="59" t="s">
        <v>448</v>
      </c>
      <c r="B1917" s="59" t="s">
        <v>28</v>
      </c>
      <c r="C1917" s="59" t="s">
        <v>28</v>
      </c>
      <c r="D1917" s="59" t="s">
        <v>376</v>
      </c>
      <c r="E1917" s="59" t="s">
        <v>378</v>
      </c>
      <c r="F1917" s="59" t="s">
        <v>449</v>
      </c>
      <c r="G1917" s="59" t="s">
        <v>450</v>
      </c>
      <c r="H1917" s="60">
        <v>211</v>
      </c>
      <c r="I1917" s="60">
        <v>211</v>
      </c>
      <c r="J1917" s="61">
        <v>0</v>
      </c>
      <c r="K1917" s="61">
        <v>-2956.46</v>
      </c>
    </row>
    <row r="1918" spans="1:11" ht="18.75" hidden="1" customHeight="1" thickBot="1">
      <c r="A1918" s="59" t="s">
        <v>448</v>
      </c>
      <c r="B1918" s="59" t="s">
        <v>28</v>
      </c>
      <c r="C1918" s="59" t="s">
        <v>28</v>
      </c>
      <c r="D1918" s="59" t="s">
        <v>376</v>
      </c>
      <c r="E1918" s="59" t="s">
        <v>378</v>
      </c>
      <c r="F1918" s="59" t="s">
        <v>449</v>
      </c>
      <c r="G1918" s="59" t="s">
        <v>450</v>
      </c>
      <c r="H1918" s="60">
        <v>211</v>
      </c>
      <c r="I1918" s="60">
        <v>215</v>
      </c>
      <c r="J1918" s="61">
        <v>0</v>
      </c>
      <c r="K1918" s="61">
        <v>-5245.65</v>
      </c>
    </row>
    <row r="1919" spans="1:11" ht="18.75" hidden="1" customHeight="1" thickBot="1">
      <c r="A1919" s="59" t="s">
        <v>448</v>
      </c>
      <c r="B1919" s="59" t="s">
        <v>28</v>
      </c>
      <c r="C1919" s="59" t="s">
        <v>28</v>
      </c>
      <c r="D1919" s="59" t="s">
        <v>376</v>
      </c>
      <c r="E1919" s="59" t="s">
        <v>378</v>
      </c>
      <c r="F1919" s="59" t="s">
        <v>449</v>
      </c>
      <c r="G1919" s="59" t="s">
        <v>450</v>
      </c>
      <c r="H1919" s="60">
        <v>211</v>
      </c>
      <c r="I1919" s="60">
        <v>227</v>
      </c>
      <c r="J1919" s="61">
        <v>0</v>
      </c>
      <c r="K1919" s="61">
        <v>-29.75</v>
      </c>
    </row>
    <row r="1920" spans="1:11" ht="18.75" hidden="1" customHeight="1" thickBot="1">
      <c r="A1920" s="59" t="s">
        <v>448</v>
      </c>
      <c r="B1920" s="59" t="s">
        <v>28</v>
      </c>
      <c r="C1920" s="59" t="s">
        <v>28</v>
      </c>
      <c r="D1920" s="59" t="s">
        <v>376</v>
      </c>
      <c r="E1920" s="59" t="s">
        <v>378</v>
      </c>
      <c r="F1920" s="59" t="s">
        <v>449</v>
      </c>
      <c r="G1920" s="59" t="s">
        <v>450</v>
      </c>
      <c r="H1920" s="60">
        <v>211</v>
      </c>
      <c r="I1920" s="60">
        <v>229</v>
      </c>
      <c r="J1920" s="61">
        <v>0</v>
      </c>
      <c r="K1920" s="61">
        <v>-127.56</v>
      </c>
    </row>
    <row r="1921" spans="1:11" ht="18.75" hidden="1" customHeight="1" thickBot="1">
      <c r="A1921" s="59" t="s">
        <v>448</v>
      </c>
      <c r="B1921" s="59" t="s">
        <v>28</v>
      </c>
      <c r="C1921" s="59" t="s">
        <v>28</v>
      </c>
      <c r="D1921" s="59" t="s">
        <v>376</v>
      </c>
      <c r="E1921" s="59" t="s">
        <v>378</v>
      </c>
      <c r="F1921" s="59" t="s">
        <v>449</v>
      </c>
      <c r="G1921" s="59" t="s">
        <v>450</v>
      </c>
      <c r="H1921" s="60">
        <v>211</v>
      </c>
      <c r="I1921" s="60">
        <v>240</v>
      </c>
      <c r="J1921" s="61">
        <v>0</v>
      </c>
      <c r="K1921" s="61">
        <v>-5753.76</v>
      </c>
    </row>
    <row r="1922" spans="1:11" ht="18.75" hidden="1" customHeight="1" thickBot="1">
      <c r="A1922" s="59" t="s">
        <v>448</v>
      </c>
      <c r="B1922" s="59" t="s">
        <v>28</v>
      </c>
      <c r="C1922" s="59" t="s">
        <v>28</v>
      </c>
      <c r="D1922" s="59" t="s">
        <v>376</v>
      </c>
      <c r="E1922" s="59" t="s">
        <v>378</v>
      </c>
      <c r="F1922" s="59" t="s">
        <v>449</v>
      </c>
      <c r="G1922" s="59" t="s">
        <v>450</v>
      </c>
      <c r="H1922" s="60">
        <v>211</v>
      </c>
      <c r="I1922" s="60">
        <v>356</v>
      </c>
      <c r="J1922" s="61">
        <v>0</v>
      </c>
      <c r="K1922" s="61">
        <v>-2798.21</v>
      </c>
    </row>
    <row r="1923" spans="1:11" ht="18.75" hidden="1" customHeight="1" thickBot="1">
      <c r="A1923" s="59" t="s">
        <v>448</v>
      </c>
      <c r="B1923" s="59" t="s">
        <v>28</v>
      </c>
      <c r="C1923" s="59" t="s">
        <v>28</v>
      </c>
      <c r="D1923" s="59" t="s">
        <v>376</v>
      </c>
      <c r="E1923" s="59" t="s">
        <v>378</v>
      </c>
      <c r="F1923" s="59" t="s">
        <v>449</v>
      </c>
      <c r="G1923" s="59" t="s">
        <v>450</v>
      </c>
      <c r="H1923" s="60">
        <v>211</v>
      </c>
      <c r="I1923" s="60">
        <v>359</v>
      </c>
      <c r="J1923" s="61">
        <v>0</v>
      </c>
      <c r="K1923" s="61">
        <v>-9440.42</v>
      </c>
    </row>
    <row r="1924" spans="1:11" ht="18.75" hidden="1" customHeight="1" thickBot="1">
      <c r="A1924" s="59" t="s">
        <v>448</v>
      </c>
      <c r="B1924" s="59" t="s">
        <v>28</v>
      </c>
      <c r="C1924" s="59" t="s">
        <v>28</v>
      </c>
      <c r="D1924" s="59" t="s">
        <v>376</v>
      </c>
      <c r="E1924" s="59" t="s">
        <v>378</v>
      </c>
      <c r="F1924" s="59" t="s">
        <v>449</v>
      </c>
      <c r="G1924" s="59" t="s">
        <v>450</v>
      </c>
      <c r="H1924" s="60">
        <v>212</v>
      </c>
      <c r="I1924" s="60">
        <v>97</v>
      </c>
      <c r="J1924" s="61">
        <v>0</v>
      </c>
      <c r="K1924" s="61">
        <v>-2.25</v>
      </c>
    </row>
    <row r="1925" spans="1:11" ht="18.75" hidden="1" customHeight="1" thickBot="1">
      <c r="A1925" s="59" t="s">
        <v>448</v>
      </c>
      <c r="B1925" s="59" t="s">
        <v>28</v>
      </c>
      <c r="C1925" s="59" t="s">
        <v>28</v>
      </c>
      <c r="D1925" s="59" t="s">
        <v>376</v>
      </c>
      <c r="E1925" s="59" t="s">
        <v>378</v>
      </c>
      <c r="F1925" s="59" t="s">
        <v>449</v>
      </c>
      <c r="G1925" s="59" t="s">
        <v>450</v>
      </c>
      <c r="H1925" s="60">
        <v>212</v>
      </c>
      <c r="I1925" s="60">
        <v>98</v>
      </c>
      <c r="J1925" s="61">
        <v>0</v>
      </c>
      <c r="K1925" s="61">
        <v>-21.93</v>
      </c>
    </row>
    <row r="1926" spans="1:11" ht="18.75" hidden="1" customHeight="1" thickBot="1">
      <c r="A1926" s="59" t="s">
        <v>448</v>
      </c>
      <c r="B1926" s="59" t="s">
        <v>28</v>
      </c>
      <c r="C1926" s="59" t="s">
        <v>28</v>
      </c>
      <c r="D1926" s="59" t="s">
        <v>376</v>
      </c>
      <c r="E1926" s="59" t="s">
        <v>378</v>
      </c>
      <c r="F1926" s="59" t="s">
        <v>449</v>
      </c>
      <c r="G1926" s="59" t="s">
        <v>450</v>
      </c>
      <c r="H1926" s="60">
        <v>212</v>
      </c>
      <c r="I1926" s="60">
        <v>107</v>
      </c>
      <c r="J1926" s="61">
        <v>0</v>
      </c>
      <c r="K1926" s="61">
        <v>-12.48</v>
      </c>
    </row>
    <row r="1927" spans="1:11" ht="18.75" hidden="1" customHeight="1" thickBot="1">
      <c r="A1927" s="59" t="s">
        <v>448</v>
      </c>
      <c r="B1927" s="59" t="s">
        <v>28</v>
      </c>
      <c r="C1927" s="59" t="s">
        <v>28</v>
      </c>
      <c r="D1927" s="59" t="s">
        <v>376</v>
      </c>
      <c r="E1927" s="59" t="s">
        <v>378</v>
      </c>
      <c r="F1927" s="59" t="s">
        <v>449</v>
      </c>
      <c r="G1927" s="59" t="s">
        <v>450</v>
      </c>
      <c r="H1927" s="60">
        <v>212</v>
      </c>
      <c r="I1927" s="60">
        <v>109</v>
      </c>
      <c r="J1927" s="61">
        <v>0</v>
      </c>
      <c r="K1927" s="61">
        <v>-1.96</v>
      </c>
    </row>
    <row r="1928" spans="1:11" ht="18.75" hidden="1" customHeight="1" thickBot="1">
      <c r="A1928" s="59" t="s">
        <v>448</v>
      </c>
      <c r="B1928" s="59" t="s">
        <v>28</v>
      </c>
      <c r="C1928" s="59" t="s">
        <v>28</v>
      </c>
      <c r="D1928" s="59" t="s">
        <v>376</v>
      </c>
      <c r="E1928" s="59" t="s">
        <v>378</v>
      </c>
      <c r="F1928" s="59" t="s">
        <v>449</v>
      </c>
      <c r="G1928" s="59" t="s">
        <v>450</v>
      </c>
      <c r="H1928" s="60">
        <v>212</v>
      </c>
      <c r="I1928" s="60">
        <v>113</v>
      </c>
      <c r="J1928" s="61">
        <v>0</v>
      </c>
      <c r="K1928" s="61">
        <v>-2.92</v>
      </c>
    </row>
    <row r="1929" spans="1:11" ht="18.75" hidden="1" customHeight="1" thickBot="1">
      <c r="A1929" s="59" t="s">
        <v>448</v>
      </c>
      <c r="B1929" s="59" t="s">
        <v>28</v>
      </c>
      <c r="C1929" s="59" t="s">
        <v>28</v>
      </c>
      <c r="D1929" s="59" t="s">
        <v>376</v>
      </c>
      <c r="E1929" s="59" t="s">
        <v>378</v>
      </c>
      <c r="F1929" s="59" t="s">
        <v>449</v>
      </c>
      <c r="G1929" s="59" t="s">
        <v>450</v>
      </c>
      <c r="H1929" s="60">
        <v>212</v>
      </c>
      <c r="I1929" s="60">
        <v>116</v>
      </c>
      <c r="J1929" s="61">
        <v>0</v>
      </c>
      <c r="K1929" s="61">
        <v>-8.2799999999999994</v>
      </c>
    </row>
    <row r="1930" spans="1:11" ht="18.75" hidden="1" customHeight="1" thickBot="1">
      <c r="A1930" s="59" t="s">
        <v>448</v>
      </c>
      <c r="B1930" s="59" t="s">
        <v>28</v>
      </c>
      <c r="C1930" s="59" t="s">
        <v>28</v>
      </c>
      <c r="D1930" s="59" t="s">
        <v>376</v>
      </c>
      <c r="E1930" s="59" t="s">
        <v>378</v>
      </c>
      <c r="F1930" s="59" t="s">
        <v>449</v>
      </c>
      <c r="G1930" s="59" t="s">
        <v>450</v>
      </c>
      <c r="H1930" s="60">
        <v>212</v>
      </c>
      <c r="I1930" s="60">
        <v>150</v>
      </c>
      <c r="J1930" s="61">
        <v>0</v>
      </c>
      <c r="K1930" s="61">
        <v>-0.51</v>
      </c>
    </row>
    <row r="1931" spans="1:11" ht="18.75" hidden="1" customHeight="1" thickBot="1">
      <c r="A1931" s="59" t="s">
        <v>448</v>
      </c>
      <c r="B1931" s="59" t="s">
        <v>28</v>
      </c>
      <c r="C1931" s="59" t="s">
        <v>28</v>
      </c>
      <c r="D1931" s="59" t="s">
        <v>376</v>
      </c>
      <c r="E1931" s="59" t="s">
        <v>378</v>
      </c>
      <c r="F1931" s="59" t="s">
        <v>449</v>
      </c>
      <c r="G1931" s="59" t="s">
        <v>450</v>
      </c>
      <c r="H1931" s="60">
        <v>212</v>
      </c>
      <c r="I1931" s="60">
        <v>211</v>
      </c>
      <c r="J1931" s="61">
        <v>0</v>
      </c>
      <c r="K1931" s="61">
        <v>-670.26</v>
      </c>
    </row>
    <row r="1932" spans="1:11" ht="18.75" hidden="1" customHeight="1" thickBot="1">
      <c r="A1932" s="59" t="s">
        <v>448</v>
      </c>
      <c r="B1932" s="59" t="s">
        <v>28</v>
      </c>
      <c r="C1932" s="59" t="s">
        <v>28</v>
      </c>
      <c r="D1932" s="59" t="s">
        <v>376</v>
      </c>
      <c r="E1932" s="59" t="s">
        <v>378</v>
      </c>
      <c r="F1932" s="59" t="s">
        <v>449</v>
      </c>
      <c r="G1932" s="59" t="s">
        <v>450</v>
      </c>
      <c r="H1932" s="60">
        <v>212</v>
      </c>
      <c r="I1932" s="60">
        <v>215</v>
      </c>
      <c r="J1932" s="61">
        <v>0</v>
      </c>
      <c r="K1932" s="61">
        <v>-2826.75</v>
      </c>
    </row>
    <row r="1933" spans="1:11" ht="18.75" hidden="1" customHeight="1" thickBot="1">
      <c r="A1933" s="59" t="s">
        <v>448</v>
      </c>
      <c r="B1933" s="59" t="s">
        <v>28</v>
      </c>
      <c r="C1933" s="59" t="s">
        <v>28</v>
      </c>
      <c r="D1933" s="59" t="s">
        <v>376</v>
      </c>
      <c r="E1933" s="59" t="s">
        <v>378</v>
      </c>
      <c r="F1933" s="59" t="s">
        <v>449</v>
      </c>
      <c r="G1933" s="59" t="s">
        <v>450</v>
      </c>
      <c r="H1933" s="60">
        <v>212</v>
      </c>
      <c r="I1933" s="60">
        <v>223</v>
      </c>
      <c r="J1933" s="61">
        <v>0</v>
      </c>
      <c r="K1933" s="61">
        <v>-11.34</v>
      </c>
    </row>
    <row r="1934" spans="1:11" ht="18.75" hidden="1" customHeight="1" thickBot="1">
      <c r="A1934" s="59" t="s">
        <v>448</v>
      </c>
      <c r="B1934" s="59" t="s">
        <v>28</v>
      </c>
      <c r="C1934" s="59" t="s">
        <v>28</v>
      </c>
      <c r="D1934" s="59" t="s">
        <v>376</v>
      </c>
      <c r="E1934" s="59" t="s">
        <v>378</v>
      </c>
      <c r="F1934" s="59" t="s">
        <v>449</v>
      </c>
      <c r="G1934" s="59" t="s">
        <v>450</v>
      </c>
      <c r="H1934" s="60">
        <v>212</v>
      </c>
      <c r="I1934" s="60">
        <v>240</v>
      </c>
      <c r="J1934" s="61">
        <v>0</v>
      </c>
      <c r="K1934" s="61">
        <v>-1042.57</v>
      </c>
    </row>
    <row r="1935" spans="1:11" ht="18.75" hidden="1" customHeight="1" thickBot="1">
      <c r="A1935" s="59" t="s">
        <v>448</v>
      </c>
      <c r="B1935" s="59" t="s">
        <v>28</v>
      </c>
      <c r="C1935" s="59" t="s">
        <v>28</v>
      </c>
      <c r="D1935" s="59" t="s">
        <v>376</v>
      </c>
      <c r="E1935" s="59" t="s">
        <v>378</v>
      </c>
      <c r="F1935" s="59" t="s">
        <v>449</v>
      </c>
      <c r="G1935" s="59" t="s">
        <v>450</v>
      </c>
      <c r="H1935" s="60">
        <v>212</v>
      </c>
      <c r="I1935" s="60">
        <v>358</v>
      </c>
      <c r="J1935" s="61">
        <v>0</v>
      </c>
      <c r="K1935" s="61">
        <v>-3104.97</v>
      </c>
    </row>
    <row r="1936" spans="1:11" ht="18.75" hidden="1" customHeight="1" thickBot="1">
      <c r="A1936" s="59" t="s">
        <v>448</v>
      </c>
      <c r="B1936" s="59" t="s">
        <v>28</v>
      </c>
      <c r="C1936" s="59" t="s">
        <v>28</v>
      </c>
      <c r="D1936" s="59" t="s">
        <v>376</v>
      </c>
      <c r="E1936" s="59" t="s">
        <v>378</v>
      </c>
      <c r="F1936" s="59" t="s">
        <v>449</v>
      </c>
      <c r="G1936" s="59" t="s">
        <v>450</v>
      </c>
      <c r="H1936" s="60">
        <v>216</v>
      </c>
      <c r="I1936" s="60">
        <v>211</v>
      </c>
      <c r="J1936" s="61">
        <v>0</v>
      </c>
      <c r="K1936" s="61">
        <v>-47.31</v>
      </c>
    </row>
    <row r="1937" spans="1:11" ht="18.75" hidden="1" customHeight="1" thickBot="1">
      <c r="A1937" s="59" t="s">
        <v>448</v>
      </c>
      <c r="B1937" s="59" t="s">
        <v>28</v>
      </c>
      <c r="C1937" s="59" t="s">
        <v>28</v>
      </c>
      <c r="D1937" s="59" t="s">
        <v>376</v>
      </c>
      <c r="E1937" s="59" t="s">
        <v>378</v>
      </c>
      <c r="F1937" s="59" t="s">
        <v>449</v>
      </c>
      <c r="G1937" s="59" t="s">
        <v>450</v>
      </c>
      <c r="H1937" s="60">
        <v>221</v>
      </c>
      <c r="I1937" s="60">
        <v>93</v>
      </c>
      <c r="J1937" s="61">
        <v>0</v>
      </c>
      <c r="K1937" s="61">
        <v>-1.02</v>
      </c>
    </row>
    <row r="1938" spans="1:11" ht="18.75" hidden="1" customHeight="1" thickBot="1">
      <c r="A1938" s="59" t="s">
        <v>448</v>
      </c>
      <c r="B1938" s="59" t="s">
        <v>28</v>
      </c>
      <c r="C1938" s="59" t="s">
        <v>28</v>
      </c>
      <c r="D1938" s="59" t="s">
        <v>376</v>
      </c>
      <c r="E1938" s="59" t="s">
        <v>378</v>
      </c>
      <c r="F1938" s="59" t="s">
        <v>449</v>
      </c>
      <c r="G1938" s="59" t="s">
        <v>450</v>
      </c>
      <c r="H1938" s="60">
        <v>221</v>
      </c>
      <c r="I1938" s="60">
        <v>94</v>
      </c>
      <c r="J1938" s="61">
        <v>0</v>
      </c>
      <c r="K1938" s="61">
        <v>-3.63</v>
      </c>
    </row>
    <row r="1939" spans="1:11" ht="18.75" hidden="1" customHeight="1" thickBot="1">
      <c r="A1939" s="59" t="s">
        <v>448</v>
      </c>
      <c r="B1939" s="59" t="s">
        <v>28</v>
      </c>
      <c r="C1939" s="59" t="s">
        <v>28</v>
      </c>
      <c r="D1939" s="59" t="s">
        <v>376</v>
      </c>
      <c r="E1939" s="59" t="s">
        <v>378</v>
      </c>
      <c r="F1939" s="59" t="s">
        <v>449</v>
      </c>
      <c r="G1939" s="59" t="s">
        <v>450</v>
      </c>
      <c r="H1939" s="60">
        <v>221</v>
      </c>
      <c r="I1939" s="60">
        <v>211</v>
      </c>
      <c r="J1939" s="61">
        <v>0</v>
      </c>
      <c r="K1939" s="61">
        <v>-170.9</v>
      </c>
    </row>
    <row r="1940" spans="1:11" ht="18.75" hidden="1" customHeight="1" thickBot="1">
      <c r="A1940" s="59" t="s">
        <v>448</v>
      </c>
      <c r="B1940" s="59" t="s">
        <v>28</v>
      </c>
      <c r="C1940" s="59" t="s">
        <v>28</v>
      </c>
      <c r="D1940" s="59" t="s">
        <v>376</v>
      </c>
      <c r="E1940" s="59" t="s">
        <v>378</v>
      </c>
      <c r="F1940" s="59" t="s">
        <v>449</v>
      </c>
      <c r="G1940" s="59" t="s">
        <v>450</v>
      </c>
      <c r="H1940" s="60">
        <v>221</v>
      </c>
      <c r="I1940" s="60">
        <v>215</v>
      </c>
      <c r="J1940" s="61">
        <v>0</v>
      </c>
      <c r="K1940" s="61">
        <v>-706.49</v>
      </c>
    </row>
    <row r="1941" spans="1:11" ht="18.75" hidden="1" customHeight="1" thickBot="1">
      <c r="A1941" s="59" t="s">
        <v>448</v>
      </c>
      <c r="B1941" s="59" t="s">
        <v>28</v>
      </c>
      <c r="C1941" s="59" t="s">
        <v>28</v>
      </c>
      <c r="D1941" s="59" t="s">
        <v>376</v>
      </c>
      <c r="E1941" s="59" t="s">
        <v>378</v>
      </c>
      <c r="F1941" s="59" t="s">
        <v>449</v>
      </c>
      <c r="G1941" s="59" t="s">
        <v>450</v>
      </c>
      <c r="H1941" s="60">
        <v>221</v>
      </c>
      <c r="I1941" s="60">
        <v>220</v>
      </c>
      <c r="J1941" s="61">
        <v>0</v>
      </c>
      <c r="K1941" s="61">
        <v>-9.5399999999999991</v>
      </c>
    </row>
    <row r="1942" spans="1:11" ht="18.75" hidden="1" customHeight="1" thickBot="1">
      <c r="A1942" s="59" t="s">
        <v>448</v>
      </c>
      <c r="B1942" s="59" t="s">
        <v>28</v>
      </c>
      <c r="C1942" s="59" t="s">
        <v>28</v>
      </c>
      <c r="D1942" s="59" t="s">
        <v>376</v>
      </c>
      <c r="E1942" s="59" t="s">
        <v>378</v>
      </c>
      <c r="F1942" s="59" t="s">
        <v>449</v>
      </c>
      <c r="G1942" s="59" t="s">
        <v>450</v>
      </c>
      <c r="H1942" s="60">
        <v>221</v>
      </c>
      <c r="I1942" s="60">
        <v>372</v>
      </c>
      <c r="J1942" s="61">
        <v>0</v>
      </c>
      <c r="K1942" s="61">
        <v>-83225.37</v>
      </c>
    </row>
    <row r="1943" spans="1:11" ht="18.75" hidden="1" customHeight="1" thickBot="1">
      <c r="A1943" s="59" t="s">
        <v>448</v>
      </c>
      <c r="B1943" s="59" t="s">
        <v>28</v>
      </c>
      <c r="C1943" s="59" t="s">
        <v>28</v>
      </c>
      <c r="D1943" s="59" t="s">
        <v>376</v>
      </c>
      <c r="E1943" s="59" t="s">
        <v>378</v>
      </c>
      <c r="F1943" s="59" t="s">
        <v>449</v>
      </c>
      <c r="G1943" s="59" t="s">
        <v>450</v>
      </c>
      <c r="H1943" s="60">
        <v>222</v>
      </c>
      <c r="I1943" s="60">
        <v>215</v>
      </c>
      <c r="J1943" s="61">
        <v>0</v>
      </c>
      <c r="K1943" s="61">
        <v>-170.03</v>
      </c>
    </row>
    <row r="1944" spans="1:11" ht="18.75" hidden="1" customHeight="1" thickBot="1">
      <c r="A1944" s="59" t="s">
        <v>448</v>
      </c>
      <c r="B1944" s="59" t="s">
        <v>28</v>
      </c>
      <c r="C1944" s="59" t="s">
        <v>28</v>
      </c>
      <c r="D1944" s="59" t="s">
        <v>376</v>
      </c>
      <c r="E1944" s="59" t="s">
        <v>378</v>
      </c>
      <c r="F1944" s="59" t="s">
        <v>449</v>
      </c>
      <c r="G1944" s="59" t="s">
        <v>450</v>
      </c>
      <c r="H1944" s="60">
        <v>230</v>
      </c>
      <c r="I1944" s="60">
        <v>211</v>
      </c>
      <c r="J1944" s="61">
        <v>0</v>
      </c>
      <c r="K1944" s="61">
        <v>-2.82</v>
      </c>
    </row>
    <row r="1945" spans="1:11" ht="18.75" hidden="1" customHeight="1" thickBot="1">
      <c r="A1945" s="59" t="s">
        <v>448</v>
      </c>
      <c r="B1945" s="59" t="s">
        <v>28</v>
      </c>
      <c r="C1945" s="59" t="s">
        <v>28</v>
      </c>
      <c r="D1945" s="59" t="s">
        <v>376</v>
      </c>
      <c r="E1945" s="59" t="s">
        <v>378</v>
      </c>
      <c r="F1945" s="59" t="s">
        <v>449</v>
      </c>
      <c r="G1945" s="59" t="s">
        <v>450</v>
      </c>
      <c r="H1945" s="60">
        <v>230</v>
      </c>
      <c r="I1945" s="60">
        <v>215</v>
      </c>
      <c r="J1945" s="61">
        <v>0</v>
      </c>
      <c r="K1945" s="61">
        <v>-15.84</v>
      </c>
    </row>
    <row r="1946" spans="1:11" ht="18.75" hidden="1" customHeight="1" thickBot="1">
      <c r="A1946" s="59" t="s">
        <v>448</v>
      </c>
      <c r="B1946" s="59" t="s">
        <v>28</v>
      </c>
      <c r="C1946" s="59" t="s">
        <v>28</v>
      </c>
      <c r="D1946" s="59" t="s">
        <v>376</v>
      </c>
      <c r="E1946" s="59" t="s">
        <v>378</v>
      </c>
      <c r="F1946" s="59" t="s">
        <v>449</v>
      </c>
      <c r="G1946" s="59" t="s">
        <v>450</v>
      </c>
      <c r="H1946" s="60">
        <v>230</v>
      </c>
      <c r="I1946" s="60">
        <v>220</v>
      </c>
      <c r="J1946" s="61">
        <v>0</v>
      </c>
      <c r="K1946" s="61">
        <v>-97.71</v>
      </c>
    </row>
    <row r="1947" spans="1:11" ht="18.75" customHeight="1" thickBot="1">
      <c r="A1947" s="59" t="s">
        <v>448</v>
      </c>
      <c r="B1947" s="59" t="s">
        <v>28</v>
      </c>
      <c r="C1947" s="59" t="s">
        <v>28</v>
      </c>
      <c r="D1947" s="59" t="s">
        <v>376</v>
      </c>
      <c r="E1947" s="59" t="s">
        <v>380</v>
      </c>
      <c r="F1947" s="59" t="s">
        <v>449</v>
      </c>
      <c r="G1947" s="59" t="s">
        <v>450</v>
      </c>
      <c r="H1947" s="60">
        <v>0</v>
      </c>
      <c r="I1947" s="60">
        <v>0</v>
      </c>
      <c r="J1947" s="61">
        <v>0</v>
      </c>
      <c r="K1947" s="61">
        <v>769.02</v>
      </c>
    </row>
    <row r="1948" spans="1:11" ht="18.75" customHeight="1" thickBot="1">
      <c r="A1948" s="59" t="s">
        <v>448</v>
      </c>
      <c r="B1948" s="59" t="s">
        <v>28</v>
      </c>
      <c r="C1948" s="59" t="s">
        <v>28</v>
      </c>
      <c r="D1948" s="59" t="s">
        <v>376</v>
      </c>
      <c r="E1948" s="59" t="s">
        <v>380</v>
      </c>
      <c r="F1948" s="59" t="s">
        <v>449</v>
      </c>
      <c r="G1948" s="59" t="s">
        <v>450</v>
      </c>
      <c r="H1948" s="60">
        <v>10</v>
      </c>
      <c r="I1948" s="60">
        <v>22</v>
      </c>
      <c r="J1948" s="61">
        <v>0</v>
      </c>
      <c r="K1948" s="61">
        <v>13.87</v>
      </c>
    </row>
    <row r="1949" spans="1:11" ht="18.75" customHeight="1" thickBot="1">
      <c r="A1949" s="59" t="s">
        <v>448</v>
      </c>
      <c r="B1949" s="59" t="s">
        <v>28</v>
      </c>
      <c r="C1949" s="59" t="s">
        <v>28</v>
      </c>
      <c r="D1949" s="59" t="s">
        <v>376</v>
      </c>
      <c r="E1949" s="59" t="s">
        <v>380</v>
      </c>
      <c r="F1949" s="59" t="s">
        <v>449</v>
      </c>
      <c r="G1949" s="59" t="s">
        <v>450</v>
      </c>
      <c r="H1949" s="60">
        <v>20</v>
      </c>
      <c r="I1949" s="60">
        <v>22</v>
      </c>
      <c r="J1949" s="61">
        <v>0</v>
      </c>
      <c r="K1949" s="61">
        <v>51.54</v>
      </c>
    </row>
    <row r="1950" spans="1:11" ht="18.75" customHeight="1" thickBot="1">
      <c r="A1950" s="59" t="s">
        <v>448</v>
      </c>
      <c r="B1950" s="59" t="s">
        <v>28</v>
      </c>
      <c r="C1950" s="59" t="s">
        <v>28</v>
      </c>
      <c r="D1950" s="59" t="s">
        <v>376</v>
      </c>
      <c r="E1950" s="59" t="s">
        <v>380</v>
      </c>
      <c r="F1950" s="59" t="s">
        <v>449</v>
      </c>
      <c r="G1950" s="59" t="s">
        <v>450</v>
      </c>
      <c r="H1950" s="60">
        <v>20</v>
      </c>
      <c r="I1950" s="60">
        <v>211</v>
      </c>
      <c r="J1950" s="61">
        <v>0</v>
      </c>
      <c r="K1950" s="61">
        <v>27.33</v>
      </c>
    </row>
    <row r="1951" spans="1:11" ht="18.75" customHeight="1" thickBot="1">
      <c r="A1951" s="59" t="s">
        <v>448</v>
      </c>
      <c r="B1951" s="59" t="s">
        <v>28</v>
      </c>
      <c r="C1951" s="59" t="s">
        <v>28</v>
      </c>
      <c r="D1951" s="59" t="s">
        <v>376</v>
      </c>
      <c r="E1951" s="59" t="s">
        <v>380</v>
      </c>
      <c r="F1951" s="59" t="s">
        <v>449</v>
      </c>
      <c r="G1951" s="59" t="s">
        <v>450</v>
      </c>
      <c r="H1951" s="60">
        <v>211</v>
      </c>
      <c r="I1951" s="60">
        <v>93</v>
      </c>
      <c r="J1951" s="61">
        <v>0</v>
      </c>
      <c r="K1951" s="61">
        <v>6.94</v>
      </c>
    </row>
    <row r="1952" spans="1:11" ht="18.75" customHeight="1" thickBot="1">
      <c r="A1952" s="59" t="s">
        <v>448</v>
      </c>
      <c r="B1952" s="59" t="s">
        <v>28</v>
      </c>
      <c r="C1952" s="59" t="s">
        <v>28</v>
      </c>
      <c r="D1952" s="59" t="s">
        <v>376</v>
      </c>
      <c r="E1952" s="59" t="s">
        <v>380</v>
      </c>
      <c r="F1952" s="59" t="s">
        <v>449</v>
      </c>
      <c r="G1952" s="59" t="s">
        <v>450</v>
      </c>
      <c r="H1952" s="60">
        <v>211</v>
      </c>
      <c r="I1952" s="60">
        <v>94</v>
      </c>
      <c r="J1952" s="61">
        <v>0</v>
      </c>
      <c r="K1952" s="61">
        <v>73.040000000000006</v>
      </c>
    </row>
    <row r="1953" spans="1:11" ht="18.75" customHeight="1" thickBot="1">
      <c r="A1953" s="59" t="s">
        <v>448</v>
      </c>
      <c r="B1953" s="59" t="s">
        <v>28</v>
      </c>
      <c r="C1953" s="59" t="s">
        <v>28</v>
      </c>
      <c r="D1953" s="59" t="s">
        <v>376</v>
      </c>
      <c r="E1953" s="59" t="s">
        <v>380</v>
      </c>
      <c r="F1953" s="59" t="s">
        <v>449</v>
      </c>
      <c r="G1953" s="59" t="s">
        <v>450</v>
      </c>
      <c r="H1953" s="60">
        <v>211</v>
      </c>
      <c r="I1953" s="60">
        <v>95</v>
      </c>
      <c r="J1953" s="61">
        <v>0</v>
      </c>
      <c r="K1953" s="61">
        <v>7.4</v>
      </c>
    </row>
    <row r="1954" spans="1:11" ht="18.75" customHeight="1" thickBot="1">
      <c r="A1954" s="59" t="s">
        <v>448</v>
      </c>
      <c r="B1954" s="59" t="s">
        <v>28</v>
      </c>
      <c r="C1954" s="59" t="s">
        <v>28</v>
      </c>
      <c r="D1954" s="59" t="s">
        <v>376</v>
      </c>
      <c r="E1954" s="59" t="s">
        <v>380</v>
      </c>
      <c r="F1954" s="59" t="s">
        <v>449</v>
      </c>
      <c r="G1954" s="59" t="s">
        <v>450</v>
      </c>
      <c r="H1954" s="60">
        <v>211</v>
      </c>
      <c r="I1954" s="60">
        <v>97</v>
      </c>
      <c r="J1954" s="61">
        <v>0</v>
      </c>
      <c r="K1954" s="61">
        <v>36.33</v>
      </c>
    </row>
    <row r="1955" spans="1:11" ht="18.75" customHeight="1" thickBot="1">
      <c r="A1955" s="59" t="s">
        <v>448</v>
      </c>
      <c r="B1955" s="59" t="s">
        <v>28</v>
      </c>
      <c r="C1955" s="59" t="s">
        <v>28</v>
      </c>
      <c r="D1955" s="59" t="s">
        <v>376</v>
      </c>
      <c r="E1955" s="59" t="s">
        <v>380</v>
      </c>
      <c r="F1955" s="59" t="s">
        <v>449</v>
      </c>
      <c r="G1955" s="59" t="s">
        <v>450</v>
      </c>
      <c r="H1955" s="60">
        <v>211</v>
      </c>
      <c r="I1955" s="60">
        <v>98</v>
      </c>
      <c r="J1955" s="61">
        <v>0</v>
      </c>
      <c r="K1955" s="61">
        <v>5.84</v>
      </c>
    </row>
    <row r="1956" spans="1:11" ht="18.75" customHeight="1" thickBot="1">
      <c r="A1956" s="59" t="s">
        <v>448</v>
      </c>
      <c r="B1956" s="59" t="s">
        <v>28</v>
      </c>
      <c r="C1956" s="59" t="s">
        <v>28</v>
      </c>
      <c r="D1956" s="59" t="s">
        <v>376</v>
      </c>
      <c r="E1956" s="59" t="s">
        <v>380</v>
      </c>
      <c r="F1956" s="59" t="s">
        <v>449</v>
      </c>
      <c r="G1956" s="59" t="s">
        <v>450</v>
      </c>
      <c r="H1956" s="60">
        <v>211</v>
      </c>
      <c r="I1956" s="60">
        <v>99</v>
      </c>
      <c r="J1956" s="61">
        <v>0</v>
      </c>
      <c r="K1956" s="61">
        <v>2.2000000000000002</v>
      </c>
    </row>
    <row r="1957" spans="1:11" ht="18.75" customHeight="1" thickBot="1">
      <c r="A1957" s="59" t="s">
        <v>448</v>
      </c>
      <c r="B1957" s="59" t="s">
        <v>28</v>
      </c>
      <c r="C1957" s="59" t="s">
        <v>28</v>
      </c>
      <c r="D1957" s="59" t="s">
        <v>376</v>
      </c>
      <c r="E1957" s="59" t="s">
        <v>380</v>
      </c>
      <c r="F1957" s="59" t="s">
        <v>449</v>
      </c>
      <c r="G1957" s="59" t="s">
        <v>450</v>
      </c>
      <c r="H1957" s="60">
        <v>211</v>
      </c>
      <c r="I1957" s="60">
        <v>107</v>
      </c>
      <c r="J1957" s="61">
        <v>0</v>
      </c>
      <c r="K1957" s="61">
        <v>50.7</v>
      </c>
    </row>
    <row r="1958" spans="1:11" ht="18.75" customHeight="1" thickBot="1">
      <c r="A1958" s="59" t="s">
        <v>448</v>
      </c>
      <c r="B1958" s="59" t="s">
        <v>28</v>
      </c>
      <c r="C1958" s="59" t="s">
        <v>28</v>
      </c>
      <c r="D1958" s="59" t="s">
        <v>376</v>
      </c>
      <c r="E1958" s="59" t="s">
        <v>380</v>
      </c>
      <c r="F1958" s="59" t="s">
        <v>449</v>
      </c>
      <c r="G1958" s="59" t="s">
        <v>450</v>
      </c>
      <c r="H1958" s="60">
        <v>211</v>
      </c>
      <c r="I1958" s="60">
        <v>109</v>
      </c>
      <c r="J1958" s="61">
        <v>0</v>
      </c>
      <c r="K1958" s="61">
        <v>241.92</v>
      </c>
    </row>
    <row r="1959" spans="1:11" ht="18.75" customHeight="1" thickBot="1">
      <c r="A1959" s="59" t="s">
        <v>448</v>
      </c>
      <c r="B1959" s="59" t="s">
        <v>28</v>
      </c>
      <c r="C1959" s="59" t="s">
        <v>28</v>
      </c>
      <c r="D1959" s="59" t="s">
        <v>376</v>
      </c>
      <c r="E1959" s="59" t="s">
        <v>380</v>
      </c>
      <c r="F1959" s="59" t="s">
        <v>449</v>
      </c>
      <c r="G1959" s="59" t="s">
        <v>450</v>
      </c>
      <c r="H1959" s="60">
        <v>211</v>
      </c>
      <c r="I1959" s="60">
        <v>110</v>
      </c>
      <c r="J1959" s="61">
        <v>0</v>
      </c>
      <c r="K1959" s="61">
        <v>1.51</v>
      </c>
    </row>
    <row r="1960" spans="1:11" ht="18.75" customHeight="1" thickBot="1">
      <c r="A1960" s="59" t="s">
        <v>448</v>
      </c>
      <c r="B1960" s="59" t="s">
        <v>28</v>
      </c>
      <c r="C1960" s="59" t="s">
        <v>28</v>
      </c>
      <c r="D1960" s="59" t="s">
        <v>376</v>
      </c>
      <c r="E1960" s="59" t="s">
        <v>380</v>
      </c>
      <c r="F1960" s="59" t="s">
        <v>449</v>
      </c>
      <c r="G1960" s="59" t="s">
        <v>450</v>
      </c>
      <c r="H1960" s="60">
        <v>211</v>
      </c>
      <c r="I1960" s="60">
        <v>111</v>
      </c>
      <c r="J1960" s="61">
        <v>0</v>
      </c>
      <c r="K1960" s="61">
        <v>31.15</v>
      </c>
    </row>
    <row r="1961" spans="1:11" ht="18.75" customHeight="1" thickBot="1">
      <c r="A1961" s="59" t="s">
        <v>448</v>
      </c>
      <c r="B1961" s="59" t="s">
        <v>28</v>
      </c>
      <c r="C1961" s="59" t="s">
        <v>28</v>
      </c>
      <c r="D1961" s="59" t="s">
        <v>376</v>
      </c>
      <c r="E1961" s="59" t="s">
        <v>380</v>
      </c>
      <c r="F1961" s="59" t="s">
        <v>449</v>
      </c>
      <c r="G1961" s="59" t="s">
        <v>450</v>
      </c>
      <c r="H1961" s="60">
        <v>211</v>
      </c>
      <c r="I1961" s="60">
        <v>113</v>
      </c>
      <c r="J1961" s="61">
        <v>0</v>
      </c>
      <c r="K1961" s="61">
        <v>98.03</v>
      </c>
    </row>
    <row r="1962" spans="1:11" ht="18.75" customHeight="1" thickBot="1">
      <c r="A1962" s="59" t="s">
        <v>448</v>
      </c>
      <c r="B1962" s="59" t="s">
        <v>28</v>
      </c>
      <c r="C1962" s="59" t="s">
        <v>28</v>
      </c>
      <c r="D1962" s="59" t="s">
        <v>376</v>
      </c>
      <c r="E1962" s="59" t="s">
        <v>380</v>
      </c>
      <c r="F1962" s="59" t="s">
        <v>449</v>
      </c>
      <c r="G1962" s="59" t="s">
        <v>450</v>
      </c>
      <c r="H1962" s="60">
        <v>211</v>
      </c>
      <c r="I1962" s="60">
        <v>116</v>
      </c>
      <c r="J1962" s="61">
        <v>0</v>
      </c>
      <c r="K1962" s="61">
        <v>111.55</v>
      </c>
    </row>
    <row r="1963" spans="1:11" ht="18.75" customHeight="1" thickBot="1">
      <c r="A1963" s="59" t="s">
        <v>448</v>
      </c>
      <c r="B1963" s="59" t="s">
        <v>28</v>
      </c>
      <c r="C1963" s="59" t="s">
        <v>28</v>
      </c>
      <c r="D1963" s="59" t="s">
        <v>376</v>
      </c>
      <c r="E1963" s="59" t="s">
        <v>380</v>
      </c>
      <c r="F1963" s="59" t="s">
        <v>449</v>
      </c>
      <c r="G1963" s="59" t="s">
        <v>450</v>
      </c>
      <c r="H1963" s="60">
        <v>211</v>
      </c>
      <c r="I1963" s="60">
        <v>122</v>
      </c>
      <c r="J1963" s="61">
        <v>0</v>
      </c>
      <c r="K1963" s="61">
        <v>18.28</v>
      </c>
    </row>
    <row r="1964" spans="1:11" ht="18.75" customHeight="1" thickBot="1">
      <c r="A1964" s="59" t="s">
        <v>448</v>
      </c>
      <c r="B1964" s="59" t="s">
        <v>28</v>
      </c>
      <c r="C1964" s="59" t="s">
        <v>28</v>
      </c>
      <c r="D1964" s="59" t="s">
        <v>376</v>
      </c>
      <c r="E1964" s="59" t="s">
        <v>380</v>
      </c>
      <c r="F1964" s="59" t="s">
        <v>449</v>
      </c>
      <c r="G1964" s="59" t="s">
        <v>450</v>
      </c>
      <c r="H1964" s="60">
        <v>211</v>
      </c>
      <c r="I1964" s="60">
        <v>131</v>
      </c>
      <c r="J1964" s="61">
        <v>0</v>
      </c>
      <c r="K1964" s="61">
        <v>22.15</v>
      </c>
    </row>
    <row r="1965" spans="1:11" ht="18.75" customHeight="1" thickBot="1">
      <c r="A1965" s="59" t="s">
        <v>448</v>
      </c>
      <c r="B1965" s="59" t="s">
        <v>28</v>
      </c>
      <c r="C1965" s="59" t="s">
        <v>28</v>
      </c>
      <c r="D1965" s="59" t="s">
        <v>376</v>
      </c>
      <c r="E1965" s="59" t="s">
        <v>380</v>
      </c>
      <c r="F1965" s="59" t="s">
        <v>449</v>
      </c>
      <c r="G1965" s="59" t="s">
        <v>450</v>
      </c>
      <c r="H1965" s="60">
        <v>211</v>
      </c>
      <c r="I1965" s="60">
        <v>150</v>
      </c>
      <c r="J1965" s="61">
        <v>0</v>
      </c>
      <c r="K1965" s="61">
        <v>33.85</v>
      </c>
    </row>
    <row r="1966" spans="1:11" ht="18.75" customHeight="1" thickBot="1">
      <c r="A1966" s="59" t="s">
        <v>448</v>
      </c>
      <c r="B1966" s="59" t="s">
        <v>28</v>
      </c>
      <c r="C1966" s="59" t="s">
        <v>28</v>
      </c>
      <c r="D1966" s="59" t="s">
        <v>376</v>
      </c>
      <c r="E1966" s="59" t="s">
        <v>380</v>
      </c>
      <c r="F1966" s="59" t="s">
        <v>449</v>
      </c>
      <c r="G1966" s="59" t="s">
        <v>450</v>
      </c>
      <c r="H1966" s="60">
        <v>211</v>
      </c>
      <c r="I1966" s="60">
        <v>204</v>
      </c>
      <c r="J1966" s="61">
        <v>0</v>
      </c>
      <c r="K1966" s="61">
        <v>11.41</v>
      </c>
    </row>
    <row r="1967" spans="1:11" ht="18.75" customHeight="1" thickBot="1">
      <c r="A1967" s="59" t="s">
        <v>448</v>
      </c>
      <c r="B1967" s="59" t="s">
        <v>28</v>
      </c>
      <c r="C1967" s="59" t="s">
        <v>28</v>
      </c>
      <c r="D1967" s="59" t="s">
        <v>376</v>
      </c>
      <c r="E1967" s="59" t="s">
        <v>380</v>
      </c>
      <c r="F1967" s="59" t="s">
        <v>449</v>
      </c>
      <c r="G1967" s="59" t="s">
        <v>450</v>
      </c>
      <c r="H1967" s="60">
        <v>211</v>
      </c>
      <c r="I1967" s="60">
        <v>211</v>
      </c>
      <c r="J1967" s="61">
        <v>0</v>
      </c>
      <c r="K1967" s="61">
        <v>23169.200000000001</v>
      </c>
    </row>
    <row r="1968" spans="1:11" ht="18.75" customHeight="1" thickBot="1">
      <c r="A1968" s="59" t="s">
        <v>448</v>
      </c>
      <c r="B1968" s="59" t="s">
        <v>28</v>
      </c>
      <c r="C1968" s="59" t="s">
        <v>28</v>
      </c>
      <c r="D1968" s="59" t="s">
        <v>376</v>
      </c>
      <c r="E1968" s="59" t="s">
        <v>380</v>
      </c>
      <c r="F1968" s="59" t="s">
        <v>449</v>
      </c>
      <c r="G1968" s="59" t="s">
        <v>450</v>
      </c>
      <c r="H1968" s="60">
        <v>211</v>
      </c>
      <c r="I1968" s="60">
        <v>212</v>
      </c>
      <c r="J1968" s="61">
        <v>0</v>
      </c>
      <c r="K1968" s="61">
        <v>4.0599999999999996</v>
      </c>
    </row>
    <row r="1969" spans="1:11" ht="18.75" customHeight="1" thickBot="1">
      <c r="A1969" s="59" t="s">
        <v>448</v>
      </c>
      <c r="B1969" s="59" t="s">
        <v>28</v>
      </c>
      <c r="C1969" s="59" t="s">
        <v>28</v>
      </c>
      <c r="D1969" s="59" t="s">
        <v>376</v>
      </c>
      <c r="E1969" s="59" t="s">
        <v>380</v>
      </c>
      <c r="F1969" s="59" t="s">
        <v>449</v>
      </c>
      <c r="G1969" s="59" t="s">
        <v>450</v>
      </c>
      <c r="H1969" s="60">
        <v>211</v>
      </c>
      <c r="I1969" s="60">
        <v>213</v>
      </c>
      <c r="J1969" s="61">
        <v>0</v>
      </c>
      <c r="K1969" s="61">
        <v>4.08</v>
      </c>
    </row>
    <row r="1970" spans="1:11" ht="18.75" customHeight="1" thickBot="1">
      <c r="A1970" s="59" t="s">
        <v>448</v>
      </c>
      <c r="B1970" s="59" t="s">
        <v>28</v>
      </c>
      <c r="C1970" s="59" t="s">
        <v>28</v>
      </c>
      <c r="D1970" s="59" t="s">
        <v>376</v>
      </c>
      <c r="E1970" s="59" t="s">
        <v>380</v>
      </c>
      <c r="F1970" s="59" t="s">
        <v>449</v>
      </c>
      <c r="G1970" s="59" t="s">
        <v>450</v>
      </c>
      <c r="H1970" s="60">
        <v>211</v>
      </c>
      <c r="I1970" s="60">
        <v>214</v>
      </c>
      <c r="J1970" s="61">
        <v>0</v>
      </c>
      <c r="K1970" s="61">
        <v>3.22</v>
      </c>
    </row>
    <row r="1971" spans="1:11" ht="18.75" customHeight="1" thickBot="1">
      <c r="A1971" s="59" t="s">
        <v>448</v>
      </c>
      <c r="B1971" s="59" t="s">
        <v>28</v>
      </c>
      <c r="C1971" s="59" t="s">
        <v>28</v>
      </c>
      <c r="D1971" s="59" t="s">
        <v>376</v>
      </c>
      <c r="E1971" s="59" t="s">
        <v>380</v>
      </c>
      <c r="F1971" s="59" t="s">
        <v>449</v>
      </c>
      <c r="G1971" s="59" t="s">
        <v>450</v>
      </c>
      <c r="H1971" s="60">
        <v>211</v>
      </c>
      <c r="I1971" s="60">
        <v>215</v>
      </c>
      <c r="J1971" s="61">
        <v>0</v>
      </c>
      <c r="K1971" s="61">
        <v>19593.77</v>
      </c>
    </row>
    <row r="1972" spans="1:11" ht="18.75" customHeight="1" thickBot="1">
      <c r="A1972" s="59" t="s">
        <v>448</v>
      </c>
      <c r="B1972" s="59" t="s">
        <v>28</v>
      </c>
      <c r="C1972" s="59" t="s">
        <v>28</v>
      </c>
      <c r="D1972" s="59" t="s">
        <v>376</v>
      </c>
      <c r="E1972" s="59" t="s">
        <v>380</v>
      </c>
      <c r="F1972" s="59" t="s">
        <v>449</v>
      </c>
      <c r="G1972" s="59" t="s">
        <v>450</v>
      </c>
      <c r="H1972" s="60">
        <v>211</v>
      </c>
      <c r="I1972" s="60">
        <v>217</v>
      </c>
      <c r="J1972" s="61">
        <v>0</v>
      </c>
      <c r="K1972" s="61">
        <v>97.91</v>
      </c>
    </row>
    <row r="1973" spans="1:11" ht="18.75" customHeight="1" thickBot="1">
      <c r="A1973" s="59" t="s">
        <v>448</v>
      </c>
      <c r="B1973" s="59" t="s">
        <v>28</v>
      </c>
      <c r="C1973" s="59" t="s">
        <v>28</v>
      </c>
      <c r="D1973" s="59" t="s">
        <v>376</v>
      </c>
      <c r="E1973" s="59" t="s">
        <v>380</v>
      </c>
      <c r="F1973" s="59" t="s">
        <v>449</v>
      </c>
      <c r="G1973" s="59" t="s">
        <v>450</v>
      </c>
      <c r="H1973" s="60">
        <v>211</v>
      </c>
      <c r="I1973" s="60">
        <v>223</v>
      </c>
      <c r="J1973" s="61">
        <v>0</v>
      </c>
      <c r="K1973" s="61">
        <v>13.44</v>
      </c>
    </row>
    <row r="1974" spans="1:11" ht="18.75" customHeight="1" thickBot="1">
      <c r="A1974" s="59" t="s">
        <v>448</v>
      </c>
      <c r="B1974" s="59" t="s">
        <v>28</v>
      </c>
      <c r="C1974" s="59" t="s">
        <v>28</v>
      </c>
      <c r="D1974" s="59" t="s">
        <v>376</v>
      </c>
      <c r="E1974" s="59" t="s">
        <v>380</v>
      </c>
      <c r="F1974" s="59" t="s">
        <v>449</v>
      </c>
      <c r="G1974" s="59" t="s">
        <v>450</v>
      </c>
      <c r="H1974" s="60">
        <v>211</v>
      </c>
      <c r="I1974" s="60">
        <v>225</v>
      </c>
      <c r="J1974" s="61">
        <v>0</v>
      </c>
      <c r="K1974" s="61">
        <v>7.43</v>
      </c>
    </row>
    <row r="1975" spans="1:11" ht="18.75" customHeight="1" thickBot="1">
      <c r="A1975" s="59" t="s">
        <v>448</v>
      </c>
      <c r="B1975" s="59" t="s">
        <v>28</v>
      </c>
      <c r="C1975" s="59" t="s">
        <v>28</v>
      </c>
      <c r="D1975" s="59" t="s">
        <v>376</v>
      </c>
      <c r="E1975" s="59" t="s">
        <v>380</v>
      </c>
      <c r="F1975" s="59" t="s">
        <v>449</v>
      </c>
      <c r="G1975" s="59" t="s">
        <v>450</v>
      </c>
      <c r="H1975" s="60">
        <v>211</v>
      </c>
      <c r="I1975" s="60">
        <v>227</v>
      </c>
      <c r="J1975" s="61">
        <v>0</v>
      </c>
      <c r="K1975" s="61">
        <v>36.93</v>
      </c>
    </row>
    <row r="1976" spans="1:11" ht="18.75" customHeight="1" thickBot="1">
      <c r="A1976" s="59" t="s">
        <v>448</v>
      </c>
      <c r="B1976" s="59" t="s">
        <v>28</v>
      </c>
      <c r="C1976" s="59" t="s">
        <v>28</v>
      </c>
      <c r="D1976" s="59" t="s">
        <v>376</v>
      </c>
      <c r="E1976" s="59" t="s">
        <v>380</v>
      </c>
      <c r="F1976" s="59" t="s">
        <v>449</v>
      </c>
      <c r="G1976" s="59" t="s">
        <v>450</v>
      </c>
      <c r="H1976" s="60">
        <v>211</v>
      </c>
      <c r="I1976" s="60">
        <v>229</v>
      </c>
      <c r="J1976" s="61">
        <v>0</v>
      </c>
      <c r="K1976" s="61">
        <v>197.46</v>
      </c>
    </row>
    <row r="1977" spans="1:11" ht="18.75" customHeight="1" thickBot="1">
      <c r="A1977" s="59" t="s">
        <v>448</v>
      </c>
      <c r="B1977" s="59" t="s">
        <v>28</v>
      </c>
      <c r="C1977" s="59" t="s">
        <v>28</v>
      </c>
      <c r="D1977" s="59" t="s">
        <v>376</v>
      </c>
      <c r="E1977" s="59" t="s">
        <v>380</v>
      </c>
      <c r="F1977" s="59" t="s">
        <v>449</v>
      </c>
      <c r="G1977" s="59" t="s">
        <v>450</v>
      </c>
      <c r="H1977" s="60">
        <v>211</v>
      </c>
      <c r="I1977" s="60">
        <v>240</v>
      </c>
      <c r="J1977" s="61">
        <v>0</v>
      </c>
      <c r="K1977" s="61">
        <v>10028.85</v>
      </c>
    </row>
    <row r="1978" spans="1:11" ht="18.75" customHeight="1" thickBot="1">
      <c r="A1978" s="59" t="s">
        <v>448</v>
      </c>
      <c r="B1978" s="59" t="s">
        <v>28</v>
      </c>
      <c r="C1978" s="59" t="s">
        <v>28</v>
      </c>
      <c r="D1978" s="59" t="s">
        <v>376</v>
      </c>
      <c r="E1978" s="59" t="s">
        <v>380</v>
      </c>
      <c r="F1978" s="59" t="s">
        <v>449</v>
      </c>
      <c r="G1978" s="59" t="s">
        <v>450</v>
      </c>
      <c r="H1978" s="60">
        <v>211</v>
      </c>
      <c r="I1978" s="60">
        <v>244</v>
      </c>
      <c r="J1978" s="61">
        <v>0</v>
      </c>
      <c r="K1978" s="61">
        <v>544.94000000000005</v>
      </c>
    </row>
    <row r="1979" spans="1:11" ht="18.75" customHeight="1" thickBot="1">
      <c r="A1979" s="59" t="s">
        <v>448</v>
      </c>
      <c r="B1979" s="59" t="s">
        <v>28</v>
      </c>
      <c r="C1979" s="59" t="s">
        <v>28</v>
      </c>
      <c r="D1979" s="59" t="s">
        <v>376</v>
      </c>
      <c r="E1979" s="59" t="s">
        <v>380</v>
      </c>
      <c r="F1979" s="59" t="s">
        <v>449</v>
      </c>
      <c r="G1979" s="59" t="s">
        <v>450</v>
      </c>
      <c r="H1979" s="60">
        <v>211</v>
      </c>
      <c r="I1979" s="60">
        <v>356</v>
      </c>
      <c r="J1979" s="61">
        <v>0</v>
      </c>
      <c r="K1979" s="61">
        <v>2798.21</v>
      </c>
    </row>
    <row r="1980" spans="1:11" ht="18.75" customHeight="1" thickBot="1">
      <c r="A1980" s="59" t="s">
        <v>448</v>
      </c>
      <c r="B1980" s="59" t="s">
        <v>28</v>
      </c>
      <c r="C1980" s="59" t="s">
        <v>28</v>
      </c>
      <c r="D1980" s="59" t="s">
        <v>376</v>
      </c>
      <c r="E1980" s="59" t="s">
        <v>380</v>
      </c>
      <c r="F1980" s="59" t="s">
        <v>449</v>
      </c>
      <c r="G1980" s="59" t="s">
        <v>450</v>
      </c>
      <c r="H1980" s="60">
        <v>211</v>
      </c>
      <c r="I1980" s="60">
        <v>359</v>
      </c>
      <c r="J1980" s="61">
        <v>0</v>
      </c>
      <c r="K1980" s="61">
        <v>48573.23</v>
      </c>
    </row>
    <row r="1981" spans="1:11" ht="18.75" customHeight="1" thickBot="1">
      <c r="A1981" s="59" t="s">
        <v>448</v>
      </c>
      <c r="B1981" s="59" t="s">
        <v>28</v>
      </c>
      <c r="C1981" s="59" t="s">
        <v>28</v>
      </c>
      <c r="D1981" s="59" t="s">
        <v>376</v>
      </c>
      <c r="E1981" s="59" t="s">
        <v>380</v>
      </c>
      <c r="F1981" s="59" t="s">
        <v>449</v>
      </c>
      <c r="G1981" s="59" t="s">
        <v>450</v>
      </c>
      <c r="H1981" s="60">
        <v>212</v>
      </c>
      <c r="I1981" s="60">
        <v>94</v>
      </c>
      <c r="J1981" s="61">
        <v>0</v>
      </c>
      <c r="K1981" s="61">
        <v>11.68</v>
      </c>
    </row>
    <row r="1982" spans="1:11" ht="18.75" customHeight="1" thickBot="1">
      <c r="A1982" s="59" t="s">
        <v>448</v>
      </c>
      <c r="B1982" s="59" t="s">
        <v>28</v>
      </c>
      <c r="C1982" s="59" t="s">
        <v>28</v>
      </c>
      <c r="D1982" s="59" t="s">
        <v>376</v>
      </c>
      <c r="E1982" s="59" t="s">
        <v>380</v>
      </c>
      <c r="F1982" s="59" t="s">
        <v>449</v>
      </c>
      <c r="G1982" s="59" t="s">
        <v>450</v>
      </c>
      <c r="H1982" s="60">
        <v>212</v>
      </c>
      <c r="I1982" s="60">
        <v>97</v>
      </c>
      <c r="J1982" s="61">
        <v>0</v>
      </c>
      <c r="K1982" s="61">
        <v>8.8000000000000007</v>
      </c>
    </row>
    <row r="1983" spans="1:11" ht="18.75" customHeight="1" thickBot="1">
      <c r="A1983" s="59" t="s">
        <v>448</v>
      </c>
      <c r="B1983" s="59" t="s">
        <v>28</v>
      </c>
      <c r="C1983" s="59" t="s">
        <v>28</v>
      </c>
      <c r="D1983" s="59" t="s">
        <v>376</v>
      </c>
      <c r="E1983" s="59" t="s">
        <v>380</v>
      </c>
      <c r="F1983" s="59" t="s">
        <v>449</v>
      </c>
      <c r="G1983" s="59" t="s">
        <v>450</v>
      </c>
      <c r="H1983" s="60">
        <v>212</v>
      </c>
      <c r="I1983" s="60">
        <v>98</v>
      </c>
      <c r="J1983" s="61">
        <v>0</v>
      </c>
      <c r="K1983" s="61">
        <v>21.93</v>
      </c>
    </row>
    <row r="1984" spans="1:11" ht="18.75" customHeight="1" thickBot="1">
      <c r="A1984" s="59" t="s">
        <v>448</v>
      </c>
      <c r="B1984" s="59" t="s">
        <v>28</v>
      </c>
      <c r="C1984" s="59" t="s">
        <v>28</v>
      </c>
      <c r="D1984" s="59" t="s">
        <v>376</v>
      </c>
      <c r="E1984" s="59" t="s">
        <v>380</v>
      </c>
      <c r="F1984" s="59" t="s">
        <v>449</v>
      </c>
      <c r="G1984" s="59" t="s">
        <v>450</v>
      </c>
      <c r="H1984" s="60">
        <v>212</v>
      </c>
      <c r="I1984" s="60">
        <v>107</v>
      </c>
      <c r="J1984" s="61">
        <v>0</v>
      </c>
      <c r="K1984" s="61">
        <v>6.03</v>
      </c>
    </row>
    <row r="1985" spans="1:11" ht="18.75" customHeight="1" thickBot="1">
      <c r="A1985" s="59" t="s">
        <v>448</v>
      </c>
      <c r="B1985" s="59" t="s">
        <v>28</v>
      </c>
      <c r="C1985" s="59" t="s">
        <v>28</v>
      </c>
      <c r="D1985" s="59" t="s">
        <v>376</v>
      </c>
      <c r="E1985" s="59" t="s">
        <v>380</v>
      </c>
      <c r="F1985" s="59" t="s">
        <v>449</v>
      </c>
      <c r="G1985" s="59" t="s">
        <v>450</v>
      </c>
      <c r="H1985" s="60">
        <v>212</v>
      </c>
      <c r="I1985" s="60">
        <v>109</v>
      </c>
      <c r="J1985" s="61">
        <v>0</v>
      </c>
      <c r="K1985" s="61">
        <v>29.52</v>
      </c>
    </row>
    <row r="1986" spans="1:11" ht="18.75" customHeight="1" thickBot="1">
      <c r="A1986" s="59" t="s">
        <v>448</v>
      </c>
      <c r="B1986" s="59" t="s">
        <v>28</v>
      </c>
      <c r="C1986" s="59" t="s">
        <v>28</v>
      </c>
      <c r="D1986" s="59" t="s">
        <v>376</v>
      </c>
      <c r="E1986" s="59" t="s">
        <v>380</v>
      </c>
      <c r="F1986" s="59" t="s">
        <v>449</v>
      </c>
      <c r="G1986" s="59" t="s">
        <v>450</v>
      </c>
      <c r="H1986" s="60">
        <v>212</v>
      </c>
      <c r="I1986" s="60">
        <v>113</v>
      </c>
      <c r="J1986" s="61">
        <v>0</v>
      </c>
      <c r="K1986" s="61">
        <v>5.54</v>
      </c>
    </row>
    <row r="1987" spans="1:11" ht="18.75" customHeight="1" thickBot="1">
      <c r="A1987" s="59" t="s">
        <v>448</v>
      </c>
      <c r="B1987" s="59" t="s">
        <v>28</v>
      </c>
      <c r="C1987" s="59" t="s">
        <v>28</v>
      </c>
      <c r="D1987" s="59" t="s">
        <v>376</v>
      </c>
      <c r="E1987" s="59" t="s">
        <v>380</v>
      </c>
      <c r="F1987" s="59" t="s">
        <v>449</v>
      </c>
      <c r="G1987" s="59" t="s">
        <v>450</v>
      </c>
      <c r="H1987" s="60">
        <v>212</v>
      </c>
      <c r="I1987" s="60">
        <v>116</v>
      </c>
      <c r="J1987" s="61">
        <v>0</v>
      </c>
      <c r="K1987" s="61">
        <v>10.3</v>
      </c>
    </row>
    <row r="1988" spans="1:11" ht="18.75" customHeight="1" thickBot="1">
      <c r="A1988" s="59" t="s">
        <v>448</v>
      </c>
      <c r="B1988" s="59" t="s">
        <v>28</v>
      </c>
      <c r="C1988" s="59" t="s">
        <v>28</v>
      </c>
      <c r="D1988" s="59" t="s">
        <v>376</v>
      </c>
      <c r="E1988" s="59" t="s">
        <v>380</v>
      </c>
      <c r="F1988" s="59" t="s">
        <v>449</v>
      </c>
      <c r="G1988" s="59" t="s">
        <v>450</v>
      </c>
      <c r="H1988" s="60">
        <v>212</v>
      </c>
      <c r="I1988" s="60">
        <v>150</v>
      </c>
      <c r="J1988" s="61">
        <v>0</v>
      </c>
      <c r="K1988" s="61">
        <v>3.04</v>
      </c>
    </row>
    <row r="1989" spans="1:11" ht="18.75" customHeight="1" thickBot="1">
      <c r="A1989" s="59" t="s">
        <v>448</v>
      </c>
      <c r="B1989" s="59" t="s">
        <v>28</v>
      </c>
      <c r="C1989" s="59" t="s">
        <v>28</v>
      </c>
      <c r="D1989" s="59" t="s">
        <v>376</v>
      </c>
      <c r="E1989" s="59" t="s">
        <v>380</v>
      </c>
      <c r="F1989" s="59" t="s">
        <v>449</v>
      </c>
      <c r="G1989" s="59" t="s">
        <v>450</v>
      </c>
      <c r="H1989" s="60">
        <v>212</v>
      </c>
      <c r="I1989" s="60">
        <v>211</v>
      </c>
      <c r="J1989" s="61">
        <v>0</v>
      </c>
      <c r="K1989" s="61">
        <v>5399.36</v>
      </c>
    </row>
    <row r="1990" spans="1:11" ht="18.75" customHeight="1" thickBot="1">
      <c r="A1990" s="59" t="s">
        <v>448</v>
      </c>
      <c r="B1990" s="59" t="s">
        <v>28</v>
      </c>
      <c r="C1990" s="59" t="s">
        <v>28</v>
      </c>
      <c r="D1990" s="59" t="s">
        <v>376</v>
      </c>
      <c r="E1990" s="59" t="s">
        <v>380</v>
      </c>
      <c r="F1990" s="59" t="s">
        <v>449</v>
      </c>
      <c r="G1990" s="59" t="s">
        <v>450</v>
      </c>
      <c r="H1990" s="60">
        <v>212</v>
      </c>
      <c r="I1990" s="60">
        <v>215</v>
      </c>
      <c r="J1990" s="61">
        <v>0</v>
      </c>
      <c r="K1990" s="61">
        <v>16756.62</v>
      </c>
    </row>
    <row r="1991" spans="1:11" ht="18.75" customHeight="1" thickBot="1">
      <c r="A1991" s="59" t="s">
        <v>448</v>
      </c>
      <c r="B1991" s="59" t="s">
        <v>28</v>
      </c>
      <c r="C1991" s="59" t="s">
        <v>28</v>
      </c>
      <c r="D1991" s="59" t="s">
        <v>376</v>
      </c>
      <c r="E1991" s="59" t="s">
        <v>380</v>
      </c>
      <c r="F1991" s="59" t="s">
        <v>449</v>
      </c>
      <c r="G1991" s="59" t="s">
        <v>450</v>
      </c>
      <c r="H1991" s="60">
        <v>212</v>
      </c>
      <c r="I1991" s="60">
        <v>217</v>
      </c>
      <c r="J1991" s="61">
        <v>0</v>
      </c>
      <c r="K1991" s="61">
        <v>556.87</v>
      </c>
    </row>
    <row r="1992" spans="1:11" ht="18.75" customHeight="1" thickBot="1">
      <c r="A1992" s="59" t="s">
        <v>448</v>
      </c>
      <c r="B1992" s="59" t="s">
        <v>28</v>
      </c>
      <c r="C1992" s="59" t="s">
        <v>28</v>
      </c>
      <c r="D1992" s="59" t="s">
        <v>376</v>
      </c>
      <c r="E1992" s="59" t="s">
        <v>380</v>
      </c>
      <c r="F1992" s="59" t="s">
        <v>449</v>
      </c>
      <c r="G1992" s="59" t="s">
        <v>450</v>
      </c>
      <c r="H1992" s="60">
        <v>212</v>
      </c>
      <c r="I1992" s="60">
        <v>223</v>
      </c>
      <c r="J1992" s="61">
        <v>0</v>
      </c>
      <c r="K1992" s="61">
        <v>189.53</v>
      </c>
    </row>
    <row r="1993" spans="1:11" ht="18.75" customHeight="1" thickBot="1">
      <c r="A1993" s="59" t="s">
        <v>448</v>
      </c>
      <c r="B1993" s="59" t="s">
        <v>28</v>
      </c>
      <c r="C1993" s="59" t="s">
        <v>28</v>
      </c>
      <c r="D1993" s="59" t="s">
        <v>376</v>
      </c>
      <c r="E1993" s="59" t="s">
        <v>380</v>
      </c>
      <c r="F1993" s="59" t="s">
        <v>449</v>
      </c>
      <c r="G1993" s="59" t="s">
        <v>450</v>
      </c>
      <c r="H1993" s="60">
        <v>212</v>
      </c>
      <c r="I1993" s="60">
        <v>225</v>
      </c>
      <c r="J1993" s="61">
        <v>0</v>
      </c>
      <c r="K1993" s="61">
        <v>133.66</v>
      </c>
    </row>
    <row r="1994" spans="1:11" ht="18.75" customHeight="1" thickBot="1">
      <c r="A1994" s="59" t="s">
        <v>448</v>
      </c>
      <c r="B1994" s="59" t="s">
        <v>28</v>
      </c>
      <c r="C1994" s="59" t="s">
        <v>28</v>
      </c>
      <c r="D1994" s="59" t="s">
        <v>376</v>
      </c>
      <c r="E1994" s="59" t="s">
        <v>380</v>
      </c>
      <c r="F1994" s="59" t="s">
        <v>449</v>
      </c>
      <c r="G1994" s="59" t="s">
        <v>450</v>
      </c>
      <c r="H1994" s="60">
        <v>212</v>
      </c>
      <c r="I1994" s="60">
        <v>227</v>
      </c>
      <c r="J1994" s="61">
        <v>0</v>
      </c>
      <c r="K1994" s="61">
        <v>59.71</v>
      </c>
    </row>
    <row r="1995" spans="1:11" ht="18.75" customHeight="1" thickBot="1">
      <c r="A1995" s="59" t="s">
        <v>448</v>
      </c>
      <c r="B1995" s="59" t="s">
        <v>28</v>
      </c>
      <c r="C1995" s="59" t="s">
        <v>28</v>
      </c>
      <c r="D1995" s="59" t="s">
        <v>376</v>
      </c>
      <c r="E1995" s="59" t="s">
        <v>380</v>
      </c>
      <c r="F1995" s="59" t="s">
        <v>449</v>
      </c>
      <c r="G1995" s="59" t="s">
        <v>450</v>
      </c>
      <c r="H1995" s="60">
        <v>212</v>
      </c>
      <c r="I1995" s="60">
        <v>229</v>
      </c>
      <c r="J1995" s="61">
        <v>0</v>
      </c>
      <c r="K1995" s="61">
        <v>173.73</v>
      </c>
    </row>
    <row r="1996" spans="1:11" ht="18.75" customHeight="1" thickBot="1">
      <c r="A1996" s="59" t="s">
        <v>448</v>
      </c>
      <c r="B1996" s="59" t="s">
        <v>28</v>
      </c>
      <c r="C1996" s="59" t="s">
        <v>28</v>
      </c>
      <c r="D1996" s="59" t="s">
        <v>376</v>
      </c>
      <c r="E1996" s="59" t="s">
        <v>380</v>
      </c>
      <c r="F1996" s="59" t="s">
        <v>449</v>
      </c>
      <c r="G1996" s="59" t="s">
        <v>450</v>
      </c>
      <c r="H1996" s="60">
        <v>212</v>
      </c>
      <c r="I1996" s="60">
        <v>240</v>
      </c>
      <c r="J1996" s="61">
        <v>0</v>
      </c>
      <c r="K1996" s="61">
        <v>6394.42</v>
      </c>
    </row>
    <row r="1997" spans="1:11" ht="18.75" customHeight="1" thickBot="1">
      <c r="A1997" s="59" t="s">
        <v>448</v>
      </c>
      <c r="B1997" s="59" t="s">
        <v>28</v>
      </c>
      <c r="C1997" s="59" t="s">
        <v>28</v>
      </c>
      <c r="D1997" s="59" t="s">
        <v>376</v>
      </c>
      <c r="E1997" s="59" t="s">
        <v>380</v>
      </c>
      <c r="F1997" s="59" t="s">
        <v>449</v>
      </c>
      <c r="G1997" s="59" t="s">
        <v>450</v>
      </c>
      <c r="H1997" s="60">
        <v>212</v>
      </c>
      <c r="I1997" s="60">
        <v>244</v>
      </c>
      <c r="J1997" s="61">
        <v>0</v>
      </c>
      <c r="K1997" s="61">
        <v>1656.25</v>
      </c>
    </row>
    <row r="1998" spans="1:11" ht="18.75" customHeight="1" thickBot="1">
      <c r="A1998" s="59" t="s">
        <v>448</v>
      </c>
      <c r="B1998" s="59" t="s">
        <v>28</v>
      </c>
      <c r="C1998" s="59" t="s">
        <v>28</v>
      </c>
      <c r="D1998" s="59" t="s">
        <v>376</v>
      </c>
      <c r="E1998" s="59" t="s">
        <v>380</v>
      </c>
      <c r="F1998" s="59" t="s">
        <v>449</v>
      </c>
      <c r="G1998" s="59" t="s">
        <v>450</v>
      </c>
      <c r="H1998" s="60">
        <v>212</v>
      </c>
      <c r="I1998" s="60">
        <v>251</v>
      </c>
      <c r="J1998" s="61">
        <v>0</v>
      </c>
      <c r="K1998" s="61">
        <v>528.45000000000005</v>
      </c>
    </row>
    <row r="1999" spans="1:11" ht="18.75" customHeight="1" thickBot="1">
      <c r="A1999" s="59" t="s">
        <v>448</v>
      </c>
      <c r="B1999" s="59" t="s">
        <v>28</v>
      </c>
      <c r="C1999" s="59" t="s">
        <v>28</v>
      </c>
      <c r="D1999" s="59" t="s">
        <v>376</v>
      </c>
      <c r="E1999" s="59" t="s">
        <v>380</v>
      </c>
      <c r="F1999" s="59" t="s">
        <v>449</v>
      </c>
      <c r="G1999" s="59" t="s">
        <v>450</v>
      </c>
      <c r="H1999" s="60">
        <v>212</v>
      </c>
      <c r="I1999" s="60">
        <v>358</v>
      </c>
      <c r="J1999" s="61">
        <v>0</v>
      </c>
      <c r="K1999" s="61">
        <v>3104.97</v>
      </c>
    </row>
    <row r="2000" spans="1:11" ht="18.75" customHeight="1" thickBot="1">
      <c r="A2000" s="59" t="s">
        <v>448</v>
      </c>
      <c r="B2000" s="59" t="s">
        <v>28</v>
      </c>
      <c r="C2000" s="59" t="s">
        <v>28</v>
      </c>
      <c r="D2000" s="59" t="s">
        <v>376</v>
      </c>
      <c r="E2000" s="59" t="s">
        <v>380</v>
      </c>
      <c r="F2000" s="59" t="s">
        <v>449</v>
      </c>
      <c r="G2000" s="59" t="s">
        <v>450</v>
      </c>
      <c r="H2000" s="60">
        <v>216</v>
      </c>
      <c r="I2000" s="60">
        <v>93</v>
      </c>
      <c r="J2000" s="61">
        <v>0</v>
      </c>
      <c r="K2000" s="61">
        <v>1.66</v>
      </c>
    </row>
    <row r="2001" spans="1:11" ht="18.75" customHeight="1" thickBot="1">
      <c r="A2001" s="59" t="s">
        <v>448</v>
      </c>
      <c r="B2001" s="59" t="s">
        <v>28</v>
      </c>
      <c r="C2001" s="59" t="s">
        <v>28</v>
      </c>
      <c r="D2001" s="59" t="s">
        <v>376</v>
      </c>
      <c r="E2001" s="59" t="s">
        <v>380</v>
      </c>
      <c r="F2001" s="59" t="s">
        <v>449</v>
      </c>
      <c r="G2001" s="59" t="s">
        <v>450</v>
      </c>
      <c r="H2001" s="60">
        <v>216</v>
      </c>
      <c r="I2001" s="60">
        <v>94</v>
      </c>
      <c r="J2001" s="61">
        <v>0</v>
      </c>
      <c r="K2001" s="61">
        <v>1.98</v>
      </c>
    </row>
    <row r="2002" spans="1:11" ht="18.75" customHeight="1" thickBot="1">
      <c r="A2002" s="59" t="s">
        <v>448</v>
      </c>
      <c r="B2002" s="59" t="s">
        <v>28</v>
      </c>
      <c r="C2002" s="59" t="s">
        <v>28</v>
      </c>
      <c r="D2002" s="59" t="s">
        <v>376</v>
      </c>
      <c r="E2002" s="59" t="s">
        <v>380</v>
      </c>
      <c r="F2002" s="59" t="s">
        <v>449</v>
      </c>
      <c r="G2002" s="59" t="s">
        <v>450</v>
      </c>
      <c r="H2002" s="60">
        <v>216</v>
      </c>
      <c r="I2002" s="60">
        <v>97</v>
      </c>
      <c r="J2002" s="61">
        <v>0</v>
      </c>
      <c r="K2002" s="61">
        <v>85.01</v>
      </c>
    </row>
    <row r="2003" spans="1:11" ht="18.75" customHeight="1" thickBot="1">
      <c r="A2003" s="59" t="s">
        <v>448</v>
      </c>
      <c r="B2003" s="59" t="s">
        <v>28</v>
      </c>
      <c r="C2003" s="59" t="s">
        <v>28</v>
      </c>
      <c r="D2003" s="59" t="s">
        <v>376</v>
      </c>
      <c r="E2003" s="59" t="s">
        <v>380</v>
      </c>
      <c r="F2003" s="59" t="s">
        <v>449</v>
      </c>
      <c r="G2003" s="59" t="s">
        <v>450</v>
      </c>
      <c r="H2003" s="60">
        <v>216</v>
      </c>
      <c r="I2003" s="60">
        <v>107</v>
      </c>
      <c r="J2003" s="61">
        <v>0</v>
      </c>
      <c r="K2003" s="61">
        <v>3.9</v>
      </c>
    </row>
    <row r="2004" spans="1:11" ht="18.75" customHeight="1" thickBot="1">
      <c r="A2004" s="59" t="s">
        <v>448</v>
      </c>
      <c r="B2004" s="59" t="s">
        <v>28</v>
      </c>
      <c r="C2004" s="59" t="s">
        <v>28</v>
      </c>
      <c r="D2004" s="59" t="s">
        <v>376</v>
      </c>
      <c r="E2004" s="59" t="s">
        <v>380</v>
      </c>
      <c r="F2004" s="59" t="s">
        <v>449</v>
      </c>
      <c r="G2004" s="59" t="s">
        <v>450</v>
      </c>
      <c r="H2004" s="60">
        <v>216</v>
      </c>
      <c r="I2004" s="60">
        <v>109</v>
      </c>
      <c r="J2004" s="61">
        <v>0</v>
      </c>
      <c r="K2004" s="61">
        <v>82.62</v>
      </c>
    </row>
    <row r="2005" spans="1:11" ht="18.75" customHeight="1" thickBot="1">
      <c r="A2005" s="59" t="s">
        <v>448</v>
      </c>
      <c r="B2005" s="59" t="s">
        <v>28</v>
      </c>
      <c r="C2005" s="59" t="s">
        <v>28</v>
      </c>
      <c r="D2005" s="59" t="s">
        <v>376</v>
      </c>
      <c r="E2005" s="59" t="s">
        <v>380</v>
      </c>
      <c r="F2005" s="59" t="s">
        <v>449</v>
      </c>
      <c r="G2005" s="59" t="s">
        <v>450</v>
      </c>
      <c r="H2005" s="60">
        <v>216</v>
      </c>
      <c r="I2005" s="60">
        <v>113</v>
      </c>
      <c r="J2005" s="61">
        <v>0</v>
      </c>
      <c r="K2005" s="61">
        <v>7.54</v>
      </c>
    </row>
    <row r="2006" spans="1:11" ht="18.75" customHeight="1" thickBot="1">
      <c r="A2006" s="59" t="s">
        <v>448</v>
      </c>
      <c r="B2006" s="59" t="s">
        <v>28</v>
      </c>
      <c r="C2006" s="59" t="s">
        <v>28</v>
      </c>
      <c r="D2006" s="59" t="s">
        <v>376</v>
      </c>
      <c r="E2006" s="59" t="s">
        <v>380</v>
      </c>
      <c r="F2006" s="59" t="s">
        <v>449</v>
      </c>
      <c r="G2006" s="59" t="s">
        <v>450</v>
      </c>
      <c r="H2006" s="60">
        <v>216</v>
      </c>
      <c r="I2006" s="60">
        <v>211</v>
      </c>
      <c r="J2006" s="61">
        <v>0</v>
      </c>
      <c r="K2006" s="61">
        <v>296.22000000000003</v>
      </c>
    </row>
    <row r="2007" spans="1:11" ht="18.75" customHeight="1" thickBot="1">
      <c r="A2007" s="59" t="s">
        <v>448</v>
      </c>
      <c r="B2007" s="59" t="s">
        <v>28</v>
      </c>
      <c r="C2007" s="59" t="s">
        <v>28</v>
      </c>
      <c r="D2007" s="59" t="s">
        <v>376</v>
      </c>
      <c r="E2007" s="59" t="s">
        <v>380</v>
      </c>
      <c r="F2007" s="59" t="s">
        <v>449</v>
      </c>
      <c r="G2007" s="59" t="s">
        <v>450</v>
      </c>
      <c r="H2007" s="60">
        <v>216</v>
      </c>
      <c r="I2007" s="60">
        <v>215</v>
      </c>
      <c r="J2007" s="61">
        <v>0</v>
      </c>
      <c r="K2007" s="61">
        <v>1103.99</v>
      </c>
    </row>
    <row r="2008" spans="1:11" ht="18.75" customHeight="1" thickBot="1">
      <c r="A2008" s="59" t="s">
        <v>448</v>
      </c>
      <c r="B2008" s="59" t="s">
        <v>28</v>
      </c>
      <c r="C2008" s="59" t="s">
        <v>28</v>
      </c>
      <c r="D2008" s="59" t="s">
        <v>376</v>
      </c>
      <c r="E2008" s="59" t="s">
        <v>380</v>
      </c>
      <c r="F2008" s="59" t="s">
        <v>449</v>
      </c>
      <c r="G2008" s="59" t="s">
        <v>450</v>
      </c>
      <c r="H2008" s="60">
        <v>221</v>
      </c>
      <c r="I2008" s="60">
        <v>93</v>
      </c>
      <c r="J2008" s="61">
        <v>0</v>
      </c>
      <c r="K2008" s="61">
        <v>1.02</v>
      </c>
    </row>
    <row r="2009" spans="1:11" ht="18.75" customHeight="1" thickBot="1">
      <c r="A2009" s="59" t="s">
        <v>448</v>
      </c>
      <c r="B2009" s="59" t="s">
        <v>28</v>
      </c>
      <c r="C2009" s="59" t="s">
        <v>28</v>
      </c>
      <c r="D2009" s="59" t="s">
        <v>376</v>
      </c>
      <c r="E2009" s="59" t="s">
        <v>380</v>
      </c>
      <c r="F2009" s="59" t="s">
        <v>449</v>
      </c>
      <c r="G2009" s="59" t="s">
        <v>450</v>
      </c>
      <c r="H2009" s="60">
        <v>221</v>
      </c>
      <c r="I2009" s="60">
        <v>94</v>
      </c>
      <c r="J2009" s="61">
        <v>0</v>
      </c>
      <c r="K2009" s="61">
        <v>5.72</v>
      </c>
    </row>
    <row r="2010" spans="1:11" ht="18.75" customHeight="1" thickBot="1">
      <c r="A2010" s="59" t="s">
        <v>448</v>
      </c>
      <c r="B2010" s="59" t="s">
        <v>28</v>
      </c>
      <c r="C2010" s="59" t="s">
        <v>28</v>
      </c>
      <c r="D2010" s="59" t="s">
        <v>376</v>
      </c>
      <c r="E2010" s="59" t="s">
        <v>380</v>
      </c>
      <c r="F2010" s="59" t="s">
        <v>449</v>
      </c>
      <c r="G2010" s="59" t="s">
        <v>450</v>
      </c>
      <c r="H2010" s="60">
        <v>221</v>
      </c>
      <c r="I2010" s="60">
        <v>97</v>
      </c>
      <c r="J2010" s="61">
        <v>0</v>
      </c>
      <c r="K2010" s="61">
        <v>1.07</v>
      </c>
    </row>
    <row r="2011" spans="1:11" ht="18.75" customHeight="1" thickBot="1">
      <c r="A2011" s="59" t="s">
        <v>448</v>
      </c>
      <c r="B2011" s="59" t="s">
        <v>28</v>
      </c>
      <c r="C2011" s="59" t="s">
        <v>28</v>
      </c>
      <c r="D2011" s="59" t="s">
        <v>376</v>
      </c>
      <c r="E2011" s="59" t="s">
        <v>380</v>
      </c>
      <c r="F2011" s="59" t="s">
        <v>449</v>
      </c>
      <c r="G2011" s="59" t="s">
        <v>450</v>
      </c>
      <c r="H2011" s="60">
        <v>221</v>
      </c>
      <c r="I2011" s="60">
        <v>150</v>
      </c>
      <c r="J2011" s="61">
        <v>0</v>
      </c>
      <c r="K2011" s="61">
        <v>0.52</v>
      </c>
    </row>
    <row r="2012" spans="1:11" ht="18.75" customHeight="1" thickBot="1">
      <c r="A2012" s="59" t="s">
        <v>448</v>
      </c>
      <c r="B2012" s="59" t="s">
        <v>28</v>
      </c>
      <c r="C2012" s="59" t="s">
        <v>28</v>
      </c>
      <c r="D2012" s="59" t="s">
        <v>376</v>
      </c>
      <c r="E2012" s="59" t="s">
        <v>380</v>
      </c>
      <c r="F2012" s="59" t="s">
        <v>449</v>
      </c>
      <c r="G2012" s="59" t="s">
        <v>450</v>
      </c>
      <c r="H2012" s="60">
        <v>221</v>
      </c>
      <c r="I2012" s="60">
        <v>211</v>
      </c>
      <c r="J2012" s="61">
        <v>0</v>
      </c>
      <c r="K2012" s="61">
        <v>389.55</v>
      </c>
    </row>
    <row r="2013" spans="1:11" ht="18.75" customHeight="1" thickBot="1">
      <c r="A2013" s="59" t="s">
        <v>448</v>
      </c>
      <c r="B2013" s="59" t="s">
        <v>28</v>
      </c>
      <c r="C2013" s="59" t="s">
        <v>28</v>
      </c>
      <c r="D2013" s="59" t="s">
        <v>376</v>
      </c>
      <c r="E2013" s="59" t="s">
        <v>380</v>
      </c>
      <c r="F2013" s="59" t="s">
        <v>449</v>
      </c>
      <c r="G2013" s="59" t="s">
        <v>450</v>
      </c>
      <c r="H2013" s="60">
        <v>221</v>
      </c>
      <c r="I2013" s="60">
        <v>215</v>
      </c>
      <c r="J2013" s="61">
        <v>0</v>
      </c>
      <c r="K2013" s="61">
        <v>1143.08</v>
      </c>
    </row>
    <row r="2014" spans="1:11" ht="18.75" customHeight="1" thickBot="1">
      <c r="A2014" s="59" t="s">
        <v>448</v>
      </c>
      <c r="B2014" s="59" t="s">
        <v>28</v>
      </c>
      <c r="C2014" s="59" t="s">
        <v>28</v>
      </c>
      <c r="D2014" s="59" t="s">
        <v>376</v>
      </c>
      <c r="E2014" s="59" t="s">
        <v>380</v>
      </c>
      <c r="F2014" s="59" t="s">
        <v>449</v>
      </c>
      <c r="G2014" s="59" t="s">
        <v>450</v>
      </c>
      <c r="H2014" s="60">
        <v>221</v>
      </c>
      <c r="I2014" s="60">
        <v>217</v>
      </c>
      <c r="J2014" s="61">
        <v>0</v>
      </c>
      <c r="K2014" s="61">
        <v>9.58</v>
      </c>
    </row>
    <row r="2015" spans="1:11" ht="18.75" customHeight="1" thickBot="1">
      <c r="A2015" s="59" t="s">
        <v>448</v>
      </c>
      <c r="B2015" s="59" t="s">
        <v>28</v>
      </c>
      <c r="C2015" s="59" t="s">
        <v>28</v>
      </c>
      <c r="D2015" s="59" t="s">
        <v>376</v>
      </c>
      <c r="E2015" s="59" t="s">
        <v>380</v>
      </c>
      <c r="F2015" s="59" t="s">
        <v>449</v>
      </c>
      <c r="G2015" s="59" t="s">
        <v>450</v>
      </c>
      <c r="H2015" s="60">
        <v>221</v>
      </c>
      <c r="I2015" s="60">
        <v>220</v>
      </c>
      <c r="J2015" s="61">
        <v>0</v>
      </c>
      <c r="K2015" s="61">
        <v>133.66</v>
      </c>
    </row>
    <row r="2016" spans="1:11" ht="18.75" customHeight="1" thickBot="1">
      <c r="A2016" s="59" t="s">
        <v>448</v>
      </c>
      <c r="B2016" s="59" t="s">
        <v>28</v>
      </c>
      <c r="C2016" s="59" t="s">
        <v>28</v>
      </c>
      <c r="D2016" s="59" t="s">
        <v>376</v>
      </c>
      <c r="E2016" s="59" t="s">
        <v>380</v>
      </c>
      <c r="F2016" s="59" t="s">
        <v>449</v>
      </c>
      <c r="G2016" s="59" t="s">
        <v>450</v>
      </c>
      <c r="H2016" s="60">
        <v>221</v>
      </c>
      <c r="I2016" s="60">
        <v>240</v>
      </c>
      <c r="J2016" s="61">
        <v>0</v>
      </c>
      <c r="K2016" s="61">
        <v>396.93</v>
      </c>
    </row>
    <row r="2017" spans="1:11" ht="18.75" customHeight="1" thickBot="1">
      <c r="A2017" s="59" t="s">
        <v>448</v>
      </c>
      <c r="B2017" s="59" t="s">
        <v>28</v>
      </c>
      <c r="C2017" s="59" t="s">
        <v>28</v>
      </c>
      <c r="D2017" s="59" t="s">
        <v>376</v>
      </c>
      <c r="E2017" s="59" t="s">
        <v>380</v>
      </c>
      <c r="F2017" s="59" t="s">
        <v>449</v>
      </c>
      <c r="G2017" s="59" t="s">
        <v>450</v>
      </c>
      <c r="H2017" s="60">
        <v>221</v>
      </c>
      <c r="I2017" s="60">
        <v>244</v>
      </c>
      <c r="J2017" s="61">
        <v>0</v>
      </c>
      <c r="K2017" s="61">
        <v>1238.23</v>
      </c>
    </row>
    <row r="2018" spans="1:11" ht="18.75" customHeight="1" thickBot="1">
      <c r="A2018" s="59" t="s">
        <v>448</v>
      </c>
      <c r="B2018" s="59" t="s">
        <v>28</v>
      </c>
      <c r="C2018" s="59" t="s">
        <v>28</v>
      </c>
      <c r="D2018" s="59" t="s">
        <v>376</v>
      </c>
      <c r="E2018" s="59" t="s">
        <v>380</v>
      </c>
      <c r="F2018" s="59" t="s">
        <v>449</v>
      </c>
      <c r="G2018" s="59" t="s">
        <v>450</v>
      </c>
      <c r="H2018" s="60">
        <v>221</v>
      </c>
      <c r="I2018" s="60">
        <v>358</v>
      </c>
      <c r="J2018" s="61">
        <v>0</v>
      </c>
      <c r="K2018" s="61">
        <v>4915.7700000000004</v>
      </c>
    </row>
    <row r="2019" spans="1:11" ht="18.75" customHeight="1" thickBot="1">
      <c r="A2019" s="59" t="s">
        <v>448</v>
      </c>
      <c r="B2019" s="59" t="s">
        <v>28</v>
      </c>
      <c r="C2019" s="59" t="s">
        <v>28</v>
      </c>
      <c r="D2019" s="59" t="s">
        <v>376</v>
      </c>
      <c r="E2019" s="59" t="s">
        <v>380</v>
      </c>
      <c r="F2019" s="59" t="s">
        <v>449</v>
      </c>
      <c r="G2019" s="59" t="s">
        <v>450</v>
      </c>
      <c r="H2019" s="60">
        <v>222</v>
      </c>
      <c r="I2019" s="60">
        <v>113</v>
      </c>
      <c r="J2019" s="61">
        <v>0</v>
      </c>
      <c r="K2019" s="61">
        <v>5.56</v>
      </c>
    </row>
    <row r="2020" spans="1:11" ht="18.75" customHeight="1" thickBot="1">
      <c r="A2020" s="59" t="s">
        <v>448</v>
      </c>
      <c r="B2020" s="59" t="s">
        <v>28</v>
      </c>
      <c r="C2020" s="59" t="s">
        <v>28</v>
      </c>
      <c r="D2020" s="59" t="s">
        <v>376</v>
      </c>
      <c r="E2020" s="59" t="s">
        <v>380</v>
      </c>
      <c r="F2020" s="59" t="s">
        <v>449</v>
      </c>
      <c r="G2020" s="59" t="s">
        <v>450</v>
      </c>
      <c r="H2020" s="60">
        <v>222</v>
      </c>
      <c r="I2020" s="60">
        <v>211</v>
      </c>
      <c r="J2020" s="61">
        <v>0</v>
      </c>
      <c r="K2020" s="61">
        <v>9.68</v>
      </c>
    </row>
    <row r="2021" spans="1:11" ht="18.75" customHeight="1" thickBot="1">
      <c r="A2021" s="59" t="s">
        <v>448</v>
      </c>
      <c r="B2021" s="59" t="s">
        <v>28</v>
      </c>
      <c r="C2021" s="59" t="s">
        <v>28</v>
      </c>
      <c r="D2021" s="59" t="s">
        <v>376</v>
      </c>
      <c r="E2021" s="59" t="s">
        <v>380</v>
      </c>
      <c r="F2021" s="59" t="s">
        <v>449</v>
      </c>
      <c r="G2021" s="59" t="s">
        <v>450</v>
      </c>
      <c r="H2021" s="60">
        <v>222</v>
      </c>
      <c r="I2021" s="60">
        <v>215</v>
      </c>
      <c r="J2021" s="61">
        <v>0</v>
      </c>
      <c r="K2021" s="61">
        <v>57</v>
      </c>
    </row>
    <row r="2022" spans="1:11" ht="18.75" customHeight="1" thickBot="1">
      <c r="A2022" s="59" t="s">
        <v>448</v>
      </c>
      <c r="B2022" s="59" t="s">
        <v>28</v>
      </c>
      <c r="C2022" s="59" t="s">
        <v>28</v>
      </c>
      <c r="D2022" s="59" t="s">
        <v>376</v>
      </c>
      <c r="E2022" s="59" t="s">
        <v>380</v>
      </c>
      <c r="F2022" s="59" t="s">
        <v>449</v>
      </c>
      <c r="G2022" s="59" t="s">
        <v>450</v>
      </c>
      <c r="H2022" s="60">
        <v>222</v>
      </c>
      <c r="I2022" s="60">
        <v>240</v>
      </c>
      <c r="J2022" s="61">
        <v>0</v>
      </c>
      <c r="K2022" s="61">
        <v>1037.05</v>
      </c>
    </row>
    <row r="2023" spans="1:11" ht="18.75" customHeight="1" thickBot="1">
      <c r="A2023" s="59" t="s">
        <v>448</v>
      </c>
      <c r="B2023" s="59" t="s">
        <v>28</v>
      </c>
      <c r="C2023" s="59" t="s">
        <v>28</v>
      </c>
      <c r="D2023" s="59" t="s">
        <v>376</v>
      </c>
      <c r="E2023" s="59" t="s">
        <v>380</v>
      </c>
      <c r="F2023" s="59" t="s">
        <v>449</v>
      </c>
      <c r="G2023" s="59" t="s">
        <v>450</v>
      </c>
      <c r="H2023" s="60">
        <v>230</v>
      </c>
      <c r="I2023" s="60">
        <v>97</v>
      </c>
      <c r="J2023" s="61">
        <v>0</v>
      </c>
      <c r="K2023" s="61">
        <v>24.92</v>
      </c>
    </row>
    <row r="2024" spans="1:11" ht="18.75" customHeight="1" thickBot="1">
      <c r="A2024" s="59" t="s">
        <v>448</v>
      </c>
      <c r="B2024" s="59" t="s">
        <v>28</v>
      </c>
      <c r="C2024" s="59" t="s">
        <v>28</v>
      </c>
      <c r="D2024" s="59" t="s">
        <v>376</v>
      </c>
      <c r="E2024" s="59" t="s">
        <v>380</v>
      </c>
      <c r="F2024" s="59" t="s">
        <v>449</v>
      </c>
      <c r="G2024" s="59" t="s">
        <v>450</v>
      </c>
      <c r="H2024" s="60">
        <v>230</v>
      </c>
      <c r="I2024" s="60">
        <v>113</v>
      </c>
      <c r="J2024" s="61">
        <v>0</v>
      </c>
      <c r="K2024" s="61">
        <v>3.51</v>
      </c>
    </row>
    <row r="2025" spans="1:11" ht="18.75" customHeight="1" thickBot="1">
      <c r="A2025" s="59" t="s">
        <v>448</v>
      </c>
      <c r="B2025" s="59" t="s">
        <v>28</v>
      </c>
      <c r="C2025" s="59" t="s">
        <v>28</v>
      </c>
      <c r="D2025" s="59" t="s">
        <v>376</v>
      </c>
      <c r="E2025" s="59" t="s">
        <v>380</v>
      </c>
      <c r="F2025" s="59" t="s">
        <v>449</v>
      </c>
      <c r="G2025" s="59" t="s">
        <v>450</v>
      </c>
      <c r="H2025" s="60">
        <v>230</v>
      </c>
      <c r="I2025" s="60">
        <v>211</v>
      </c>
      <c r="J2025" s="61">
        <v>0</v>
      </c>
      <c r="K2025" s="61">
        <v>28.52</v>
      </c>
    </row>
    <row r="2026" spans="1:11" ht="18.75" customHeight="1" thickBot="1">
      <c r="A2026" s="59" t="s">
        <v>448</v>
      </c>
      <c r="B2026" s="59" t="s">
        <v>28</v>
      </c>
      <c r="C2026" s="59" t="s">
        <v>28</v>
      </c>
      <c r="D2026" s="59" t="s">
        <v>376</v>
      </c>
      <c r="E2026" s="59" t="s">
        <v>380</v>
      </c>
      <c r="F2026" s="59" t="s">
        <v>449</v>
      </c>
      <c r="G2026" s="59" t="s">
        <v>450</v>
      </c>
      <c r="H2026" s="60">
        <v>230</v>
      </c>
      <c r="I2026" s="60">
        <v>215</v>
      </c>
      <c r="J2026" s="61">
        <v>0</v>
      </c>
      <c r="K2026" s="61">
        <v>196.68</v>
      </c>
    </row>
    <row r="2027" spans="1:11" ht="18.75" customHeight="1" thickBot="1">
      <c r="A2027" s="59" t="s">
        <v>448</v>
      </c>
      <c r="B2027" s="59" t="s">
        <v>28</v>
      </c>
      <c r="C2027" s="59" t="s">
        <v>28</v>
      </c>
      <c r="D2027" s="59" t="s">
        <v>376</v>
      </c>
      <c r="E2027" s="59" t="s">
        <v>380</v>
      </c>
      <c r="F2027" s="59" t="s">
        <v>449</v>
      </c>
      <c r="G2027" s="59" t="s">
        <v>450</v>
      </c>
      <c r="H2027" s="60">
        <v>230</v>
      </c>
      <c r="I2027" s="60">
        <v>220</v>
      </c>
      <c r="J2027" s="61">
        <v>0</v>
      </c>
      <c r="K2027" s="61">
        <v>614.09</v>
      </c>
    </row>
    <row r="2028" spans="1:11" ht="18.75" customHeight="1" thickBot="1">
      <c r="A2028" s="59" t="s">
        <v>448</v>
      </c>
      <c r="B2028" s="59" t="s">
        <v>28</v>
      </c>
      <c r="C2028" s="59" t="s">
        <v>28</v>
      </c>
      <c r="D2028" s="59" t="s">
        <v>376</v>
      </c>
      <c r="E2028" s="59" t="s">
        <v>380</v>
      </c>
      <c r="F2028" s="59" t="s">
        <v>449</v>
      </c>
      <c r="G2028" s="59" t="s">
        <v>450</v>
      </c>
      <c r="H2028" s="60">
        <v>230</v>
      </c>
      <c r="I2028" s="60">
        <v>236</v>
      </c>
      <c r="J2028" s="61">
        <v>0</v>
      </c>
      <c r="K2028" s="61">
        <v>149.16</v>
      </c>
    </row>
    <row r="2029" spans="1:11" ht="18.75" customHeight="1" thickBot="1">
      <c r="A2029" s="59" t="s">
        <v>448</v>
      </c>
      <c r="B2029" s="59" t="s">
        <v>28</v>
      </c>
      <c r="C2029" s="59" t="s">
        <v>28</v>
      </c>
      <c r="D2029" s="59" t="s">
        <v>376</v>
      </c>
      <c r="E2029" s="59" t="s">
        <v>380</v>
      </c>
      <c r="F2029" s="59" t="s">
        <v>449</v>
      </c>
      <c r="G2029" s="59" t="s">
        <v>450</v>
      </c>
      <c r="H2029" s="60">
        <v>230</v>
      </c>
      <c r="I2029" s="60">
        <v>240</v>
      </c>
      <c r="J2029" s="61">
        <v>0</v>
      </c>
      <c r="K2029" s="61">
        <v>146.41</v>
      </c>
    </row>
    <row r="2030" spans="1:11" ht="18.75" customHeight="1" thickBot="1">
      <c r="A2030" s="59" t="s">
        <v>448</v>
      </c>
      <c r="B2030" s="59" t="s">
        <v>28</v>
      </c>
      <c r="C2030" s="59" t="s">
        <v>28</v>
      </c>
      <c r="D2030" s="59" t="s">
        <v>376</v>
      </c>
      <c r="E2030" s="59" t="s">
        <v>380</v>
      </c>
      <c r="F2030" s="59" t="s">
        <v>449</v>
      </c>
      <c r="G2030" s="59" t="s">
        <v>450</v>
      </c>
      <c r="H2030" s="60">
        <v>230</v>
      </c>
      <c r="I2030" s="60">
        <v>244</v>
      </c>
      <c r="J2030" s="61">
        <v>0</v>
      </c>
      <c r="K2030" s="61">
        <v>9204.43</v>
      </c>
    </row>
    <row r="2031" spans="1:11" ht="18.75" customHeight="1" thickBot="1">
      <c r="A2031" s="59" t="s">
        <v>448</v>
      </c>
      <c r="B2031" s="59" t="s">
        <v>28</v>
      </c>
      <c r="C2031" s="59" t="s">
        <v>28</v>
      </c>
      <c r="D2031" s="59" t="s">
        <v>376</v>
      </c>
      <c r="E2031" s="59" t="s">
        <v>380</v>
      </c>
      <c r="F2031" s="59" t="s">
        <v>449</v>
      </c>
      <c r="G2031" s="59" t="s">
        <v>450</v>
      </c>
      <c r="H2031" s="60">
        <v>230</v>
      </c>
      <c r="I2031" s="60">
        <v>248</v>
      </c>
      <c r="J2031" s="61">
        <v>0</v>
      </c>
      <c r="K2031" s="61">
        <v>1526.27</v>
      </c>
    </row>
    <row r="2032" spans="1:11" ht="18.75" customHeight="1" thickBot="1">
      <c r="A2032" s="59" t="s">
        <v>448</v>
      </c>
      <c r="B2032" s="59" t="s">
        <v>28</v>
      </c>
      <c r="C2032" s="59" t="s">
        <v>28</v>
      </c>
      <c r="D2032" s="59" t="s">
        <v>376</v>
      </c>
      <c r="E2032" s="59" t="s">
        <v>380</v>
      </c>
      <c r="F2032" s="59" t="s">
        <v>449</v>
      </c>
      <c r="G2032" s="59" t="s">
        <v>450</v>
      </c>
      <c r="H2032" s="60">
        <v>230</v>
      </c>
      <c r="I2032" s="60">
        <v>257</v>
      </c>
      <c r="J2032" s="61">
        <v>0</v>
      </c>
      <c r="K2032" s="61">
        <v>626.16</v>
      </c>
    </row>
    <row r="2033" spans="1:11" ht="18.75" customHeight="1" thickBot="1">
      <c r="A2033" s="59" t="s">
        <v>448</v>
      </c>
      <c r="B2033" s="59" t="s">
        <v>28</v>
      </c>
      <c r="C2033" s="59" t="s">
        <v>28</v>
      </c>
      <c r="D2033" s="59" t="s">
        <v>376</v>
      </c>
      <c r="E2033" s="59" t="s">
        <v>380</v>
      </c>
      <c r="F2033" s="59" t="s">
        <v>449</v>
      </c>
      <c r="G2033" s="59" t="s">
        <v>450</v>
      </c>
      <c r="H2033" s="60">
        <v>230</v>
      </c>
      <c r="I2033" s="60">
        <v>330</v>
      </c>
      <c r="J2033" s="61">
        <v>0</v>
      </c>
      <c r="K2033" s="61">
        <v>8130.01</v>
      </c>
    </row>
    <row r="2034" spans="1:11" ht="18.75" customHeight="1" thickBot="1">
      <c r="A2034" s="59" t="s">
        <v>448</v>
      </c>
      <c r="B2034" s="59" t="s">
        <v>28</v>
      </c>
      <c r="C2034" s="59" t="s">
        <v>28</v>
      </c>
      <c r="D2034" s="59" t="s">
        <v>376</v>
      </c>
      <c r="E2034" s="59" t="s">
        <v>380</v>
      </c>
      <c r="F2034" s="59" t="s">
        <v>449</v>
      </c>
      <c r="G2034" s="59" t="s">
        <v>450</v>
      </c>
      <c r="H2034" s="60">
        <v>230</v>
      </c>
      <c r="I2034" s="60">
        <v>358</v>
      </c>
      <c r="J2034" s="61">
        <v>0</v>
      </c>
      <c r="K2034" s="61">
        <v>22030.15</v>
      </c>
    </row>
    <row r="2035" spans="1:11" ht="18.75" hidden="1" customHeight="1" thickBot="1">
      <c r="A2035" s="59" t="s">
        <v>448</v>
      </c>
      <c r="B2035" s="59" t="s">
        <v>28</v>
      </c>
      <c r="C2035" s="59" t="s">
        <v>28</v>
      </c>
      <c r="D2035" s="59" t="s">
        <v>376</v>
      </c>
      <c r="E2035" s="59" t="s">
        <v>382</v>
      </c>
      <c r="F2035" s="59" t="s">
        <v>449</v>
      </c>
      <c r="G2035" s="59" t="s">
        <v>450</v>
      </c>
      <c r="H2035" s="60">
        <v>211</v>
      </c>
      <c r="I2035" s="60">
        <v>211</v>
      </c>
      <c r="J2035" s="61">
        <v>0</v>
      </c>
      <c r="K2035" s="61">
        <v>-24.54</v>
      </c>
    </row>
    <row r="2036" spans="1:11" ht="18.75" hidden="1" customHeight="1" thickBot="1">
      <c r="A2036" s="59" t="s">
        <v>448</v>
      </c>
      <c r="B2036" s="59" t="s">
        <v>28</v>
      </c>
      <c r="C2036" s="59" t="s">
        <v>28</v>
      </c>
      <c r="D2036" s="59" t="s">
        <v>376</v>
      </c>
      <c r="E2036" s="59" t="s">
        <v>382</v>
      </c>
      <c r="F2036" s="59" t="s">
        <v>449</v>
      </c>
      <c r="G2036" s="59" t="s">
        <v>450</v>
      </c>
      <c r="H2036" s="60">
        <v>211</v>
      </c>
      <c r="I2036" s="60">
        <v>215</v>
      </c>
      <c r="J2036" s="61">
        <v>0</v>
      </c>
      <c r="K2036" s="61">
        <v>-105.04</v>
      </c>
    </row>
    <row r="2037" spans="1:11" ht="18.75" hidden="1" customHeight="1" thickBot="1">
      <c r="A2037" s="59" t="s">
        <v>448</v>
      </c>
      <c r="B2037" s="59" t="s">
        <v>28</v>
      </c>
      <c r="C2037" s="59" t="s">
        <v>28</v>
      </c>
      <c r="D2037" s="59" t="s">
        <v>376</v>
      </c>
      <c r="E2037" s="59" t="s">
        <v>382</v>
      </c>
      <c r="F2037" s="59" t="s">
        <v>449</v>
      </c>
      <c r="G2037" s="59" t="s">
        <v>450</v>
      </c>
      <c r="H2037" s="60">
        <v>211</v>
      </c>
      <c r="I2037" s="60">
        <v>229</v>
      </c>
      <c r="J2037" s="61">
        <v>0</v>
      </c>
      <c r="K2037" s="61">
        <v>-24.52</v>
      </c>
    </row>
    <row r="2038" spans="1:11" ht="18.75" hidden="1" customHeight="1" thickBot="1">
      <c r="A2038" s="59" t="s">
        <v>448</v>
      </c>
      <c r="B2038" s="59" t="s">
        <v>28</v>
      </c>
      <c r="C2038" s="59" t="s">
        <v>28</v>
      </c>
      <c r="D2038" s="59" t="s">
        <v>376</v>
      </c>
      <c r="E2038" s="59" t="s">
        <v>382</v>
      </c>
      <c r="F2038" s="59" t="s">
        <v>449</v>
      </c>
      <c r="G2038" s="59" t="s">
        <v>450</v>
      </c>
      <c r="H2038" s="60">
        <v>212</v>
      </c>
      <c r="I2038" s="60">
        <v>215</v>
      </c>
      <c r="J2038" s="61">
        <v>0</v>
      </c>
      <c r="K2038" s="61">
        <v>-43.68</v>
      </c>
    </row>
    <row r="2039" spans="1:11" ht="18.75" hidden="1" customHeight="1" thickBot="1">
      <c r="A2039" s="59" t="s">
        <v>448</v>
      </c>
      <c r="B2039" s="59" t="s">
        <v>28</v>
      </c>
      <c r="C2039" s="59" t="s">
        <v>28</v>
      </c>
      <c r="D2039" s="59" t="s">
        <v>376</v>
      </c>
      <c r="E2039" s="59" t="s">
        <v>382</v>
      </c>
      <c r="F2039" s="59" t="s">
        <v>449</v>
      </c>
      <c r="G2039" s="59" t="s">
        <v>450</v>
      </c>
      <c r="H2039" s="60">
        <v>221</v>
      </c>
      <c r="I2039" s="60">
        <v>244</v>
      </c>
      <c r="J2039" s="61">
        <v>0</v>
      </c>
      <c r="K2039" s="61">
        <v>-396.22</v>
      </c>
    </row>
    <row r="2040" spans="1:11" ht="18.75" hidden="1" customHeight="1" thickBot="1">
      <c r="A2040" s="59" t="s">
        <v>448</v>
      </c>
      <c r="B2040" s="59" t="s">
        <v>28</v>
      </c>
      <c r="C2040" s="59" t="s">
        <v>28</v>
      </c>
      <c r="D2040" s="59" t="s">
        <v>377</v>
      </c>
      <c r="E2040" s="59" t="s">
        <v>378</v>
      </c>
      <c r="F2040" s="59" t="s">
        <v>449</v>
      </c>
      <c r="G2040" s="59" t="s">
        <v>450</v>
      </c>
      <c r="H2040" s="60">
        <v>211</v>
      </c>
      <c r="I2040" s="60">
        <v>93</v>
      </c>
      <c r="J2040" s="61">
        <v>0</v>
      </c>
      <c r="K2040" s="61">
        <v>-0.67</v>
      </c>
    </row>
    <row r="2041" spans="1:11" ht="18.75" hidden="1" customHeight="1" thickBot="1">
      <c r="A2041" s="59" t="s">
        <v>448</v>
      </c>
      <c r="B2041" s="59" t="s">
        <v>28</v>
      </c>
      <c r="C2041" s="59" t="s">
        <v>28</v>
      </c>
      <c r="D2041" s="59" t="s">
        <v>377</v>
      </c>
      <c r="E2041" s="59" t="s">
        <v>378</v>
      </c>
      <c r="F2041" s="59" t="s">
        <v>449</v>
      </c>
      <c r="G2041" s="59" t="s">
        <v>450</v>
      </c>
      <c r="H2041" s="60">
        <v>211</v>
      </c>
      <c r="I2041" s="60">
        <v>94</v>
      </c>
      <c r="J2041" s="61">
        <v>0</v>
      </c>
      <c r="K2041" s="61">
        <v>-4.79</v>
      </c>
    </row>
    <row r="2042" spans="1:11" ht="18.75" hidden="1" customHeight="1" thickBot="1">
      <c r="A2042" s="59" t="s">
        <v>448</v>
      </c>
      <c r="B2042" s="59" t="s">
        <v>28</v>
      </c>
      <c r="C2042" s="59" t="s">
        <v>28</v>
      </c>
      <c r="D2042" s="59" t="s">
        <v>377</v>
      </c>
      <c r="E2042" s="59" t="s">
        <v>378</v>
      </c>
      <c r="F2042" s="59" t="s">
        <v>449</v>
      </c>
      <c r="G2042" s="59" t="s">
        <v>450</v>
      </c>
      <c r="H2042" s="60">
        <v>211</v>
      </c>
      <c r="I2042" s="60">
        <v>97</v>
      </c>
      <c r="J2042" s="61">
        <v>0</v>
      </c>
      <c r="K2042" s="61">
        <v>-8.44</v>
      </c>
    </row>
    <row r="2043" spans="1:11" ht="18.75" hidden="1" customHeight="1" thickBot="1">
      <c r="A2043" s="59" t="s">
        <v>448</v>
      </c>
      <c r="B2043" s="59" t="s">
        <v>28</v>
      </c>
      <c r="C2043" s="59" t="s">
        <v>28</v>
      </c>
      <c r="D2043" s="59" t="s">
        <v>377</v>
      </c>
      <c r="E2043" s="59" t="s">
        <v>378</v>
      </c>
      <c r="F2043" s="59" t="s">
        <v>449</v>
      </c>
      <c r="G2043" s="59" t="s">
        <v>450</v>
      </c>
      <c r="H2043" s="60">
        <v>211</v>
      </c>
      <c r="I2043" s="60">
        <v>107</v>
      </c>
      <c r="J2043" s="61">
        <v>0</v>
      </c>
      <c r="K2043" s="61">
        <v>-9.5</v>
      </c>
    </row>
    <row r="2044" spans="1:11" ht="18.75" hidden="1" customHeight="1" thickBot="1">
      <c r="A2044" s="59" t="s">
        <v>448</v>
      </c>
      <c r="B2044" s="59" t="s">
        <v>28</v>
      </c>
      <c r="C2044" s="59" t="s">
        <v>28</v>
      </c>
      <c r="D2044" s="59" t="s">
        <v>377</v>
      </c>
      <c r="E2044" s="59" t="s">
        <v>378</v>
      </c>
      <c r="F2044" s="59" t="s">
        <v>449</v>
      </c>
      <c r="G2044" s="59" t="s">
        <v>450</v>
      </c>
      <c r="H2044" s="60">
        <v>211</v>
      </c>
      <c r="I2044" s="60">
        <v>109</v>
      </c>
      <c r="J2044" s="61">
        <v>0</v>
      </c>
      <c r="K2044" s="61">
        <v>-72.03</v>
      </c>
    </row>
    <row r="2045" spans="1:11" ht="18.75" hidden="1" customHeight="1" thickBot="1">
      <c r="A2045" s="59" t="s">
        <v>448</v>
      </c>
      <c r="B2045" s="59" t="s">
        <v>28</v>
      </c>
      <c r="C2045" s="59" t="s">
        <v>28</v>
      </c>
      <c r="D2045" s="59" t="s">
        <v>377</v>
      </c>
      <c r="E2045" s="59" t="s">
        <v>378</v>
      </c>
      <c r="F2045" s="59" t="s">
        <v>449</v>
      </c>
      <c r="G2045" s="59" t="s">
        <v>450</v>
      </c>
      <c r="H2045" s="60">
        <v>211</v>
      </c>
      <c r="I2045" s="60">
        <v>111</v>
      </c>
      <c r="J2045" s="61">
        <v>0</v>
      </c>
      <c r="K2045" s="61">
        <v>-9.83</v>
      </c>
    </row>
    <row r="2046" spans="1:11" ht="18.75" hidden="1" customHeight="1" thickBot="1">
      <c r="A2046" s="59" t="s">
        <v>448</v>
      </c>
      <c r="B2046" s="59" t="s">
        <v>28</v>
      </c>
      <c r="C2046" s="59" t="s">
        <v>28</v>
      </c>
      <c r="D2046" s="59" t="s">
        <v>377</v>
      </c>
      <c r="E2046" s="59" t="s">
        <v>378</v>
      </c>
      <c r="F2046" s="59" t="s">
        <v>449</v>
      </c>
      <c r="G2046" s="59" t="s">
        <v>450</v>
      </c>
      <c r="H2046" s="60">
        <v>211</v>
      </c>
      <c r="I2046" s="60">
        <v>113</v>
      </c>
      <c r="J2046" s="61">
        <v>0</v>
      </c>
      <c r="K2046" s="61">
        <v>-11.43</v>
      </c>
    </row>
    <row r="2047" spans="1:11" ht="18.75" hidden="1" customHeight="1" thickBot="1">
      <c r="A2047" s="59" t="s">
        <v>448</v>
      </c>
      <c r="B2047" s="59" t="s">
        <v>28</v>
      </c>
      <c r="C2047" s="59" t="s">
        <v>28</v>
      </c>
      <c r="D2047" s="59" t="s">
        <v>377</v>
      </c>
      <c r="E2047" s="59" t="s">
        <v>378</v>
      </c>
      <c r="F2047" s="59" t="s">
        <v>449</v>
      </c>
      <c r="G2047" s="59" t="s">
        <v>450</v>
      </c>
      <c r="H2047" s="60">
        <v>211</v>
      </c>
      <c r="I2047" s="60">
        <v>116</v>
      </c>
      <c r="J2047" s="61">
        <v>0</v>
      </c>
      <c r="K2047" s="61">
        <v>-24.29</v>
      </c>
    </row>
    <row r="2048" spans="1:11" ht="18.75" hidden="1" customHeight="1" thickBot="1">
      <c r="A2048" s="59" t="s">
        <v>448</v>
      </c>
      <c r="B2048" s="59" t="s">
        <v>28</v>
      </c>
      <c r="C2048" s="59" t="s">
        <v>28</v>
      </c>
      <c r="D2048" s="59" t="s">
        <v>377</v>
      </c>
      <c r="E2048" s="59" t="s">
        <v>378</v>
      </c>
      <c r="F2048" s="59" t="s">
        <v>449</v>
      </c>
      <c r="G2048" s="59" t="s">
        <v>450</v>
      </c>
      <c r="H2048" s="60">
        <v>211</v>
      </c>
      <c r="I2048" s="60">
        <v>150</v>
      </c>
      <c r="J2048" s="61">
        <v>0</v>
      </c>
      <c r="K2048" s="61">
        <v>-0.89</v>
      </c>
    </row>
    <row r="2049" spans="1:11" ht="18.75" hidden="1" customHeight="1" thickBot="1">
      <c r="A2049" s="59" t="s">
        <v>448</v>
      </c>
      <c r="B2049" s="59" t="s">
        <v>28</v>
      </c>
      <c r="C2049" s="59" t="s">
        <v>28</v>
      </c>
      <c r="D2049" s="59" t="s">
        <v>377</v>
      </c>
      <c r="E2049" s="59" t="s">
        <v>378</v>
      </c>
      <c r="F2049" s="59" t="s">
        <v>449</v>
      </c>
      <c r="G2049" s="59" t="s">
        <v>450</v>
      </c>
      <c r="H2049" s="60">
        <v>211</v>
      </c>
      <c r="I2049" s="60">
        <v>211</v>
      </c>
      <c r="J2049" s="61">
        <v>0</v>
      </c>
      <c r="K2049" s="61">
        <v>-4913.51</v>
      </c>
    </row>
    <row r="2050" spans="1:11" ht="18.75" hidden="1" customHeight="1" thickBot="1">
      <c r="A2050" s="59" t="s">
        <v>448</v>
      </c>
      <c r="B2050" s="59" t="s">
        <v>28</v>
      </c>
      <c r="C2050" s="59" t="s">
        <v>28</v>
      </c>
      <c r="D2050" s="59" t="s">
        <v>377</v>
      </c>
      <c r="E2050" s="59" t="s">
        <v>378</v>
      </c>
      <c r="F2050" s="59" t="s">
        <v>449</v>
      </c>
      <c r="G2050" s="59" t="s">
        <v>450</v>
      </c>
      <c r="H2050" s="60">
        <v>211</v>
      </c>
      <c r="I2050" s="60">
        <v>213</v>
      </c>
      <c r="J2050" s="61">
        <v>0</v>
      </c>
      <c r="K2050" s="61">
        <v>-35.76</v>
      </c>
    </row>
    <row r="2051" spans="1:11" ht="18.75" hidden="1" customHeight="1" thickBot="1">
      <c r="A2051" s="59" t="s">
        <v>448</v>
      </c>
      <c r="B2051" s="59" t="s">
        <v>28</v>
      </c>
      <c r="C2051" s="59" t="s">
        <v>28</v>
      </c>
      <c r="D2051" s="59" t="s">
        <v>377</v>
      </c>
      <c r="E2051" s="59" t="s">
        <v>378</v>
      </c>
      <c r="F2051" s="59" t="s">
        <v>449</v>
      </c>
      <c r="G2051" s="59" t="s">
        <v>450</v>
      </c>
      <c r="H2051" s="60">
        <v>211</v>
      </c>
      <c r="I2051" s="60">
        <v>214</v>
      </c>
      <c r="J2051" s="61">
        <v>0</v>
      </c>
      <c r="K2051" s="61">
        <v>-5.16</v>
      </c>
    </row>
    <row r="2052" spans="1:11" ht="18.75" hidden="1" customHeight="1" thickBot="1">
      <c r="A2052" s="59" t="s">
        <v>448</v>
      </c>
      <c r="B2052" s="59" t="s">
        <v>28</v>
      </c>
      <c r="C2052" s="59" t="s">
        <v>28</v>
      </c>
      <c r="D2052" s="59" t="s">
        <v>377</v>
      </c>
      <c r="E2052" s="59" t="s">
        <v>378</v>
      </c>
      <c r="F2052" s="59" t="s">
        <v>449</v>
      </c>
      <c r="G2052" s="59" t="s">
        <v>450</v>
      </c>
      <c r="H2052" s="60">
        <v>211</v>
      </c>
      <c r="I2052" s="60">
        <v>215</v>
      </c>
      <c r="J2052" s="61">
        <v>0</v>
      </c>
      <c r="K2052" s="61">
        <v>-5735.79</v>
      </c>
    </row>
    <row r="2053" spans="1:11" ht="18.75" hidden="1" customHeight="1" thickBot="1">
      <c r="A2053" s="59" t="s">
        <v>448</v>
      </c>
      <c r="B2053" s="59" t="s">
        <v>28</v>
      </c>
      <c r="C2053" s="59" t="s">
        <v>28</v>
      </c>
      <c r="D2053" s="59" t="s">
        <v>377</v>
      </c>
      <c r="E2053" s="59" t="s">
        <v>378</v>
      </c>
      <c r="F2053" s="59" t="s">
        <v>449</v>
      </c>
      <c r="G2053" s="59" t="s">
        <v>450</v>
      </c>
      <c r="H2053" s="60">
        <v>211</v>
      </c>
      <c r="I2053" s="60">
        <v>217</v>
      </c>
      <c r="J2053" s="61">
        <v>0</v>
      </c>
      <c r="K2053" s="61">
        <v>-63.06</v>
      </c>
    </row>
    <row r="2054" spans="1:11" ht="18.75" hidden="1" customHeight="1" thickBot="1">
      <c r="A2054" s="59" t="s">
        <v>448</v>
      </c>
      <c r="B2054" s="59" t="s">
        <v>28</v>
      </c>
      <c r="C2054" s="59" t="s">
        <v>28</v>
      </c>
      <c r="D2054" s="59" t="s">
        <v>377</v>
      </c>
      <c r="E2054" s="59" t="s">
        <v>378</v>
      </c>
      <c r="F2054" s="59" t="s">
        <v>449</v>
      </c>
      <c r="G2054" s="59" t="s">
        <v>450</v>
      </c>
      <c r="H2054" s="60">
        <v>211</v>
      </c>
      <c r="I2054" s="60">
        <v>227</v>
      </c>
      <c r="J2054" s="61">
        <v>0</v>
      </c>
      <c r="K2054" s="61">
        <v>-33.49</v>
      </c>
    </row>
    <row r="2055" spans="1:11" ht="18.75" hidden="1" customHeight="1" thickBot="1">
      <c r="A2055" s="59" t="s">
        <v>448</v>
      </c>
      <c r="B2055" s="59" t="s">
        <v>28</v>
      </c>
      <c r="C2055" s="59" t="s">
        <v>28</v>
      </c>
      <c r="D2055" s="59" t="s">
        <v>377</v>
      </c>
      <c r="E2055" s="59" t="s">
        <v>378</v>
      </c>
      <c r="F2055" s="59" t="s">
        <v>449</v>
      </c>
      <c r="G2055" s="59" t="s">
        <v>450</v>
      </c>
      <c r="H2055" s="60">
        <v>211</v>
      </c>
      <c r="I2055" s="60">
        <v>229</v>
      </c>
      <c r="J2055" s="61">
        <v>0</v>
      </c>
      <c r="K2055" s="61">
        <v>-73.47</v>
      </c>
    </row>
    <row r="2056" spans="1:11" ht="18.75" hidden="1" customHeight="1" thickBot="1">
      <c r="A2056" s="59" t="s">
        <v>448</v>
      </c>
      <c r="B2056" s="59" t="s">
        <v>28</v>
      </c>
      <c r="C2056" s="59" t="s">
        <v>28</v>
      </c>
      <c r="D2056" s="59" t="s">
        <v>377</v>
      </c>
      <c r="E2056" s="59" t="s">
        <v>378</v>
      </c>
      <c r="F2056" s="59" t="s">
        <v>449</v>
      </c>
      <c r="G2056" s="59" t="s">
        <v>450</v>
      </c>
      <c r="H2056" s="60">
        <v>211</v>
      </c>
      <c r="I2056" s="60">
        <v>240</v>
      </c>
      <c r="J2056" s="61">
        <v>0</v>
      </c>
      <c r="K2056" s="61">
        <v>-1007.86</v>
      </c>
    </row>
    <row r="2057" spans="1:11" ht="18.75" hidden="1" customHeight="1" thickBot="1">
      <c r="A2057" s="59" t="s">
        <v>448</v>
      </c>
      <c r="B2057" s="59" t="s">
        <v>28</v>
      </c>
      <c r="C2057" s="59" t="s">
        <v>28</v>
      </c>
      <c r="D2057" s="59" t="s">
        <v>377</v>
      </c>
      <c r="E2057" s="59" t="s">
        <v>378</v>
      </c>
      <c r="F2057" s="59" t="s">
        <v>449</v>
      </c>
      <c r="G2057" s="59" t="s">
        <v>450</v>
      </c>
      <c r="H2057" s="60">
        <v>211</v>
      </c>
      <c r="I2057" s="60">
        <v>359</v>
      </c>
      <c r="J2057" s="61">
        <v>0</v>
      </c>
      <c r="K2057" s="61">
        <v>-23557.83</v>
      </c>
    </row>
    <row r="2058" spans="1:11" ht="18.75" hidden="1" customHeight="1" thickBot="1">
      <c r="A2058" s="59" t="s">
        <v>448</v>
      </c>
      <c r="B2058" s="59" t="s">
        <v>28</v>
      </c>
      <c r="C2058" s="59" t="s">
        <v>28</v>
      </c>
      <c r="D2058" s="59" t="s">
        <v>377</v>
      </c>
      <c r="E2058" s="59" t="s">
        <v>378</v>
      </c>
      <c r="F2058" s="59" t="s">
        <v>449</v>
      </c>
      <c r="G2058" s="59" t="s">
        <v>450</v>
      </c>
      <c r="H2058" s="60">
        <v>212</v>
      </c>
      <c r="I2058" s="60">
        <v>94</v>
      </c>
      <c r="J2058" s="61">
        <v>0</v>
      </c>
      <c r="K2058" s="61">
        <v>-3.5</v>
      </c>
    </row>
    <row r="2059" spans="1:11" ht="18.75" hidden="1" customHeight="1" thickBot="1">
      <c r="A2059" s="59" t="s">
        <v>448</v>
      </c>
      <c r="B2059" s="59" t="s">
        <v>28</v>
      </c>
      <c r="C2059" s="59" t="s">
        <v>28</v>
      </c>
      <c r="D2059" s="59" t="s">
        <v>377</v>
      </c>
      <c r="E2059" s="59" t="s">
        <v>378</v>
      </c>
      <c r="F2059" s="59" t="s">
        <v>449</v>
      </c>
      <c r="G2059" s="59" t="s">
        <v>450</v>
      </c>
      <c r="H2059" s="60">
        <v>212</v>
      </c>
      <c r="I2059" s="60">
        <v>109</v>
      </c>
      <c r="J2059" s="61">
        <v>0</v>
      </c>
      <c r="K2059" s="61">
        <v>-77.66</v>
      </c>
    </row>
    <row r="2060" spans="1:11" ht="18.75" hidden="1" customHeight="1" thickBot="1">
      <c r="A2060" s="59" t="s">
        <v>448</v>
      </c>
      <c r="B2060" s="59" t="s">
        <v>28</v>
      </c>
      <c r="C2060" s="59" t="s">
        <v>28</v>
      </c>
      <c r="D2060" s="59" t="s">
        <v>377</v>
      </c>
      <c r="E2060" s="59" t="s">
        <v>378</v>
      </c>
      <c r="F2060" s="59" t="s">
        <v>449</v>
      </c>
      <c r="G2060" s="59" t="s">
        <v>450</v>
      </c>
      <c r="H2060" s="60">
        <v>212</v>
      </c>
      <c r="I2060" s="60">
        <v>113</v>
      </c>
      <c r="J2060" s="61">
        <v>0</v>
      </c>
      <c r="K2060" s="61">
        <v>-3.66</v>
      </c>
    </row>
    <row r="2061" spans="1:11" ht="18.75" hidden="1" customHeight="1" thickBot="1">
      <c r="A2061" s="59" t="s">
        <v>448</v>
      </c>
      <c r="B2061" s="59" t="s">
        <v>28</v>
      </c>
      <c r="C2061" s="59" t="s">
        <v>28</v>
      </c>
      <c r="D2061" s="59" t="s">
        <v>377</v>
      </c>
      <c r="E2061" s="59" t="s">
        <v>378</v>
      </c>
      <c r="F2061" s="59" t="s">
        <v>449</v>
      </c>
      <c r="G2061" s="59" t="s">
        <v>450</v>
      </c>
      <c r="H2061" s="60">
        <v>212</v>
      </c>
      <c r="I2061" s="60">
        <v>150</v>
      </c>
      <c r="J2061" s="61">
        <v>0</v>
      </c>
      <c r="K2061" s="61">
        <v>-0.5</v>
      </c>
    </row>
    <row r="2062" spans="1:11" ht="18.75" hidden="1" customHeight="1" thickBot="1">
      <c r="A2062" s="59" t="s">
        <v>448</v>
      </c>
      <c r="B2062" s="59" t="s">
        <v>28</v>
      </c>
      <c r="C2062" s="59" t="s">
        <v>28</v>
      </c>
      <c r="D2062" s="59" t="s">
        <v>377</v>
      </c>
      <c r="E2062" s="59" t="s">
        <v>378</v>
      </c>
      <c r="F2062" s="59" t="s">
        <v>449</v>
      </c>
      <c r="G2062" s="59" t="s">
        <v>450</v>
      </c>
      <c r="H2062" s="60">
        <v>212</v>
      </c>
      <c r="I2062" s="60">
        <v>211</v>
      </c>
      <c r="J2062" s="61">
        <v>0</v>
      </c>
      <c r="K2062" s="61">
        <v>-972.49</v>
      </c>
    </row>
    <row r="2063" spans="1:11" ht="18.75" hidden="1" customHeight="1" thickBot="1">
      <c r="A2063" s="59" t="s">
        <v>448</v>
      </c>
      <c r="B2063" s="59" t="s">
        <v>28</v>
      </c>
      <c r="C2063" s="59" t="s">
        <v>28</v>
      </c>
      <c r="D2063" s="59" t="s">
        <v>377</v>
      </c>
      <c r="E2063" s="59" t="s">
        <v>378</v>
      </c>
      <c r="F2063" s="59" t="s">
        <v>449</v>
      </c>
      <c r="G2063" s="59" t="s">
        <v>450</v>
      </c>
      <c r="H2063" s="60">
        <v>212</v>
      </c>
      <c r="I2063" s="60">
        <v>215</v>
      </c>
      <c r="J2063" s="61">
        <v>0</v>
      </c>
      <c r="K2063" s="61">
        <v>-4993.05</v>
      </c>
    </row>
    <row r="2064" spans="1:11" ht="18.75" hidden="1" customHeight="1" thickBot="1">
      <c r="A2064" s="59" t="s">
        <v>448</v>
      </c>
      <c r="B2064" s="59" t="s">
        <v>28</v>
      </c>
      <c r="C2064" s="59" t="s">
        <v>28</v>
      </c>
      <c r="D2064" s="59" t="s">
        <v>377</v>
      </c>
      <c r="E2064" s="59" t="s">
        <v>378</v>
      </c>
      <c r="F2064" s="59" t="s">
        <v>449</v>
      </c>
      <c r="G2064" s="59" t="s">
        <v>450</v>
      </c>
      <c r="H2064" s="60">
        <v>212</v>
      </c>
      <c r="I2064" s="60">
        <v>223</v>
      </c>
      <c r="J2064" s="61">
        <v>0</v>
      </c>
      <c r="K2064" s="61">
        <v>-159.46</v>
      </c>
    </row>
    <row r="2065" spans="1:11" ht="18.75" hidden="1" customHeight="1" thickBot="1">
      <c r="A2065" s="59" t="s">
        <v>448</v>
      </c>
      <c r="B2065" s="59" t="s">
        <v>28</v>
      </c>
      <c r="C2065" s="59" t="s">
        <v>28</v>
      </c>
      <c r="D2065" s="59" t="s">
        <v>377</v>
      </c>
      <c r="E2065" s="59" t="s">
        <v>378</v>
      </c>
      <c r="F2065" s="59" t="s">
        <v>449</v>
      </c>
      <c r="G2065" s="59" t="s">
        <v>450</v>
      </c>
      <c r="H2065" s="60">
        <v>212</v>
      </c>
      <c r="I2065" s="60">
        <v>225</v>
      </c>
      <c r="J2065" s="61">
        <v>0</v>
      </c>
      <c r="K2065" s="61">
        <v>-18.37</v>
      </c>
    </row>
    <row r="2066" spans="1:11" ht="18.75" hidden="1" customHeight="1" thickBot="1">
      <c r="A2066" s="59" t="s">
        <v>448</v>
      </c>
      <c r="B2066" s="59" t="s">
        <v>28</v>
      </c>
      <c r="C2066" s="59" t="s">
        <v>28</v>
      </c>
      <c r="D2066" s="59" t="s">
        <v>377</v>
      </c>
      <c r="E2066" s="59" t="s">
        <v>378</v>
      </c>
      <c r="F2066" s="59" t="s">
        <v>449</v>
      </c>
      <c r="G2066" s="59" t="s">
        <v>450</v>
      </c>
      <c r="H2066" s="60">
        <v>212</v>
      </c>
      <c r="I2066" s="60">
        <v>227</v>
      </c>
      <c r="J2066" s="61">
        <v>0</v>
      </c>
      <c r="K2066" s="61">
        <v>-10.79</v>
      </c>
    </row>
    <row r="2067" spans="1:11" ht="18.75" hidden="1" customHeight="1" thickBot="1">
      <c r="A2067" s="59" t="s">
        <v>448</v>
      </c>
      <c r="B2067" s="59" t="s">
        <v>28</v>
      </c>
      <c r="C2067" s="59" t="s">
        <v>28</v>
      </c>
      <c r="D2067" s="59" t="s">
        <v>377</v>
      </c>
      <c r="E2067" s="59" t="s">
        <v>378</v>
      </c>
      <c r="F2067" s="59" t="s">
        <v>449</v>
      </c>
      <c r="G2067" s="59" t="s">
        <v>450</v>
      </c>
      <c r="H2067" s="60">
        <v>212</v>
      </c>
      <c r="I2067" s="60">
        <v>229</v>
      </c>
      <c r="J2067" s="61">
        <v>0</v>
      </c>
      <c r="K2067" s="61">
        <v>-21.64</v>
      </c>
    </row>
    <row r="2068" spans="1:11" ht="18.75" hidden="1" customHeight="1" thickBot="1">
      <c r="A2068" s="59" t="s">
        <v>448</v>
      </c>
      <c r="B2068" s="59" t="s">
        <v>28</v>
      </c>
      <c r="C2068" s="59" t="s">
        <v>28</v>
      </c>
      <c r="D2068" s="59" t="s">
        <v>377</v>
      </c>
      <c r="E2068" s="59" t="s">
        <v>378</v>
      </c>
      <c r="F2068" s="59" t="s">
        <v>449</v>
      </c>
      <c r="G2068" s="59" t="s">
        <v>450</v>
      </c>
      <c r="H2068" s="60">
        <v>212</v>
      </c>
      <c r="I2068" s="60">
        <v>240</v>
      </c>
      <c r="J2068" s="61">
        <v>0</v>
      </c>
      <c r="K2068" s="61">
        <v>-999.66</v>
      </c>
    </row>
    <row r="2069" spans="1:11" ht="18.75" hidden="1" customHeight="1" thickBot="1">
      <c r="A2069" s="59" t="s">
        <v>448</v>
      </c>
      <c r="B2069" s="59" t="s">
        <v>28</v>
      </c>
      <c r="C2069" s="59" t="s">
        <v>28</v>
      </c>
      <c r="D2069" s="59" t="s">
        <v>377</v>
      </c>
      <c r="E2069" s="59" t="s">
        <v>378</v>
      </c>
      <c r="F2069" s="59" t="s">
        <v>449</v>
      </c>
      <c r="G2069" s="59" t="s">
        <v>450</v>
      </c>
      <c r="H2069" s="60">
        <v>216</v>
      </c>
      <c r="I2069" s="60">
        <v>211</v>
      </c>
      <c r="J2069" s="61">
        <v>0</v>
      </c>
      <c r="K2069" s="61">
        <v>-62.34</v>
      </c>
    </row>
    <row r="2070" spans="1:11" ht="18.75" hidden="1" customHeight="1" thickBot="1">
      <c r="A2070" s="59" t="s">
        <v>448</v>
      </c>
      <c r="B2070" s="59" t="s">
        <v>28</v>
      </c>
      <c r="C2070" s="59" t="s">
        <v>28</v>
      </c>
      <c r="D2070" s="59" t="s">
        <v>377</v>
      </c>
      <c r="E2070" s="59" t="s">
        <v>378</v>
      </c>
      <c r="F2070" s="59" t="s">
        <v>449</v>
      </c>
      <c r="G2070" s="59" t="s">
        <v>450</v>
      </c>
      <c r="H2070" s="60">
        <v>216</v>
      </c>
      <c r="I2070" s="60">
        <v>215</v>
      </c>
      <c r="J2070" s="61">
        <v>0</v>
      </c>
      <c r="K2070" s="61">
        <v>-16.87</v>
      </c>
    </row>
    <row r="2071" spans="1:11" ht="18.75" hidden="1" customHeight="1" thickBot="1">
      <c r="A2071" s="59" t="s">
        <v>448</v>
      </c>
      <c r="B2071" s="59" t="s">
        <v>28</v>
      </c>
      <c r="C2071" s="59" t="s">
        <v>28</v>
      </c>
      <c r="D2071" s="59" t="s">
        <v>377</v>
      </c>
      <c r="E2071" s="59" t="s">
        <v>378</v>
      </c>
      <c r="F2071" s="59" t="s">
        <v>449</v>
      </c>
      <c r="G2071" s="59" t="s">
        <v>450</v>
      </c>
      <c r="H2071" s="60">
        <v>221</v>
      </c>
      <c r="I2071" s="60">
        <v>93</v>
      </c>
      <c r="J2071" s="61">
        <v>0</v>
      </c>
      <c r="K2071" s="61">
        <v>-1</v>
      </c>
    </row>
    <row r="2072" spans="1:11" ht="18.75" hidden="1" customHeight="1" thickBot="1">
      <c r="A2072" s="59" t="s">
        <v>448</v>
      </c>
      <c r="B2072" s="59" t="s">
        <v>28</v>
      </c>
      <c r="C2072" s="59" t="s">
        <v>28</v>
      </c>
      <c r="D2072" s="59" t="s">
        <v>377</v>
      </c>
      <c r="E2072" s="59" t="s">
        <v>378</v>
      </c>
      <c r="F2072" s="59" t="s">
        <v>449</v>
      </c>
      <c r="G2072" s="59" t="s">
        <v>450</v>
      </c>
      <c r="H2072" s="60">
        <v>221</v>
      </c>
      <c r="I2072" s="60">
        <v>95</v>
      </c>
      <c r="J2072" s="61">
        <v>0</v>
      </c>
      <c r="K2072" s="61">
        <v>-3.51</v>
      </c>
    </row>
    <row r="2073" spans="1:11" ht="18.75" hidden="1" customHeight="1" thickBot="1">
      <c r="A2073" s="59" t="s">
        <v>448</v>
      </c>
      <c r="B2073" s="59" t="s">
        <v>28</v>
      </c>
      <c r="C2073" s="59" t="s">
        <v>28</v>
      </c>
      <c r="D2073" s="59" t="s">
        <v>377</v>
      </c>
      <c r="E2073" s="59" t="s">
        <v>378</v>
      </c>
      <c r="F2073" s="59" t="s">
        <v>449</v>
      </c>
      <c r="G2073" s="59" t="s">
        <v>450</v>
      </c>
      <c r="H2073" s="60">
        <v>221</v>
      </c>
      <c r="I2073" s="60">
        <v>97</v>
      </c>
      <c r="J2073" s="61">
        <v>0</v>
      </c>
      <c r="K2073" s="61">
        <v>-0.75</v>
      </c>
    </row>
    <row r="2074" spans="1:11" ht="18.75" hidden="1" customHeight="1" thickBot="1">
      <c r="A2074" s="59" t="s">
        <v>448</v>
      </c>
      <c r="B2074" s="59" t="s">
        <v>28</v>
      </c>
      <c r="C2074" s="59" t="s">
        <v>28</v>
      </c>
      <c r="D2074" s="59" t="s">
        <v>377</v>
      </c>
      <c r="E2074" s="59" t="s">
        <v>378</v>
      </c>
      <c r="F2074" s="59" t="s">
        <v>449</v>
      </c>
      <c r="G2074" s="59" t="s">
        <v>450</v>
      </c>
      <c r="H2074" s="60">
        <v>221</v>
      </c>
      <c r="I2074" s="60">
        <v>113</v>
      </c>
      <c r="J2074" s="61">
        <v>0</v>
      </c>
      <c r="K2074" s="61">
        <v>-3.61</v>
      </c>
    </row>
    <row r="2075" spans="1:11" ht="18.75" hidden="1" customHeight="1" thickBot="1">
      <c r="A2075" s="59" t="s">
        <v>448</v>
      </c>
      <c r="B2075" s="59" t="s">
        <v>28</v>
      </c>
      <c r="C2075" s="59" t="s">
        <v>28</v>
      </c>
      <c r="D2075" s="59" t="s">
        <v>377</v>
      </c>
      <c r="E2075" s="59" t="s">
        <v>378</v>
      </c>
      <c r="F2075" s="59" t="s">
        <v>449</v>
      </c>
      <c r="G2075" s="59" t="s">
        <v>450</v>
      </c>
      <c r="H2075" s="60">
        <v>221</v>
      </c>
      <c r="I2075" s="60">
        <v>211</v>
      </c>
      <c r="J2075" s="61">
        <v>0</v>
      </c>
      <c r="K2075" s="61">
        <v>-311.19</v>
      </c>
    </row>
    <row r="2076" spans="1:11" ht="18.75" hidden="1" customHeight="1" thickBot="1">
      <c r="A2076" s="59" t="s">
        <v>448</v>
      </c>
      <c r="B2076" s="59" t="s">
        <v>28</v>
      </c>
      <c r="C2076" s="59" t="s">
        <v>28</v>
      </c>
      <c r="D2076" s="59" t="s">
        <v>377</v>
      </c>
      <c r="E2076" s="59" t="s">
        <v>378</v>
      </c>
      <c r="F2076" s="59" t="s">
        <v>449</v>
      </c>
      <c r="G2076" s="59" t="s">
        <v>450</v>
      </c>
      <c r="H2076" s="60">
        <v>221</v>
      </c>
      <c r="I2076" s="60">
        <v>215</v>
      </c>
      <c r="J2076" s="61">
        <v>0</v>
      </c>
      <c r="K2076" s="61">
        <v>-1133.54</v>
      </c>
    </row>
    <row r="2077" spans="1:11" ht="18.75" hidden="1" customHeight="1" thickBot="1">
      <c r="A2077" s="59" t="s">
        <v>448</v>
      </c>
      <c r="B2077" s="59" t="s">
        <v>28</v>
      </c>
      <c r="C2077" s="59" t="s">
        <v>28</v>
      </c>
      <c r="D2077" s="59" t="s">
        <v>377</v>
      </c>
      <c r="E2077" s="59" t="s">
        <v>378</v>
      </c>
      <c r="F2077" s="59" t="s">
        <v>449</v>
      </c>
      <c r="G2077" s="59" t="s">
        <v>450</v>
      </c>
      <c r="H2077" s="60">
        <v>221</v>
      </c>
      <c r="I2077" s="60">
        <v>220</v>
      </c>
      <c r="J2077" s="61">
        <v>0</v>
      </c>
      <c r="K2077" s="61">
        <v>-178.68</v>
      </c>
    </row>
    <row r="2078" spans="1:11" ht="18.75" hidden="1" customHeight="1" thickBot="1">
      <c r="A2078" s="59" t="s">
        <v>448</v>
      </c>
      <c r="B2078" s="59" t="s">
        <v>28</v>
      </c>
      <c r="C2078" s="59" t="s">
        <v>28</v>
      </c>
      <c r="D2078" s="59" t="s">
        <v>377</v>
      </c>
      <c r="E2078" s="59" t="s">
        <v>378</v>
      </c>
      <c r="F2078" s="59" t="s">
        <v>449</v>
      </c>
      <c r="G2078" s="59" t="s">
        <v>450</v>
      </c>
      <c r="H2078" s="60">
        <v>221</v>
      </c>
      <c r="I2078" s="60">
        <v>240</v>
      </c>
      <c r="J2078" s="61">
        <v>0</v>
      </c>
      <c r="K2078" s="61">
        <v>-1117.01</v>
      </c>
    </row>
    <row r="2079" spans="1:11" ht="18.75" hidden="1" customHeight="1" thickBot="1">
      <c r="A2079" s="59" t="s">
        <v>448</v>
      </c>
      <c r="B2079" s="59" t="s">
        <v>28</v>
      </c>
      <c r="C2079" s="59" t="s">
        <v>28</v>
      </c>
      <c r="D2079" s="59" t="s">
        <v>377</v>
      </c>
      <c r="E2079" s="59" t="s">
        <v>378</v>
      </c>
      <c r="F2079" s="59" t="s">
        <v>449</v>
      </c>
      <c r="G2079" s="59" t="s">
        <v>450</v>
      </c>
      <c r="H2079" s="60">
        <v>221</v>
      </c>
      <c r="I2079" s="60">
        <v>358</v>
      </c>
      <c r="J2079" s="61">
        <v>0</v>
      </c>
      <c r="K2079" s="61">
        <v>-3643.51</v>
      </c>
    </row>
    <row r="2080" spans="1:11" ht="18.75" hidden="1" customHeight="1" thickBot="1">
      <c r="A2080" s="59" t="s">
        <v>448</v>
      </c>
      <c r="B2080" s="59" t="s">
        <v>28</v>
      </c>
      <c r="C2080" s="59" t="s">
        <v>28</v>
      </c>
      <c r="D2080" s="59" t="s">
        <v>377</v>
      </c>
      <c r="E2080" s="59" t="s">
        <v>378</v>
      </c>
      <c r="F2080" s="59" t="s">
        <v>449</v>
      </c>
      <c r="G2080" s="59" t="s">
        <v>450</v>
      </c>
      <c r="H2080" s="60">
        <v>222</v>
      </c>
      <c r="I2080" s="60">
        <v>211</v>
      </c>
      <c r="J2080" s="61">
        <v>0</v>
      </c>
      <c r="K2080" s="61">
        <v>-2.96</v>
      </c>
    </row>
    <row r="2081" spans="1:11" ht="18.75" hidden="1" customHeight="1" thickBot="1">
      <c r="A2081" s="59" t="s">
        <v>448</v>
      </c>
      <c r="B2081" s="59" t="s">
        <v>28</v>
      </c>
      <c r="C2081" s="59" t="s">
        <v>28</v>
      </c>
      <c r="D2081" s="59" t="s">
        <v>377</v>
      </c>
      <c r="E2081" s="59" t="s">
        <v>378</v>
      </c>
      <c r="F2081" s="59" t="s">
        <v>449</v>
      </c>
      <c r="G2081" s="59" t="s">
        <v>450</v>
      </c>
      <c r="H2081" s="60">
        <v>222</v>
      </c>
      <c r="I2081" s="60">
        <v>215</v>
      </c>
      <c r="J2081" s="61">
        <v>0</v>
      </c>
      <c r="K2081" s="61">
        <v>-35.94</v>
      </c>
    </row>
    <row r="2082" spans="1:11" ht="18.75" hidden="1" customHeight="1" thickBot="1">
      <c r="A2082" s="59" t="s">
        <v>448</v>
      </c>
      <c r="B2082" s="59" t="s">
        <v>28</v>
      </c>
      <c r="C2082" s="59" t="s">
        <v>28</v>
      </c>
      <c r="D2082" s="59" t="s">
        <v>377</v>
      </c>
      <c r="E2082" s="59" t="s">
        <v>378</v>
      </c>
      <c r="F2082" s="59" t="s">
        <v>449</v>
      </c>
      <c r="G2082" s="59" t="s">
        <v>450</v>
      </c>
      <c r="H2082" s="60">
        <v>222</v>
      </c>
      <c r="I2082" s="60">
        <v>240</v>
      </c>
      <c r="J2082" s="61">
        <v>0</v>
      </c>
      <c r="K2082" s="61">
        <v>-771.13</v>
      </c>
    </row>
    <row r="2083" spans="1:11" ht="18.75" hidden="1" customHeight="1" thickBot="1">
      <c r="A2083" s="59" t="s">
        <v>448</v>
      </c>
      <c r="B2083" s="59" t="s">
        <v>28</v>
      </c>
      <c r="C2083" s="59" t="s">
        <v>28</v>
      </c>
      <c r="D2083" s="59" t="s">
        <v>377</v>
      </c>
      <c r="E2083" s="59" t="s">
        <v>378</v>
      </c>
      <c r="F2083" s="59" t="s">
        <v>449</v>
      </c>
      <c r="G2083" s="59" t="s">
        <v>450</v>
      </c>
      <c r="H2083" s="60">
        <v>230</v>
      </c>
      <c r="I2083" s="60">
        <v>109</v>
      </c>
      <c r="J2083" s="61">
        <v>0</v>
      </c>
      <c r="K2083" s="61">
        <v>-11.9</v>
      </c>
    </row>
    <row r="2084" spans="1:11" ht="18.75" hidden="1" customHeight="1" thickBot="1">
      <c r="A2084" s="59" t="s">
        <v>448</v>
      </c>
      <c r="B2084" s="59" t="s">
        <v>28</v>
      </c>
      <c r="C2084" s="59" t="s">
        <v>28</v>
      </c>
      <c r="D2084" s="59" t="s">
        <v>377</v>
      </c>
      <c r="E2084" s="59" t="s">
        <v>378</v>
      </c>
      <c r="F2084" s="59" t="s">
        <v>449</v>
      </c>
      <c r="G2084" s="59" t="s">
        <v>450</v>
      </c>
      <c r="H2084" s="60">
        <v>230</v>
      </c>
      <c r="I2084" s="60">
        <v>113</v>
      </c>
      <c r="J2084" s="61">
        <v>0</v>
      </c>
      <c r="K2084" s="61">
        <v>-0.84</v>
      </c>
    </row>
    <row r="2085" spans="1:11" ht="18.75" hidden="1" customHeight="1" thickBot="1">
      <c r="A2085" s="59" t="s">
        <v>448</v>
      </c>
      <c r="B2085" s="59" t="s">
        <v>28</v>
      </c>
      <c r="C2085" s="59" t="s">
        <v>28</v>
      </c>
      <c r="D2085" s="59" t="s">
        <v>377</v>
      </c>
      <c r="E2085" s="59" t="s">
        <v>378</v>
      </c>
      <c r="F2085" s="59" t="s">
        <v>449</v>
      </c>
      <c r="G2085" s="59" t="s">
        <v>450</v>
      </c>
      <c r="H2085" s="60">
        <v>230</v>
      </c>
      <c r="I2085" s="60">
        <v>211</v>
      </c>
      <c r="J2085" s="61">
        <v>0</v>
      </c>
      <c r="K2085" s="61">
        <v>-9.01</v>
      </c>
    </row>
    <row r="2086" spans="1:11" ht="18.75" hidden="1" customHeight="1" thickBot="1">
      <c r="A2086" s="59" t="s">
        <v>448</v>
      </c>
      <c r="B2086" s="59" t="s">
        <v>28</v>
      </c>
      <c r="C2086" s="59" t="s">
        <v>28</v>
      </c>
      <c r="D2086" s="59" t="s">
        <v>377</v>
      </c>
      <c r="E2086" s="59" t="s">
        <v>378</v>
      </c>
      <c r="F2086" s="59" t="s">
        <v>449</v>
      </c>
      <c r="G2086" s="59" t="s">
        <v>450</v>
      </c>
      <c r="H2086" s="60">
        <v>230</v>
      </c>
      <c r="I2086" s="60">
        <v>215</v>
      </c>
      <c r="J2086" s="61">
        <v>0</v>
      </c>
      <c r="K2086" s="61">
        <v>-60.56</v>
      </c>
    </row>
    <row r="2087" spans="1:11" ht="18.75" hidden="1" customHeight="1" thickBot="1">
      <c r="A2087" s="59" t="s">
        <v>448</v>
      </c>
      <c r="B2087" s="59" t="s">
        <v>28</v>
      </c>
      <c r="C2087" s="59" t="s">
        <v>28</v>
      </c>
      <c r="D2087" s="59" t="s">
        <v>377</v>
      </c>
      <c r="E2087" s="59" t="s">
        <v>378</v>
      </c>
      <c r="F2087" s="59" t="s">
        <v>449</v>
      </c>
      <c r="G2087" s="59" t="s">
        <v>450</v>
      </c>
      <c r="H2087" s="60">
        <v>230</v>
      </c>
      <c r="I2087" s="60">
        <v>220</v>
      </c>
      <c r="J2087" s="61">
        <v>0</v>
      </c>
      <c r="K2087" s="61">
        <v>-118.5</v>
      </c>
    </row>
    <row r="2088" spans="1:11" ht="18.75" hidden="1" customHeight="1" thickBot="1">
      <c r="A2088" s="59" t="s">
        <v>448</v>
      </c>
      <c r="B2088" s="59" t="s">
        <v>28</v>
      </c>
      <c r="C2088" s="59" t="s">
        <v>28</v>
      </c>
      <c r="D2088" s="59" t="s">
        <v>377</v>
      </c>
      <c r="E2088" s="59" t="s">
        <v>378</v>
      </c>
      <c r="F2088" s="59" t="s">
        <v>449</v>
      </c>
      <c r="G2088" s="59" t="s">
        <v>450</v>
      </c>
      <c r="H2088" s="60">
        <v>230</v>
      </c>
      <c r="I2088" s="60">
        <v>244</v>
      </c>
      <c r="J2088" s="61">
        <v>0</v>
      </c>
      <c r="K2088" s="61">
        <v>-2183.16</v>
      </c>
    </row>
    <row r="2089" spans="1:11" ht="18.75" hidden="1" customHeight="1" thickBot="1">
      <c r="A2089" s="59" t="s">
        <v>448</v>
      </c>
      <c r="B2089" s="59" t="s">
        <v>28</v>
      </c>
      <c r="C2089" s="59" t="s">
        <v>28</v>
      </c>
      <c r="D2089" s="59" t="s">
        <v>377</v>
      </c>
      <c r="E2089" s="59" t="s">
        <v>378</v>
      </c>
      <c r="F2089" s="59" t="s">
        <v>449</v>
      </c>
      <c r="G2089" s="59" t="s">
        <v>450</v>
      </c>
      <c r="H2089" s="60">
        <v>230</v>
      </c>
      <c r="I2089" s="60">
        <v>248</v>
      </c>
      <c r="J2089" s="61">
        <v>0</v>
      </c>
      <c r="K2089" s="61">
        <v>-1621.13</v>
      </c>
    </row>
    <row r="2090" spans="1:11" ht="18.75" hidden="1" customHeight="1" thickBot="1">
      <c r="A2090" s="59" t="s">
        <v>448</v>
      </c>
      <c r="B2090" s="59" t="s">
        <v>28</v>
      </c>
      <c r="C2090" s="59" t="s">
        <v>28</v>
      </c>
      <c r="D2090" s="59" t="s">
        <v>377</v>
      </c>
      <c r="E2090" s="59" t="s">
        <v>378</v>
      </c>
      <c r="F2090" s="59" t="s">
        <v>449</v>
      </c>
      <c r="G2090" s="59" t="s">
        <v>450</v>
      </c>
      <c r="H2090" s="60">
        <v>230</v>
      </c>
      <c r="I2090" s="60">
        <v>257</v>
      </c>
      <c r="J2090" s="61">
        <v>0</v>
      </c>
      <c r="K2090" s="61">
        <v>-436.2</v>
      </c>
    </row>
    <row r="2091" spans="1:11" ht="18.75" hidden="1" customHeight="1" thickBot="1">
      <c r="A2091" s="59" t="s">
        <v>448</v>
      </c>
      <c r="B2091" s="59" t="s">
        <v>28</v>
      </c>
      <c r="C2091" s="59" t="s">
        <v>28</v>
      </c>
      <c r="D2091" s="59" t="s">
        <v>377</v>
      </c>
      <c r="E2091" s="59" t="s">
        <v>378</v>
      </c>
      <c r="F2091" s="59" t="s">
        <v>449</v>
      </c>
      <c r="G2091" s="59" t="s">
        <v>450</v>
      </c>
      <c r="H2091" s="60">
        <v>230</v>
      </c>
      <c r="I2091" s="60">
        <v>358</v>
      </c>
      <c r="J2091" s="61">
        <v>0</v>
      </c>
      <c r="K2091" s="61">
        <v>-2020.55</v>
      </c>
    </row>
    <row r="2092" spans="1:11" ht="18.75" customHeight="1" thickBot="1">
      <c r="A2092" s="59" t="s">
        <v>448</v>
      </c>
      <c r="B2092" s="59" t="s">
        <v>28</v>
      </c>
      <c r="C2092" s="59" t="s">
        <v>28</v>
      </c>
      <c r="D2092" s="59" t="s">
        <v>377</v>
      </c>
      <c r="E2092" s="59" t="s">
        <v>380</v>
      </c>
      <c r="F2092" s="59" t="s">
        <v>449</v>
      </c>
      <c r="G2092" s="59" t="s">
        <v>450</v>
      </c>
      <c r="H2092" s="60">
        <v>0</v>
      </c>
      <c r="I2092" s="60">
        <v>0</v>
      </c>
      <c r="J2092" s="61">
        <v>0</v>
      </c>
      <c r="K2092" s="61">
        <v>15654.32</v>
      </c>
    </row>
    <row r="2093" spans="1:11" ht="18.75" customHeight="1" thickBot="1">
      <c r="A2093" s="59" t="s">
        <v>448</v>
      </c>
      <c r="B2093" s="59" t="s">
        <v>28</v>
      </c>
      <c r="C2093" s="59" t="s">
        <v>28</v>
      </c>
      <c r="D2093" s="59" t="s">
        <v>377</v>
      </c>
      <c r="E2093" s="59" t="s">
        <v>380</v>
      </c>
      <c r="F2093" s="59" t="s">
        <v>449</v>
      </c>
      <c r="G2093" s="59" t="s">
        <v>450</v>
      </c>
      <c r="H2093" s="60">
        <v>10</v>
      </c>
      <c r="I2093" s="60">
        <v>15</v>
      </c>
      <c r="J2093" s="61">
        <v>0</v>
      </c>
      <c r="K2093" s="61">
        <v>8.5399999999999991</v>
      </c>
    </row>
    <row r="2094" spans="1:11" ht="18.75" customHeight="1" thickBot="1">
      <c r="A2094" s="59" t="s">
        <v>448</v>
      </c>
      <c r="B2094" s="59" t="s">
        <v>28</v>
      </c>
      <c r="C2094" s="59" t="s">
        <v>28</v>
      </c>
      <c r="D2094" s="59" t="s">
        <v>377</v>
      </c>
      <c r="E2094" s="59" t="s">
        <v>380</v>
      </c>
      <c r="F2094" s="59" t="s">
        <v>449</v>
      </c>
      <c r="G2094" s="59" t="s">
        <v>450</v>
      </c>
      <c r="H2094" s="60">
        <v>10</v>
      </c>
      <c r="I2094" s="60">
        <v>22</v>
      </c>
      <c r="J2094" s="61">
        <v>0</v>
      </c>
      <c r="K2094" s="61">
        <v>38.35</v>
      </c>
    </row>
    <row r="2095" spans="1:11" ht="18.75" customHeight="1" thickBot="1">
      <c r="A2095" s="59" t="s">
        <v>448</v>
      </c>
      <c r="B2095" s="59" t="s">
        <v>28</v>
      </c>
      <c r="C2095" s="59" t="s">
        <v>28</v>
      </c>
      <c r="D2095" s="59" t="s">
        <v>377</v>
      </c>
      <c r="E2095" s="59" t="s">
        <v>380</v>
      </c>
      <c r="F2095" s="59" t="s">
        <v>449</v>
      </c>
      <c r="G2095" s="59" t="s">
        <v>450</v>
      </c>
      <c r="H2095" s="60">
        <v>20</v>
      </c>
      <c r="I2095" s="60">
        <v>22</v>
      </c>
      <c r="J2095" s="61">
        <v>0</v>
      </c>
      <c r="K2095" s="61">
        <v>6.54</v>
      </c>
    </row>
    <row r="2096" spans="1:11" ht="18.75" customHeight="1" thickBot="1">
      <c r="A2096" s="59" t="s">
        <v>448</v>
      </c>
      <c r="B2096" s="59" t="s">
        <v>28</v>
      </c>
      <c r="C2096" s="59" t="s">
        <v>28</v>
      </c>
      <c r="D2096" s="59" t="s">
        <v>377</v>
      </c>
      <c r="E2096" s="59" t="s">
        <v>380</v>
      </c>
      <c r="F2096" s="59" t="s">
        <v>449</v>
      </c>
      <c r="G2096" s="59" t="s">
        <v>450</v>
      </c>
      <c r="H2096" s="60">
        <v>20</v>
      </c>
      <c r="I2096" s="60">
        <v>211</v>
      </c>
      <c r="J2096" s="61">
        <v>0</v>
      </c>
      <c r="K2096" s="61">
        <v>10.15</v>
      </c>
    </row>
    <row r="2097" spans="1:11" ht="18.75" customHeight="1" thickBot="1">
      <c r="A2097" s="59" t="s">
        <v>448</v>
      </c>
      <c r="B2097" s="59" t="s">
        <v>28</v>
      </c>
      <c r="C2097" s="59" t="s">
        <v>28</v>
      </c>
      <c r="D2097" s="59" t="s">
        <v>377</v>
      </c>
      <c r="E2097" s="59" t="s">
        <v>380</v>
      </c>
      <c r="F2097" s="59" t="s">
        <v>449</v>
      </c>
      <c r="G2097" s="59" t="s">
        <v>450</v>
      </c>
      <c r="H2097" s="60">
        <v>211</v>
      </c>
      <c r="I2097" s="60">
        <v>93</v>
      </c>
      <c r="J2097" s="61">
        <v>0</v>
      </c>
      <c r="K2097" s="61">
        <v>24.62</v>
      </c>
    </row>
    <row r="2098" spans="1:11" ht="18.75" customHeight="1" thickBot="1">
      <c r="A2098" s="59" t="s">
        <v>448</v>
      </c>
      <c r="B2098" s="59" t="s">
        <v>28</v>
      </c>
      <c r="C2098" s="59" t="s">
        <v>28</v>
      </c>
      <c r="D2098" s="59" t="s">
        <v>377</v>
      </c>
      <c r="E2098" s="59" t="s">
        <v>380</v>
      </c>
      <c r="F2098" s="59" t="s">
        <v>449</v>
      </c>
      <c r="G2098" s="59" t="s">
        <v>450</v>
      </c>
      <c r="H2098" s="60">
        <v>211</v>
      </c>
      <c r="I2098" s="60">
        <v>94</v>
      </c>
      <c r="J2098" s="61">
        <v>0</v>
      </c>
      <c r="K2098" s="61">
        <v>59.83</v>
      </c>
    </row>
    <row r="2099" spans="1:11" ht="18.75" customHeight="1" thickBot="1">
      <c r="A2099" s="59" t="s">
        <v>448</v>
      </c>
      <c r="B2099" s="59" t="s">
        <v>28</v>
      </c>
      <c r="C2099" s="59" t="s">
        <v>28</v>
      </c>
      <c r="D2099" s="59" t="s">
        <v>377</v>
      </c>
      <c r="E2099" s="59" t="s">
        <v>380</v>
      </c>
      <c r="F2099" s="59" t="s">
        <v>449</v>
      </c>
      <c r="G2099" s="59" t="s">
        <v>450</v>
      </c>
      <c r="H2099" s="60">
        <v>211</v>
      </c>
      <c r="I2099" s="60">
        <v>95</v>
      </c>
      <c r="J2099" s="61">
        <v>0</v>
      </c>
      <c r="K2099" s="61">
        <v>4.08</v>
      </c>
    </row>
    <row r="2100" spans="1:11" ht="18.75" customHeight="1" thickBot="1">
      <c r="A2100" s="59" t="s">
        <v>448</v>
      </c>
      <c r="B2100" s="59" t="s">
        <v>28</v>
      </c>
      <c r="C2100" s="59" t="s">
        <v>28</v>
      </c>
      <c r="D2100" s="59" t="s">
        <v>377</v>
      </c>
      <c r="E2100" s="59" t="s">
        <v>380</v>
      </c>
      <c r="F2100" s="59" t="s">
        <v>449</v>
      </c>
      <c r="G2100" s="59" t="s">
        <v>450</v>
      </c>
      <c r="H2100" s="60">
        <v>211</v>
      </c>
      <c r="I2100" s="60">
        <v>97</v>
      </c>
      <c r="J2100" s="61">
        <v>0</v>
      </c>
      <c r="K2100" s="61">
        <v>56.74</v>
      </c>
    </row>
    <row r="2101" spans="1:11" ht="18.75" customHeight="1" thickBot="1">
      <c r="A2101" s="59" t="s">
        <v>448</v>
      </c>
      <c r="B2101" s="59" t="s">
        <v>28</v>
      </c>
      <c r="C2101" s="59" t="s">
        <v>28</v>
      </c>
      <c r="D2101" s="59" t="s">
        <v>377</v>
      </c>
      <c r="E2101" s="59" t="s">
        <v>380</v>
      </c>
      <c r="F2101" s="59" t="s">
        <v>449</v>
      </c>
      <c r="G2101" s="59" t="s">
        <v>450</v>
      </c>
      <c r="H2101" s="60">
        <v>211</v>
      </c>
      <c r="I2101" s="60">
        <v>98</v>
      </c>
      <c r="J2101" s="61">
        <v>0</v>
      </c>
      <c r="K2101" s="61">
        <v>7.49</v>
      </c>
    </row>
    <row r="2102" spans="1:11" ht="18.75" customHeight="1" thickBot="1">
      <c r="A2102" s="59" t="s">
        <v>448</v>
      </c>
      <c r="B2102" s="59" t="s">
        <v>28</v>
      </c>
      <c r="C2102" s="59" t="s">
        <v>28</v>
      </c>
      <c r="D2102" s="59" t="s">
        <v>377</v>
      </c>
      <c r="E2102" s="59" t="s">
        <v>380</v>
      </c>
      <c r="F2102" s="59" t="s">
        <v>449</v>
      </c>
      <c r="G2102" s="59" t="s">
        <v>450</v>
      </c>
      <c r="H2102" s="60">
        <v>211</v>
      </c>
      <c r="I2102" s="60">
        <v>107</v>
      </c>
      <c r="J2102" s="61">
        <v>0</v>
      </c>
      <c r="K2102" s="61">
        <v>34.9</v>
      </c>
    </row>
    <row r="2103" spans="1:11" ht="18.75" customHeight="1" thickBot="1">
      <c r="A2103" s="59" t="s">
        <v>448</v>
      </c>
      <c r="B2103" s="59" t="s">
        <v>28</v>
      </c>
      <c r="C2103" s="59" t="s">
        <v>28</v>
      </c>
      <c r="D2103" s="59" t="s">
        <v>377</v>
      </c>
      <c r="E2103" s="59" t="s">
        <v>380</v>
      </c>
      <c r="F2103" s="59" t="s">
        <v>449</v>
      </c>
      <c r="G2103" s="59" t="s">
        <v>450</v>
      </c>
      <c r="H2103" s="60">
        <v>211</v>
      </c>
      <c r="I2103" s="60">
        <v>109</v>
      </c>
      <c r="J2103" s="61">
        <v>0</v>
      </c>
      <c r="K2103" s="61">
        <v>173.39</v>
      </c>
    </row>
    <row r="2104" spans="1:11" ht="18.75" customHeight="1" thickBot="1">
      <c r="A2104" s="59" t="s">
        <v>448</v>
      </c>
      <c r="B2104" s="59" t="s">
        <v>28</v>
      </c>
      <c r="C2104" s="59" t="s">
        <v>28</v>
      </c>
      <c r="D2104" s="59" t="s">
        <v>377</v>
      </c>
      <c r="E2104" s="59" t="s">
        <v>380</v>
      </c>
      <c r="F2104" s="59" t="s">
        <v>449</v>
      </c>
      <c r="G2104" s="59" t="s">
        <v>450</v>
      </c>
      <c r="H2104" s="60">
        <v>211</v>
      </c>
      <c r="I2104" s="60">
        <v>110</v>
      </c>
      <c r="J2104" s="61">
        <v>0</v>
      </c>
      <c r="K2104" s="61">
        <v>1.47</v>
      </c>
    </row>
    <row r="2105" spans="1:11" ht="18.75" customHeight="1" thickBot="1">
      <c r="A2105" s="59" t="s">
        <v>448</v>
      </c>
      <c r="B2105" s="59" t="s">
        <v>28</v>
      </c>
      <c r="C2105" s="59" t="s">
        <v>28</v>
      </c>
      <c r="D2105" s="59" t="s">
        <v>377</v>
      </c>
      <c r="E2105" s="59" t="s">
        <v>380</v>
      </c>
      <c r="F2105" s="59" t="s">
        <v>449</v>
      </c>
      <c r="G2105" s="59" t="s">
        <v>450</v>
      </c>
      <c r="H2105" s="60">
        <v>211</v>
      </c>
      <c r="I2105" s="60">
        <v>111</v>
      </c>
      <c r="J2105" s="61">
        <v>0</v>
      </c>
      <c r="K2105" s="61">
        <v>42.53</v>
      </c>
    </row>
    <row r="2106" spans="1:11" ht="18.75" customHeight="1" thickBot="1">
      <c r="A2106" s="59" t="s">
        <v>448</v>
      </c>
      <c r="B2106" s="59" t="s">
        <v>28</v>
      </c>
      <c r="C2106" s="59" t="s">
        <v>28</v>
      </c>
      <c r="D2106" s="59" t="s">
        <v>377</v>
      </c>
      <c r="E2106" s="59" t="s">
        <v>380</v>
      </c>
      <c r="F2106" s="59" t="s">
        <v>449</v>
      </c>
      <c r="G2106" s="59" t="s">
        <v>450</v>
      </c>
      <c r="H2106" s="60">
        <v>211</v>
      </c>
      <c r="I2106" s="60">
        <v>113</v>
      </c>
      <c r="J2106" s="61">
        <v>0</v>
      </c>
      <c r="K2106" s="61">
        <v>104.93</v>
      </c>
    </row>
    <row r="2107" spans="1:11" ht="18.75" customHeight="1" thickBot="1">
      <c r="A2107" s="59" t="s">
        <v>448</v>
      </c>
      <c r="B2107" s="59" t="s">
        <v>28</v>
      </c>
      <c r="C2107" s="59" t="s">
        <v>28</v>
      </c>
      <c r="D2107" s="59" t="s">
        <v>377</v>
      </c>
      <c r="E2107" s="59" t="s">
        <v>380</v>
      </c>
      <c r="F2107" s="59" t="s">
        <v>449</v>
      </c>
      <c r="G2107" s="59" t="s">
        <v>450</v>
      </c>
      <c r="H2107" s="60">
        <v>211</v>
      </c>
      <c r="I2107" s="60">
        <v>116</v>
      </c>
      <c r="J2107" s="61">
        <v>0</v>
      </c>
      <c r="K2107" s="61">
        <v>53.23</v>
      </c>
    </row>
    <row r="2108" spans="1:11" ht="18.75" customHeight="1" thickBot="1">
      <c r="A2108" s="59" t="s">
        <v>448</v>
      </c>
      <c r="B2108" s="59" t="s">
        <v>28</v>
      </c>
      <c r="C2108" s="59" t="s">
        <v>28</v>
      </c>
      <c r="D2108" s="59" t="s">
        <v>377</v>
      </c>
      <c r="E2108" s="59" t="s">
        <v>380</v>
      </c>
      <c r="F2108" s="59" t="s">
        <v>449</v>
      </c>
      <c r="G2108" s="59" t="s">
        <v>450</v>
      </c>
      <c r="H2108" s="60">
        <v>211</v>
      </c>
      <c r="I2108" s="60">
        <v>131</v>
      </c>
      <c r="J2108" s="61">
        <v>0</v>
      </c>
      <c r="K2108" s="61">
        <v>13.83</v>
      </c>
    </row>
    <row r="2109" spans="1:11" ht="18.75" customHeight="1" thickBot="1">
      <c r="A2109" s="59" t="s">
        <v>448</v>
      </c>
      <c r="B2109" s="59" t="s">
        <v>28</v>
      </c>
      <c r="C2109" s="59" t="s">
        <v>28</v>
      </c>
      <c r="D2109" s="59" t="s">
        <v>377</v>
      </c>
      <c r="E2109" s="59" t="s">
        <v>380</v>
      </c>
      <c r="F2109" s="59" t="s">
        <v>449</v>
      </c>
      <c r="G2109" s="59" t="s">
        <v>450</v>
      </c>
      <c r="H2109" s="60">
        <v>211</v>
      </c>
      <c r="I2109" s="60">
        <v>150</v>
      </c>
      <c r="J2109" s="61">
        <v>0</v>
      </c>
      <c r="K2109" s="61">
        <v>27.98</v>
      </c>
    </row>
    <row r="2110" spans="1:11" ht="18.75" customHeight="1" thickBot="1">
      <c r="A2110" s="59" t="s">
        <v>448</v>
      </c>
      <c r="B2110" s="59" t="s">
        <v>28</v>
      </c>
      <c r="C2110" s="59" t="s">
        <v>28</v>
      </c>
      <c r="D2110" s="59" t="s">
        <v>377</v>
      </c>
      <c r="E2110" s="59" t="s">
        <v>380</v>
      </c>
      <c r="F2110" s="59" t="s">
        <v>449</v>
      </c>
      <c r="G2110" s="59" t="s">
        <v>450</v>
      </c>
      <c r="H2110" s="60">
        <v>211</v>
      </c>
      <c r="I2110" s="60">
        <v>165</v>
      </c>
      <c r="J2110" s="61">
        <v>0</v>
      </c>
      <c r="K2110" s="61">
        <v>1.76</v>
      </c>
    </row>
    <row r="2111" spans="1:11" ht="18.75" customHeight="1" thickBot="1">
      <c r="A2111" s="59" t="s">
        <v>448</v>
      </c>
      <c r="B2111" s="59" t="s">
        <v>28</v>
      </c>
      <c r="C2111" s="59" t="s">
        <v>28</v>
      </c>
      <c r="D2111" s="59" t="s">
        <v>377</v>
      </c>
      <c r="E2111" s="59" t="s">
        <v>380</v>
      </c>
      <c r="F2111" s="59" t="s">
        <v>449</v>
      </c>
      <c r="G2111" s="59" t="s">
        <v>450</v>
      </c>
      <c r="H2111" s="60">
        <v>211</v>
      </c>
      <c r="I2111" s="60">
        <v>204</v>
      </c>
      <c r="J2111" s="61">
        <v>0</v>
      </c>
      <c r="K2111" s="61">
        <v>64.97</v>
      </c>
    </row>
    <row r="2112" spans="1:11" ht="18.75" customHeight="1" thickBot="1">
      <c r="A2112" s="59" t="s">
        <v>448</v>
      </c>
      <c r="B2112" s="59" t="s">
        <v>28</v>
      </c>
      <c r="C2112" s="59" t="s">
        <v>28</v>
      </c>
      <c r="D2112" s="59" t="s">
        <v>377</v>
      </c>
      <c r="E2112" s="59" t="s">
        <v>380</v>
      </c>
      <c r="F2112" s="59" t="s">
        <v>449</v>
      </c>
      <c r="G2112" s="59" t="s">
        <v>450</v>
      </c>
      <c r="H2112" s="60">
        <v>211</v>
      </c>
      <c r="I2112" s="60">
        <v>211</v>
      </c>
      <c r="J2112" s="61">
        <v>0</v>
      </c>
      <c r="K2112" s="61">
        <v>20428.84</v>
      </c>
    </row>
    <row r="2113" spans="1:11" ht="18.75" customHeight="1" thickBot="1">
      <c r="A2113" s="59" t="s">
        <v>448</v>
      </c>
      <c r="B2113" s="59" t="s">
        <v>28</v>
      </c>
      <c r="C2113" s="59" t="s">
        <v>28</v>
      </c>
      <c r="D2113" s="59" t="s">
        <v>377</v>
      </c>
      <c r="E2113" s="59" t="s">
        <v>380</v>
      </c>
      <c r="F2113" s="59" t="s">
        <v>449</v>
      </c>
      <c r="G2113" s="59" t="s">
        <v>450</v>
      </c>
      <c r="H2113" s="60">
        <v>211</v>
      </c>
      <c r="I2113" s="60">
        <v>213</v>
      </c>
      <c r="J2113" s="61">
        <v>0</v>
      </c>
      <c r="K2113" s="61">
        <v>71</v>
      </c>
    </row>
    <row r="2114" spans="1:11" ht="18.75" customHeight="1" thickBot="1">
      <c r="A2114" s="59" t="s">
        <v>448</v>
      </c>
      <c r="B2114" s="59" t="s">
        <v>28</v>
      </c>
      <c r="C2114" s="59" t="s">
        <v>28</v>
      </c>
      <c r="D2114" s="59" t="s">
        <v>377</v>
      </c>
      <c r="E2114" s="59" t="s">
        <v>380</v>
      </c>
      <c r="F2114" s="59" t="s">
        <v>449</v>
      </c>
      <c r="G2114" s="59" t="s">
        <v>450</v>
      </c>
      <c r="H2114" s="60">
        <v>211</v>
      </c>
      <c r="I2114" s="60">
        <v>214</v>
      </c>
      <c r="J2114" s="61">
        <v>0</v>
      </c>
      <c r="K2114" s="61">
        <v>1.51</v>
      </c>
    </row>
    <row r="2115" spans="1:11" ht="18.75" customHeight="1" thickBot="1">
      <c r="A2115" s="59" t="s">
        <v>448</v>
      </c>
      <c r="B2115" s="59" t="s">
        <v>28</v>
      </c>
      <c r="C2115" s="59" t="s">
        <v>28</v>
      </c>
      <c r="D2115" s="59" t="s">
        <v>377</v>
      </c>
      <c r="E2115" s="59" t="s">
        <v>380</v>
      </c>
      <c r="F2115" s="59" t="s">
        <v>449</v>
      </c>
      <c r="G2115" s="59" t="s">
        <v>450</v>
      </c>
      <c r="H2115" s="60">
        <v>211</v>
      </c>
      <c r="I2115" s="60">
        <v>215</v>
      </c>
      <c r="J2115" s="61">
        <v>0</v>
      </c>
      <c r="K2115" s="61">
        <v>18840.48</v>
      </c>
    </row>
    <row r="2116" spans="1:11" ht="18.75" customHeight="1" thickBot="1">
      <c r="A2116" s="59" t="s">
        <v>448</v>
      </c>
      <c r="B2116" s="59" t="s">
        <v>28</v>
      </c>
      <c r="C2116" s="59" t="s">
        <v>28</v>
      </c>
      <c r="D2116" s="59" t="s">
        <v>377</v>
      </c>
      <c r="E2116" s="59" t="s">
        <v>380</v>
      </c>
      <c r="F2116" s="59" t="s">
        <v>449</v>
      </c>
      <c r="G2116" s="59" t="s">
        <v>450</v>
      </c>
      <c r="H2116" s="60">
        <v>211</v>
      </c>
      <c r="I2116" s="60">
        <v>217</v>
      </c>
      <c r="J2116" s="61">
        <v>0</v>
      </c>
      <c r="K2116" s="61">
        <v>63.06</v>
      </c>
    </row>
    <row r="2117" spans="1:11" ht="18.75" customHeight="1" thickBot="1">
      <c r="A2117" s="59" t="s">
        <v>448</v>
      </c>
      <c r="B2117" s="59" t="s">
        <v>28</v>
      </c>
      <c r="C2117" s="59" t="s">
        <v>28</v>
      </c>
      <c r="D2117" s="59" t="s">
        <v>377</v>
      </c>
      <c r="E2117" s="59" t="s">
        <v>380</v>
      </c>
      <c r="F2117" s="59" t="s">
        <v>449</v>
      </c>
      <c r="G2117" s="59" t="s">
        <v>450</v>
      </c>
      <c r="H2117" s="60">
        <v>211</v>
      </c>
      <c r="I2117" s="60">
        <v>220</v>
      </c>
      <c r="J2117" s="61">
        <v>0</v>
      </c>
      <c r="K2117" s="61">
        <v>21.53</v>
      </c>
    </row>
    <row r="2118" spans="1:11" ht="18.75" customHeight="1" thickBot="1">
      <c r="A2118" s="59" t="s">
        <v>448</v>
      </c>
      <c r="B2118" s="59" t="s">
        <v>28</v>
      </c>
      <c r="C2118" s="59" t="s">
        <v>28</v>
      </c>
      <c r="D2118" s="59" t="s">
        <v>377</v>
      </c>
      <c r="E2118" s="59" t="s">
        <v>380</v>
      </c>
      <c r="F2118" s="59" t="s">
        <v>449</v>
      </c>
      <c r="G2118" s="59" t="s">
        <v>450</v>
      </c>
      <c r="H2118" s="60">
        <v>211</v>
      </c>
      <c r="I2118" s="60">
        <v>223</v>
      </c>
      <c r="J2118" s="61">
        <v>0</v>
      </c>
      <c r="K2118" s="61">
        <v>3.24</v>
      </c>
    </row>
    <row r="2119" spans="1:11" ht="18.75" customHeight="1" thickBot="1">
      <c r="A2119" s="59" t="s">
        <v>448</v>
      </c>
      <c r="B2119" s="59" t="s">
        <v>28</v>
      </c>
      <c r="C2119" s="59" t="s">
        <v>28</v>
      </c>
      <c r="D2119" s="59" t="s">
        <v>377</v>
      </c>
      <c r="E2119" s="59" t="s">
        <v>380</v>
      </c>
      <c r="F2119" s="59" t="s">
        <v>449</v>
      </c>
      <c r="G2119" s="59" t="s">
        <v>450</v>
      </c>
      <c r="H2119" s="60">
        <v>211</v>
      </c>
      <c r="I2119" s="60">
        <v>225</v>
      </c>
      <c r="J2119" s="61">
        <v>0</v>
      </c>
      <c r="K2119" s="61">
        <v>6.21</v>
      </c>
    </row>
    <row r="2120" spans="1:11" ht="18.75" customHeight="1" thickBot="1">
      <c r="A2120" s="59" t="s">
        <v>448</v>
      </c>
      <c r="B2120" s="59" t="s">
        <v>28</v>
      </c>
      <c r="C2120" s="59" t="s">
        <v>28</v>
      </c>
      <c r="D2120" s="59" t="s">
        <v>377</v>
      </c>
      <c r="E2120" s="59" t="s">
        <v>380</v>
      </c>
      <c r="F2120" s="59" t="s">
        <v>449</v>
      </c>
      <c r="G2120" s="59" t="s">
        <v>450</v>
      </c>
      <c r="H2120" s="60">
        <v>211</v>
      </c>
      <c r="I2120" s="60">
        <v>227</v>
      </c>
      <c r="J2120" s="61">
        <v>0</v>
      </c>
      <c r="K2120" s="61">
        <v>51.02</v>
      </c>
    </row>
    <row r="2121" spans="1:11" ht="18.75" customHeight="1" thickBot="1">
      <c r="A2121" s="59" t="s">
        <v>448</v>
      </c>
      <c r="B2121" s="59" t="s">
        <v>28</v>
      </c>
      <c r="C2121" s="59" t="s">
        <v>28</v>
      </c>
      <c r="D2121" s="59" t="s">
        <v>377</v>
      </c>
      <c r="E2121" s="59" t="s">
        <v>380</v>
      </c>
      <c r="F2121" s="59" t="s">
        <v>449</v>
      </c>
      <c r="G2121" s="59" t="s">
        <v>450</v>
      </c>
      <c r="H2121" s="60">
        <v>211</v>
      </c>
      <c r="I2121" s="60">
        <v>229</v>
      </c>
      <c r="J2121" s="61">
        <v>0</v>
      </c>
      <c r="K2121" s="61">
        <v>67.260000000000005</v>
      </c>
    </row>
    <row r="2122" spans="1:11" ht="18.75" customHeight="1" thickBot="1">
      <c r="A2122" s="59" t="s">
        <v>448</v>
      </c>
      <c r="B2122" s="59" t="s">
        <v>28</v>
      </c>
      <c r="C2122" s="59" t="s">
        <v>28</v>
      </c>
      <c r="D2122" s="59" t="s">
        <v>377</v>
      </c>
      <c r="E2122" s="59" t="s">
        <v>380</v>
      </c>
      <c r="F2122" s="59" t="s">
        <v>449</v>
      </c>
      <c r="G2122" s="59" t="s">
        <v>450</v>
      </c>
      <c r="H2122" s="60">
        <v>211</v>
      </c>
      <c r="I2122" s="60">
        <v>240</v>
      </c>
      <c r="J2122" s="61">
        <v>0</v>
      </c>
      <c r="K2122" s="61">
        <v>8530.49</v>
      </c>
    </row>
    <row r="2123" spans="1:11" ht="18.75" customHeight="1" thickBot="1">
      <c r="A2123" s="59" t="s">
        <v>448</v>
      </c>
      <c r="B2123" s="59" t="s">
        <v>28</v>
      </c>
      <c r="C2123" s="59" t="s">
        <v>28</v>
      </c>
      <c r="D2123" s="59" t="s">
        <v>377</v>
      </c>
      <c r="E2123" s="59" t="s">
        <v>380</v>
      </c>
      <c r="F2123" s="59" t="s">
        <v>449</v>
      </c>
      <c r="G2123" s="59" t="s">
        <v>450</v>
      </c>
      <c r="H2123" s="60">
        <v>211</v>
      </c>
      <c r="I2123" s="60">
        <v>356</v>
      </c>
      <c r="J2123" s="61">
        <v>0</v>
      </c>
      <c r="K2123" s="61">
        <v>4316.13</v>
      </c>
    </row>
    <row r="2124" spans="1:11" ht="18.75" customHeight="1" thickBot="1">
      <c r="A2124" s="59" t="s">
        <v>448</v>
      </c>
      <c r="B2124" s="59" t="s">
        <v>28</v>
      </c>
      <c r="C2124" s="59" t="s">
        <v>28</v>
      </c>
      <c r="D2124" s="59" t="s">
        <v>377</v>
      </c>
      <c r="E2124" s="59" t="s">
        <v>380</v>
      </c>
      <c r="F2124" s="59" t="s">
        <v>449</v>
      </c>
      <c r="G2124" s="59" t="s">
        <v>450</v>
      </c>
      <c r="H2124" s="60">
        <v>211</v>
      </c>
      <c r="I2124" s="60">
        <v>359</v>
      </c>
      <c r="J2124" s="61">
        <v>0</v>
      </c>
      <c r="K2124" s="61">
        <v>65798.929999999993</v>
      </c>
    </row>
    <row r="2125" spans="1:11" ht="18.75" customHeight="1" thickBot="1">
      <c r="A2125" s="59" t="s">
        <v>448</v>
      </c>
      <c r="B2125" s="59" t="s">
        <v>28</v>
      </c>
      <c r="C2125" s="59" t="s">
        <v>28</v>
      </c>
      <c r="D2125" s="59" t="s">
        <v>377</v>
      </c>
      <c r="E2125" s="59" t="s">
        <v>380</v>
      </c>
      <c r="F2125" s="59" t="s">
        <v>449</v>
      </c>
      <c r="G2125" s="59" t="s">
        <v>450</v>
      </c>
      <c r="H2125" s="60">
        <v>212</v>
      </c>
      <c r="I2125" s="60">
        <v>94</v>
      </c>
      <c r="J2125" s="61">
        <v>0</v>
      </c>
      <c r="K2125" s="61">
        <v>30.28</v>
      </c>
    </row>
    <row r="2126" spans="1:11" ht="18.75" customHeight="1" thickBot="1">
      <c r="A2126" s="59" t="s">
        <v>448</v>
      </c>
      <c r="B2126" s="59" t="s">
        <v>28</v>
      </c>
      <c r="C2126" s="59" t="s">
        <v>28</v>
      </c>
      <c r="D2126" s="59" t="s">
        <v>377</v>
      </c>
      <c r="E2126" s="59" t="s">
        <v>380</v>
      </c>
      <c r="F2126" s="59" t="s">
        <v>449</v>
      </c>
      <c r="G2126" s="59" t="s">
        <v>450</v>
      </c>
      <c r="H2126" s="60">
        <v>212</v>
      </c>
      <c r="I2126" s="60">
        <v>97</v>
      </c>
      <c r="J2126" s="61">
        <v>0</v>
      </c>
      <c r="K2126" s="61">
        <v>7.26</v>
      </c>
    </row>
    <row r="2127" spans="1:11" ht="18.75" customHeight="1" thickBot="1">
      <c r="A2127" s="59" t="s">
        <v>448</v>
      </c>
      <c r="B2127" s="59" t="s">
        <v>28</v>
      </c>
      <c r="C2127" s="59" t="s">
        <v>28</v>
      </c>
      <c r="D2127" s="59" t="s">
        <v>377</v>
      </c>
      <c r="E2127" s="59" t="s">
        <v>380</v>
      </c>
      <c r="F2127" s="59" t="s">
        <v>449</v>
      </c>
      <c r="G2127" s="59" t="s">
        <v>450</v>
      </c>
      <c r="H2127" s="60">
        <v>212</v>
      </c>
      <c r="I2127" s="60">
        <v>107</v>
      </c>
      <c r="J2127" s="61">
        <v>0</v>
      </c>
      <c r="K2127" s="61">
        <v>0.82</v>
      </c>
    </row>
    <row r="2128" spans="1:11" ht="18.75" customHeight="1" thickBot="1">
      <c r="A2128" s="59" t="s">
        <v>448</v>
      </c>
      <c r="B2128" s="59" t="s">
        <v>28</v>
      </c>
      <c r="C2128" s="59" t="s">
        <v>28</v>
      </c>
      <c r="D2128" s="59" t="s">
        <v>377</v>
      </c>
      <c r="E2128" s="59" t="s">
        <v>380</v>
      </c>
      <c r="F2128" s="59" t="s">
        <v>449</v>
      </c>
      <c r="G2128" s="59" t="s">
        <v>450</v>
      </c>
      <c r="H2128" s="60">
        <v>212</v>
      </c>
      <c r="I2128" s="60">
        <v>109</v>
      </c>
      <c r="J2128" s="61">
        <v>0</v>
      </c>
      <c r="K2128" s="61">
        <v>56.25</v>
      </c>
    </row>
    <row r="2129" spans="1:11" ht="18.75" customHeight="1" thickBot="1">
      <c r="A2129" s="59" t="s">
        <v>448</v>
      </c>
      <c r="B2129" s="59" t="s">
        <v>28</v>
      </c>
      <c r="C2129" s="59" t="s">
        <v>28</v>
      </c>
      <c r="D2129" s="59" t="s">
        <v>377</v>
      </c>
      <c r="E2129" s="59" t="s">
        <v>380</v>
      </c>
      <c r="F2129" s="59" t="s">
        <v>449</v>
      </c>
      <c r="G2129" s="59" t="s">
        <v>450</v>
      </c>
      <c r="H2129" s="60">
        <v>212</v>
      </c>
      <c r="I2129" s="60">
        <v>113</v>
      </c>
      <c r="J2129" s="61">
        <v>0</v>
      </c>
      <c r="K2129" s="61">
        <v>12.81</v>
      </c>
    </row>
    <row r="2130" spans="1:11" ht="18.75" customHeight="1" thickBot="1">
      <c r="A2130" s="59" t="s">
        <v>448</v>
      </c>
      <c r="B2130" s="59" t="s">
        <v>28</v>
      </c>
      <c r="C2130" s="59" t="s">
        <v>28</v>
      </c>
      <c r="D2130" s="59" t="s">
        <v>377</v>
      </c>
      <c r="E2130" s="59" t="s">
        <v>380</v>
      </c>
      <c r="F2130" s="59" t="s">
        <v>449</v>
      </c>
      <c r="G2130" s="59" t="s">
        <v>450</v>
      </c>
      <c r="H2130" s="60">
        <v>212</v>
      </c>
      <c r="I2130" s="60">
        <v>116</v>
      </c>
      <c r="J2130" s="61">
        <v>0</v>
      </c>
      <c r="K2130" s="61">
        <v>14.06</v>
      </c>
    </row>
    <row r="2131" spans="1:11" ht="18.75" customHeight="1" thickBot="1">
      <c r="A2131" s="59" t="s">
        <v>448</v>
      </c>
      <c r="B2131" s="59" t="s">
        <v>28</v>
      </c>
      <c r="C2131" s="59" t="s">
        <v>28</v>
      </c>
      <c r="D2131" s="59" t="s">
        <v>377</v>
      </c>
      <c r="E2131" s="59" t="s">
        <v>380</v>
      </c>
      <c r="F2131" s="59" t="s">
        <v>449</v>
      </c>
      <c r="G2131" s="59" t="s">
        <v>450</v>
      </c>
      <c r="H2131" s="60">
        <v>212</v>
      </c>
      <c r="I2131" s="60">
        <v>150</v>
      </c>
      <c r="J2131" s="61">
        <v>0</v>
      </c>
      <c r="K2131" s="61">
        <v>2.86</v>
      </c>
    </row>
    <row r="2132" spans="1:11" ht="18.75" customHeight="1" thickBot="1">
      <c r="A2132" s="59" t="s">
        <v>448</v>
      </c>
      <c r="B2132" s="59" t="s">
        <v>28</v>
      </c>
      <c r="C2132" s="59" t="s">
        <v>28</v>
      </c>
      <c r="D2132" s="59" t="s">
        <v>377</v>
      </c>
      <c r="E2132" s="59" t="s">
        <v>380</v>
      </c>
      <c r="F2132" s="59" t="s">
        <v>449</v>
      </c>
      <c r="G2132" s="59" t="s">
        <v>450</v>
      </c>
      <c r="H2132" s="60">
        <v>212</v>
      </c>
      <c r="I2132" s="60">
        <v>211</v>
      </c>
      <c r="J2132" s="61">
        <v>0</v>
      </c>
      <c r="K2132" s="61">
        <v>4873.21</v>
      </c>
    </row>
    <row r="2133" spans="1:11" ht="18.75" customHeight="1" thickBot="1">
      <c r="A2133" s="59" t="s">
        <v>448</v>
      </c>
      <c r="B2133" s="59" t="s">
        <v>28</v>
      </c>
      <c r="C2133" s="59" t="s">
        <v>28</v>
      </c>
      <c r="D2133" s="59" t="s">
        <v>377</v>
      </c>
      <c r="E2133" s="59" t="s">
        <v>380</v>
      </c>
      <c r="F2133" s="59" t="s">
        <v>449</v>
      </c>
      <c r="G2133" s="59" t="s">
        <v>450</v>
      </c>
      <c r="H2133" s="60">
        <v>212</v>
      </c>
      <c r="I2133" s="60">
        <v>215</v>
      </c>
      <c r="J2133" s="61">
        <v>0</v>
      </c>
      <c r="K2133" s="61">
        <v>14431.56</v>
      </c>
    </row>
    <row r="2134" spans="1:11" ht="18.75" customHeight="1" thickBot="1">
      <c r="A2134" s="59" t="s">
        <v>448</v>
      </c>
      <c r="B2134" s="59" t="s">
        <v>28</v>
      </c>
      <c r="C2134" s="59" t="s">
        <v>28</v>
      </c>
      <c r="D2134" s="59" t="s">
        <v>377</v>
      </c>
      <c r="E2134" s="59" t="s">
        <v>380</v>
      </c>
      <c r="F2134" s="59" t="s">
        <v>449</v>
      </c>
      <c r="G2134" s="59" t="s">
        <v>450</v>
      </c>
      <c r="H2134" s="60">
        <v>212</v>
      </c>
      <c r="I2134" s="60">
        <v>223</v>
      </c>
      <c r="J2134" s="61">
        <v>0</v>
      </c>
      <c r="K2134" s="61">
        <v>96.75</v>
      </c>
    </row>
    <row r="2135" spans="1:11" ht="18.75" customHeight="1" thickBot="1">
      <c r="A2135" s="59" t="s">
        <v>448</v>
      </c>
      <c r="B2135" s="59" t="s">
        <v>28</v>
      </c>
      <c r="C2135" s="59" t="s">
        <v>28</v>
      </c>
      <c r="D2135" s="59" t="s">
        <v>377</v>
      </c>
      <c r="E2135" s="59" t="s">
        <v>380</v>
      </c>
      <c r="F2135" s="59" t="s">
        <v>449</v>
      </c>
      <c r="G2135" s="59" t="s">
        <v>450</v>
      </c>
      <c r="H2135" s="60">
        <v>212</v>
      </c>
      <c r="I2135" s="60">
        <v>225</v>
      </c>
      <c r="J2135" s="61">
        <v>0</v>
      </c>
      <c r="K2135" s="61">
        <v>59.12</v>
      </c>
    </row>
    <row r="2136" spans="1:11" ht="18.75" customHeight="1" thickBot="1">
      <c r="A2136" s="59" t="s">
        <v>448</v>
      </c>
      <c r="B2136" s="59" t="s">
        <v>28</v>
      </c>
      <c r="C2136" s="59" t="s">
        <v>28</v>
      </c>
      <c r="D2136" s="59" t="s">
        <v>377</v>
      </c>
      <c r="E2136" s="59" t="s">
        <v>380</v>
      </c>
      <c r="F2136" s="59" t="s">
        <v>449</v>
      </c>
      <c r="G2136" s="59" t="s">
        <v>450</v>
      </c>
      <c r="H2136" s="60">
        <v>212</v>
      </c>
      <c r="I2136" s="60">
        <v>227</v>
      </c>
      <c r="J2136" s="61">
        <v>0</v>
      </c>
      <c r="K2136" s="61">
        <v>23.65</v>
      </c>
    </row>
    <row r="2137" spans="1:11" ht="18.75" customHeight="1" thickBot="1">
      <c r="A2137" s="59" t="s">
        <v>448</v>
      </c>
      <c r="B2137" s="59" t="s">
        <v>28</v>
      </c>
      <c r="C2137" s="59" t="s">
        <v>28</v>
      </c>
      <c r="D2137" s="59" t="s">
        <v>377</v>
      </c>
      <c r="E2137" s="59" t="s">
        <v>380</v>
      </c>
      <c r="F2137" s="59" t="s">
        <v>449</v>
      </c>
      <c r="G2137" s="59" t="s">
        <v>450</v>
      </c>
      <c r="H2137" s="60">
        <v>212</v>
      </c>
      <c r="I2137" s="60">
        <v>229</v>
      </c>
      <c r="J2137" s="61">
        <v>0</v>
      </c>
      <c r="K2137" s="61">
        <v>102.36</v>
      </c>
    </row>
    <row r="2138" spans="1:11" ht="18.75" customHeight="1" thickBot="1">
      <c r="A2138" s="59" t="s">
        <v>448</v>
      </c>
      <c r="B2138" s="59" t="s">
        <v>28</v>
      </c>
      <c r="C2138" s="59" t="s">
        <v>28</v>
      </c>
      <c r="D2138" s="59" t="s">
        <v>377</v>
      </c>
      <c r="E2138" s="59" t="s">
        <v>380</v>
      </c>
      <c r="F2138" s="59" t="s">
        <v>449</v>
      </c>
      <c r="G2138" s="59" t="s">
        <v>450</v>
      </c>
      <c r="H2138" s="60">
        <v>212</v>
      </c>
      <c r="I2138" s="60">
        <v>240</v>
      </c>
      <c r="J2138" s="61">
        <v>0</v>
      </c>
      <c r="K2138" s="61">
        <v>8019.94</v>
      </c>
    </row>
    <row r="2139" spans="1:11" ht="18.75" customHeight="1" thickBot="1">
      <c r="A2139" s="59" t="s">
        <v>448</v>
      </c>
      <c r="B2139" s="59" t="s">
        <v>28</v>
      </c>
      <c r="C2139" s="59" t="s">
        <v>28</v>
      </c>
      <c r="D2139" s="59" t="s">
        <v>377</v>
      </c>
      <c r="E2139" s="59" t="s">
        <v>380</v>
      </c>
      <c r="F2139" s="59" t="s">
        <v>449</v>
      </c>
      <c r="G2139" s="59" t="s">
        <v>450</v>
      </c>
      <c r="H2139" s="60">
        <v>212</v>
      </c>
      <c r="I2139" s="60">
        <v>244</v>
      </c>
      <c r="J2139" s="61">
        <v>0</v>
      </c>
      <c r="K2139" s="61">
        <v>1164.72</v>
      </c>
    </row>
    <row r="2140" spans="1:11" ht="18.75" customHeight="1" thickBot="1">
      <c r="A2140" s="59" t="s">
        <v>448</v>
      </c>
      <c r="B2140" s="59" t="s">
        <v>28</v>
      </c>
      <c r="C2140" s="59" t="s">
        <v>28</v>
      </c>
      <c r="D2140" s="59" t="s">
        <v>377</v>
      </c>
      <c r="E2140" s="59" t="s">
        <v>380</v>
      </c>
      <c r="F2140" s="59" t="s">
        <v>449</v>
      </c>
      <c r="G2140" s="59" t="s">
        <v>450</v>
      </c>
      <c r="H2140" s="60">
        <v>212</v>
      </c>
      <c r="I2140" s="60">
        <v>248</v>
      </c>
      <c r="J2140" s="61">
        <v>0</v>
      </c>
      <c r="K2140" s="61">
        <v>487.06</v>
      </c>
    </row>
    <row r="2141" spans="1:11" ht="18.75" customHeight="1" thickBot="1">
      <c r="A2141" s="59" t="s">
        <v>448</v>
      </c>
      <c r="B2141" s="59" t="s">
        <v>28</v>
      </c>
      <c r="C2141" s="59" t="s">
        <v>28</v>
      </c>
      <c r="D2141" s="59" t="s">
        <v>377</v>
      </c>
      <c r="E2141" s="59" t="s">
        <v>380</v>
      </c>
      <c r="F2141" s="59" t="s">
        <v>449</v>
      </c>
      <c r="G2141" s="59" t="s">
        <v>450</v>
      </c>
      <c r="H2141" s="60">
        <v>212</v>
      </c>
      <c r="I2141" s="60">
        <v>251</v>
      </c>
      <c r="J2141" s="61">
        <v>0</v>
      </c>
      <c r="K2141" s="61">
        <v>551.62</v>
      </c>
    </row>
    <row r="2142" spans="1:11" ht="18.75" customHeight="1" thickBot="1">
      <c r="A2142" s="59" t="s">
        <v>448</v>
      </c>
      <c r="B2142" s="59" t="s">
        <v>28</v>
      </c>
      <c r="C2142" s="59" t="s">
        <v>28</v>
      </c>
      <c r="D2142" s="59" t="s">
        <v>377</v>
      </c>
      <c r="E2142" s="59" t="s">
        <v>380</v>
      </c>
      <c r="F2142" s="59" t="s">
        <v>449</v>
      </c>
      <c r="G2142" s="59" t="s">
        <v>450</v>
      </c>
      <c r="H2142" s="60">
        <v>212</v>
      </c>
      <c r="I2142" s="60">
        <v>358</v>
      </c>
      <c r="J2142" s="61">
        <v>0</v>
      </c>
      <c r="K2142" s="61">
        <v>1470.69</v>
      </c>
    </row>
    <row r="2143" spans="1:11" ht="18.75" customHeight="1" thickBot="1">
      <c r="A2143" s="59" t="s">
        <v>448</v>
      </c>
      <c r="B2143" s="59" t="s">
        <v>28</v>
      </c>
      <c r="C2143" s="59" t="s">
        <v>28</v>
      </c>
      <c r="D2143" s="59" t="s">
        <v>377</v>
      </c>
      <c r="E2143" s="59" t="s">
        <v>380</v>
      </c>
      <c r="F2143" s="59" t="s">
        <v>449</v>
      </c>
      <c r="G2143" s="59" t="s">
        <v>450</v>
      </c>
      <c r="H2143" s="60">
        <v>216</v>
      </c>
      <c r="I2143" s="60">
        <v>93</v>
      </c>
      <c r="J2143" s="61">
        <v>0</v>
      </c>
      <c r="K2143" s="61">
        <v>1.62</v>
      </c>
    </row>
    <row r="2144" spans="1:11" ht="18.75" customHeight="1" thickBot="1">
      <c r="A2144" s="59" t="s">
        <v>448</v>
      </c>
      <c r="B2144" s="59" t="s">
        <v>28</v>
      </c>
      <c r="C2144" s="59" t="s">
        <v>28</v>
      </c>
      <c r="D2144" s="59" t="s">
        <v>377</v>
      </c>
      <c r="E2144" s="59" t="s">
        <v>380</v>
      </c>
      <c r="F2144" s="59" t="s">
        <v>449</v>
      </c>
      <c r="G2144" s="59" t="s">
        <v>450</v>
      </c>
      <c r="H2144" s="60">
        <v>216</v>
      </c>
      <c r="I2144" s="60">
        <v>97</v>
      </c>
      <c r="J2144" s="61">
        <v>0</v>
      </c>
      <c r="K2144" s="61">
        <v>80.37</v>
      </c>
    </row>
    <row r="2145" spans="1:11" ht="18.75" customHeight="1" thickBot="1">
      <c r="A2145" s="59" t="s">
        <v>448</v>
      </c>
      <c r="B2145" s="59" t="s">
        <v>28</v>
      </c>
      <c r="C2145" s="59" t="s">
        <v>28</v>
      </c>
      <c r="D2145" s="59" t="s">
        <v>377</v>
      </c>
      <c r="E2145" s="59" t="s">
        <v>380</v>
      </c>
      <c r="F2145" s="59" t="s">
        <v>449</v>
      </c>
      <c r="G2145" s="59" t="s">
        <v>450</v>
      </c>
      <c r="H2145" s="60">
        <v>216</v>
      </c>
      <c r="I2145" s="60">
        <v>107</v>
      </c>
      <c r="J2145" s="61">
        <v>0</v>
      </c>
      <c r="K2145" s="61">
        <v>3.82</v>
      </c>
    </row>
    <row r="2146" spans="1:11" ht="18.75" customHeight="1" thickBot="1">
      <c r="A2146" s="59" t="s">
        <v>448</v>
      </c>
      <c r="B2146" s="59" t="s">
        <v>28</v>
      </c>
      <c r="C2146" s="59" t="s">
        <v>28</v>
      </c>
      <c r="D2146" s="59" t="s">
        <v>377</v>
      </c>
      <c r="E2146" s="59" t="s">
        <v>380</v>
      </c>
      <c r="F2146" s="59" t="s">
        <v>449</v>
      </c>
      <c r="G2146" s="59" t="s">
        <v>450</v>
      </c>
      <c r="H2146" s="60">
        <v>216</v>
      </c>
      <c r="I2146" s="60">
        <v>109</v>
      </c>
      <c r="J2146" s="61">
        <v>0</v>
      </c>
      <c r="K2146" s="61">
        <v>71.09</v>
      </c>
    </row>
    <row r="2147" spans="1:11" ht="18.75" customHeight="1" thickBot="1">
      <c r="A2147" s="59" t="s">
        <v>448</v>
      </c>
      <c r="B2147" s="59" t="s">
        <v>28</v>
      </c>
      <c r="C2147" s="59" t="s">
        <v>28</v>
      </c>
      <c r="D2147" s="59" t="s">
        <v>377</v>
      </c>
      <c r="E2147" s="59" t="s">
        <v>380</v>
      </c>
      <c r="F2147" s="59" t="s">
        <v>449</v>
      </c>
      <c r="G2147" s="59" t="s">
        <v>450</v>
      </c>
      <c r="H2147" s="60">
        <v>216</v>
      </c>
      <c r="I2147" s="60">
        <v>113</v>
      </c>
      <c r="J2147" s="61">
        <v>0</v>
      </c>
      <c r="K2147" s="61">
        <v>7.39</v>
      </c>
    </row>
    <row r="2148" spans="1:11" ht="18.75" customHeight="1" thickBot="1">
      <c r="A2148" s="59" t="s">
        <v>448</v>
      </c>
      <c r="B2148" s="59" t="s">
        <v>28</v>
      </c>
      <c r="C2148" s="59" t="s">
        <v>28</v>
      </c>
      <c r="D2148" s="59" t="s">
        <v>377</v>
      </c>
      <c r="E2148" s="59" t="s">
        <v>380</v>
      </c>
      <c r="F2148" s="59" t="s">
        <v>449</v>
      </c>
      <c r="G2148" s="59" t="s">
        <v>450</v>
      </c>
      <c r="H2148" s="60">
        <v>216</v>
      </c>
      <c r="I2148" s="60">
        <v>211</v>
      </c>
      <c r="J2148" s="61">
        <v>0</v>
      </c>
      <c r="K2148" s="61">
        <v>171.24</v>
      </c>
    </row>
    <row r="2149" spans="1:11" ht="18.75" customHeight="1" thickBot="1">
      <c r="A2149" s="59" t="s">
        <v>448</v>
      </c>
      <c r="B2149" s="59" t="s">
        <v>28</v>
      </c>
      <c r="C2149" s="59" t="s">
        <v>28</v>
      </c>
      <c r="D2149" s="59" t="s">
        <v>377</v>
      </c>
      <c r="E2149" s="59" t="s">
        <v>380</v>
      </c>
      <c r="F2149" s="59" t="s">
        <v>449</v>
      </c>
      <c r="G2149" s="59" t="s">
        <v>450</v>
      </c>
      <c r="H2149" s="60">
        <v>216</v>
      </c>
      <c r="I2149" s="60">
        <v>215</v>
      </c>
      <c r="J2149" s="61">
        <v>0</v>
      </c>
      <c r="K2149" s="61">
        <v>727.28</v>
      </c>
    </row>
    <row r="2150" spans="1:11" ht="18.75" customHeight="1" thickBot="1">
      <c r="A2150" s="59" t="s">
        <v>448</v>
      </c>
      <c r="B2150" s="59" t="s">
        <v>28</v>
      </c>
      <c r="C2150" s="59" t="s">
        <v>28</v>
      </c>
      <c r="D2150" s="59" t="s">
        <v>377</v>
      </c>
      <c r="E2150" s="59" t="s">
        <v>380</v>
      </c>
      <c r="F2150" s="59" t="s">
        <v>449</v>
      </c>
      <c r="G2150" s="59" t="s">
        <v>450</v>
      </c>
      <c r="H2150" s="60">
        <v>216</v>
      </c>
      <c r="I2150" s="60">
        <v>256</v>
      </c>
      <c r="J2150" s="61">
        <v>0</v>
      </c>
      <c r="K2150" s="61">
        <v>1278.45</v>
      </c>
    </row>
    <row r="2151" spans="1:11" ht="18.75" customHeight="1" thickBot="1">
      <c r="A2151" s="59" t="s">
        <v>448</v>
      </c>
      <c r="B2151" s="59" t="s">
        <v>28</v>
      </c>
      <c r="C2151" s="59" t="s">
        <v>28</v>
      </c>
      <c r="D2151" s="59" t="s">
        <v>377</v>
      </c>
      <c r="E2151" s="59" t="s">
        <v>380</v>
      </c>
      <c r="F2151" s="59" t="s">
        <v>449</v>
      </c>
      <c r="G2151" s="59" t="s">
        <v>450</v>
      </c>
      <c r="H2151" s="60">
        <v>221</v>
      </c>
      <c r="I2151" s="60">
        <v>93</v>
      </c>
      <c r="J2151" s="61">
        <v>0</v>
      </c>
      <c r="K2151" s="61">
        <v>1</v>
      </c>
    </row>
    <row r="2152" spans="1:11" ht="18.75" customHeight="1" thickBot="1">
      <c r="A2152" s="59" t="s">
        <v>448</v>
      </c>
      <c r="B2152" s="59" t="s">
        <v>28</v>
      </c>
      <c r="C2152" s="59" t="s">
        <v>28</v>
      </c>
      <c r="D2152" s="59" t="s">
        <v>377</v>
      </c>
      <c r="E2152" s="59" t="s">
        <v>380</v>
      </c>
      <c r="F2152" s="59" t="s">
        <v>449</v>
      </c>
      <c r="G2152" s="59" t="s">
        <v>450</v>
      </c>
      <c r="H2152" s="60">
        <v>221</v>
      </c>
      <c r="I2152" s="60">
        <v>94</v>
      </c>
      <c r="J2152" s="61">
        <v>0</v>
      </c>
      <c r="K2152" s="61">
        <v>5.3</v>
      </c>
    </row>
    <row r="2153" spans="1:11" ht="18.75" customHeight="1" thickBot="1">
      <c r="A2153" s="59" t="s">
        <v>448</v>
      </c>
      <c r="B2153" s="59" t="s">
        <v>28</v>
      </c>
      <c r="C2153" s="59" t="s">
        <v>28</v>
      </c>
      <c r="D2153" s="59" t="s">
        <v>377</v>
      </c>
      <c r="E2153" s="59" t="s">
        <v>380</v>
      </c>
      <c r="F2153" s="59" t="s">
        <v>449</v>
      </c>
      <c r="G2153" s="59" t="s">
        <v>450</v>
      </c>
      <c r="H2153" s="60">
        <v>221</v>
      </c>
      <c r="I2153" s="60">
        <v>95</v>
      </c>
      <c r="J2153" s="61">
        <v>0</v>
      </c>
      <c r="K2153" s="61">
        <v>3.51</v>
      </c>
    </row>
    <row r="2154" spans="1:11" ht="18.75" customHeight="1" thickBot="1">
      <c r="A2154" s="59" t="s">
        <v>448</v>
      </c>
      <c r="B2154" s="59" t="s">
        <v>28</v>
      </c>
      <c r="C2154" s="59" t="s">
        <v>28</v>
      </c>
      <c r="D2154" s="59" t="s">
        <v>377</v>
      </c>
      <c r="E2154" s="59" t="s">
        <v>380</v>
      </c>
      <c r="F2154" s="59" t="s">
        <v>449</v>
      </c>
      <c r="G2154" s="59" t="s">
        <v>450</v>
      </c>
      <c r="H2154" s="60">
        <v>221</v>
      </c>
      <c r="I2154" s="60">
        <v>97</v>
      </c>
      <c r="J2154" s="61">
        <v>0</v>
      </c>
      <c r="K2154" s="61">
        <v>1.48</v>
      </c>
    </row>
    <row r="2155" spans="1:11" ht="18.75" customHeight="1" thickBot="1">
      <c r="A2155" s="59" t="s">
        <v>448</v>
      </c>
      <c r="B2155" s="59" t="s">
        <v>28</v>
      </c>
      <c r="C2155" s="59" t="s">
        <v>28</v>
      </c>
      <c r="D2155" s="59" t="s">
        <v>377</v>
      </c>
      <c r="E2155" s="59" t="s">
        <v>380</v>
      </c>
      <c r="F2155" s="59" t="s">
        <v>449</v>
      </c>
      <c r="G2155" s="59" t="s">
        <v>450</v>
      </c>
      <c r="H2155" s="60">
        <v>221</v>
      </c>
      <c r="I2155" s="60">
        <v>107</v>
      </c>
      <c r="J2155" s="61">
        <v>0</v>
      </c>
      <c r="K2155" s="61">
        <v>2.65</v>
      </c>
    </row>
    <row r="2156" spans="1:11" ht="18.75" customHeight="1" thickBot="1">
      <c r="A2156" s="59" t="s">
        <v>448</v>
      </c>
      <c r="B2156" s="59" t="s">
        <v>28</v>
      </c>
      <c r="C2156" s="59" t="s">
        <v>28</v>
      </c>
      <c r="D2156" s="59" t="s">
        <v>377</v>
      </c>
      <c r="E2156" s="59" t="s">
        <v>380</v>
      </c>
      <c r="F2156" s="59" t="s">
        <v>449</v>
      </c>
      <c r="G2156" s="59" t="s">
        <v>450</v>
      </c>
      <c r="H2156" s="60">
        <v>221</v>
      </c>
      <c r="I2156" s="60">
        <v>109</v>
      </c>
      <c r="J2156" s="61">
        <v>0</v>
      </c>
      <c r="K2156" s="61">
        <v>15.39</v>
      </c>
    </row>
    <row r="2157" spans="1:11" ht="18.75" customHeight="1" thickBot="1">
      <c r="A2157" s="59" t="s">
        <v>448</v>
      </c>
      <c r="B2157" s="59" t="s">
        <v>28</v>
      </c>
      <c r="C2157" s="59" t="s">
        <v>28</v>
      </c>
      <c r="D2157" s="59" t="s">
        <v>377</v>
      </c>
      <c r="E2157" s="59" t="s">
        <v>380</v>
      </c>
      <c r="F2157" s="59" t="s">
        <v>449</v>
      </c>
      <c r="G2157" s="59" t="s">
        <v>450</v>
      </c>
      <c r="H2157" s="60">
        <v>221</v>
      </c>
      <c r="I2157" s="60">
        <v>113</v>
      </c>
      <c r="J2157" s="61">
        <v>0</v>
      </c>
      <c r="K2157" s="61">
        <v>3.61</v>
      </c>
    </row>
    <row r="2158" spans="1:11" ht="18.75" customHeight="1" thickBot="1">
      <c r="A2158" s="59" t="s">
        <v>448</v>
      </c>
      <c r="B2158" s="59" t="s">
        <v>28</v>
      </c>
      <c r="C2158" s="59" t="s">
        <v>28</v>
      </c>
      <c r="D2158" s="59" t="s">
        <v>377</v>
      </c>
      <c r="E2158" s="59" t="s">
        <v>380</v>
      </c>
      <c r="F2158" s="59" t="s">
        <v>449</v>
      </c>
      <c r="G2158" s="59" t="s">
        <v>450</v>
      </c>
      <c r="H2158" s="60">
        <v>221</v>
      </c>
      <c r="I2158" s="60">
        <v>150</v>
      </c>
      <c r="J2158" s="61">
        <v>0</v>
      </c>
      <c r="K2158" s="61">
        <v>0.41</v>
      </c>
    </row>
    <row r="2159" spans="1:11" ht="18.75" customHeight="1" thickBot="1">
      <c r="A2159" s="59" t="s">
        <v>448</v>
      </c>
      <c r="B2159" s="59" t="s">
        <v>28</v>
      </c>
      <c r="C2159" s="59" t="s">
        <v>28</v>
      </c>
      <c r="D2159" s="59" t="s">
        <v>377</v>
      </c>
      <c r="E2159" s="59" t="s">
        <v>380</v>
      </c>
      <c r="F2159" s="59" t="s">
        <v>449</v>
      </c>
      <c r="G2159" s="59" t="s">
        <v>450</v>
      </c>
      <c r="H2159" s="60">
        <v>221</v>
      </c>
      <c r="I2159" s="60">
        <v>211</v>
      </c>
      <c r="J2159" s="61">
        <v>0</v>
      </c>
      <c r="K2159" s="61">
        <v>583.89</v>
      </c>
    </row>
    <row r="2160" spans="1:11" ht="18.75" customHeight="1" thickBot="1">
      <c r="A2160" s="59" t="s">
        <v>448</v>
      </c>
      <c r="B2160" s="59" t="s">
        <v>28</v>
      </c>
      <c r="C2160" s="59" t="s">
        <v>28</v>
      </c>
      <c r="D2160" s="59" t="s">
        <v>377</v>
      </c>
      <c r="E2160" s="59" t="s">
        <v>380</v>
      </c>
      <c r="F2160" s="59" t="s">
        <v>449</v>
      </c>
      <c r="G2160" s="59" t="s">
        <v>450</v>
      </c>
      <c r="H2160" s="60">
        <v>221</v>
      </c>
      <c r="I2160" s="60">
        <v>215</v>
      </c>
      <c r="J2160" s="61">
        <v>0</v>
      </c>
      <c r="K2160" s="61">
        <v>2551.9899999999998</v>
      </c>
    </row>
    <row r="2161" spans="1:11" ht="18.75" customHeight="1" thickBot="1">
      <c r="A2161" s="59" t="s">
        <v>448</v>
      </c>
      <c r="B2161" s="59" t="s">
        <v>28</v>
      </c>
      <c r="C2161" s="59" t="s">
        <v>28</v>
      </c>
      <c r="D2161" s="59" t="s">
        <v>377</v>
      </c>
      <c r="E2161" s="59" t="s">
        <v>380</v>
      </c>
      <c r="F2161" s="59" t="s">
        <v>449</v>
      </c>
      <c r="G2161" s="59" t="s">
        <v>450</v>
      </c>
      <c r="H2161" s="60">
        <v>221</v>
      </c>
      <c r="I2161" s="60">
        <v>217</v>
      </c>
      <c r="J2161" s="61">
        <v>0</v>
      </c>
      <c r="K2161" s="61">
        <v>10.11</v>
      </c>
    </row>
    <row r="2162" spans="1:11" ht="18.75" customHeight="1" thickBot="1">
      <c r="A2162" s="59" t="s">
        <v>448</v>
      </c>
      <c r="B2162" s="59" t="s">
        <v>28</v>
      </c>
      <c r="C2162" s="59" t="s">
        <v>28</v>
      </c>
      <c r="D2162" s="59" t="s">
        <v>377</v>
      </c>
      <c r="E2162" s="59" t="s">
        <v>380</v>
      </c>
      <c r="F2162" s="59" t="s">
        <v>449</v>
      </c>
      <c r="G2162" s="59" t="s">
        <v>450</v>
      </c>
      <c r="H2162" s="60">
        <v>221</v>
      </c>
      <c r="I2162" s="60">
        <v>240</v>
      </c>
      <c r="J2162" s="61">
        <v>0</v>
      </c>
      <c r="K2162" s="61">
        <v>1326.09</v>
      </c>
    </row>
    <row r="2163" spans="1:11" ht="18.75" customHeight="1" thickBot="1">
      <c r="A2163" s="59" t="s">
        <v>448</v>
      </c>
      <c r="B2163" s="59" t="s">
        <v>28</v>
      </c>
      <c r="C2163" s="59" t="s">
        <v>28</v>
      </c>
      <c r="D2163" s="59" t="s">
        <v>377</v>
      </c>
      <c r="E2163" s="59" t="s">
        <v>380</v>
      </c>
      <c r="F2163" s="59" t="s">
        <v>449</v>
      </c>
      <c r="G2163" s="59" t="s">
        <v>450</v>
      </c>
      <c r="H2163" s="60">
        <v>221</v>
      </c>
      <c r="I2163" s="60">
        <v>244</v>
      </c>
      <c r="J2163" s="61">
        <v>0</v>
      </c>
      <c r="K2163" s="61">
        <v>1719.7</v>
      </c>
    </row>
    <row r="2164" spans="1:11" ht="18.75" customHeight="1" thickBot="1">
      <c r="A2164" s="59" t="s">
        <v>448</v>
      </c>
      <c r="B2164" s="59" t="s">
        <v>28</v>
      </c>
      <c r="C2164" s="59" t="s">
        <v>28</v>
      </c>
      <c r="D2164" s="59" t="s">
        <v>377</v>
      </c>
      <c r="E2164" s="59" t="s">
        <v>380</v>
      </c>
      <c r="F2164" s="59" t="s">
        <v>449</v>
      </c>
      <c r="G2164" s="59" t="s">
        <v>450</v>
      </c>
      <c r="H2164" s="60">
        <v>222</v>
      </c>
      <c r="I2164" s="60">
        <v>211</v>
      </c>
      <c r="J2164" s="61">
        <v>0</v>
      </c>
      <c r="K2164" s="61">
        <v>2.96</v>
      </c>
    </row>
    <row r="2165" spans="1:11" ht="18.75" customHeight="1" thickBot="1">
      <c r="A2165" s="59" t="s">
        <v>448</v>
      </c>
      <c r="B2165" s="59" t="s">
        <v>28</v>
      </c>
      <c r="C2165" s="59" t="s">
        <v>28</v>
      </c>
      <c r="D2165" s="59" t="s">
        <v>377</v>
      </c>
      <c r="E2165" s="59" t="s">
        <v>380</v>
      </c>
      <c r="F2165" s="59" t="s">
        <v>449</v>
      </c>
      <c r="G2165" s="59" t="s">
        <v>450</v>
      </c>
      <c r="H2165" s="60">
        <v>222</v>
      </c>
      <c r="I2165" s="60">
        <v>215</v>
      </c>
      <c r="J2165" s="61">
        <v>0</v>
      </c>
      <c r="K2165" s="61">
        <v>85.13</v>
      </c>
    </row>
    <row r="2166" spans="1:11" ht="18.75" customHeight="1" thickBot="1">
      <c r="A2166" s="59" t="s">
        <v>448</v>
      </c>
      <c r="B2166" s="59" t="s">
        <v>28</v>
      </c>
      <c r="C2166" s="59" t="s">
        <v>28</v>
      </c>
      <c r="D2166" s="59" t="s">
        <v>377</v>
      </c>
      <c r="E2166" s="59" t="s">
        <v>380</v>
      </c>
      <c r="F2166" s="59" t="s">
        <v>449</v>
      </c>
      <c r="G2166" s="59" t="s">
        <v>450</v>
      </c>
      <c r="H2166" s="60">
        <v>222</v>
      </c>
      <c r="I2166" s="60">
        <v>220</v>
      </c>
      <c r="J2166" s="61">
        <v>0</v>
      </c>
      <c r="K2166" s="61">
        <v>97.55</v>
      </c>
    </row>
    <row r="2167" spans="1:11" ht="18.75" customHeight="1" thickBot="1">
      <c r="A2167" s="59" t="s">
        <v>448</v>
      </c>
      <c r="B2167" s="59" t="s">
        <v>28</v>
      </c>
      <c r="C2167" s="59" t="s">
        <v>28</v>
      </c>
      <c r="D2167" s="59" t="s">
        <v>377</v>
      </c>
      <c r="E2167" s="59" t="s">
        <v>380</v>
      </c>
      <c r="F2167" s="59" t="s">
        <v>449</v>
      </c>
      <c r="G2167" s="59" t="s">
        <v>450</v>
      </c>
      <c r="H2167" s="60">
        <v>222</v>
      </c>
      <c r="I2167" s="60">
        <v>240</v>
      </c>
      <c r="J2167" s="61">
        <v>0</v>
      </c>
      <c r="K2167" s="61">
        <v>188.84</v>
      </c>
    </row>
    <row r="2168" spans="1:11" ht="18.75" customHeight="1" thickBot="1">
      <c r="A2168" s="59" t="s">
        <v>448</v>
      </c>
      <c r="B2168" s="59" t="s">
        <v>28</v>
      </c>
      <c r="C2168" s="59" t="s">
        <v>28</v>
      </c>
      <c r="D2168" s="59" t="s">
        <v>377</v>
      </c>
      <c r="E2168" s="59" t="s">
        <v>380</v>
      </c>
      <c r="F2168" s="59" t="s">
        <v>449</v>
      </c>
      <c r="G2168" s="59" t="s">
        <v>450</v>
      </c>
      <c r="H2168" s="60">
        <v>222</v>
      </c>
      <c r="I2168" s="60">
        <v>244</v>
      </c>
      <c r="J2168" s="61">
        <v>0</v>
      </c>
      <c r="K2168" s="61">
        <v>1008.24</v>
      </c>
    </row>
    <row r="2169" spans="1:11" ht="18.75" customHeight="1" thickBot="1">
      <c r="A2169" s="59" t="s">
        <v>448</v>
      </c>
      <c r="B2169" s="59" t="s">
        <v>28</v>
      </c>
      <c r="C2169" s="59" t="s">
        <v>28</v>
      </c>
      <c r="D2169" s="59" t="s">
        <v>377</v>
      </c>
      <c r="E2169" s="59" t="s">
        <v>380</v>
      </c>
      <c r="F2169" s="59" t="s">
        <v>449</v>
      </c>
      <c r="G2169" s="59" t="s">
        <v>450</v>
      </c>
      <c r="H2169" s="60">
        <v>230</v>
      </c>
      <c r="I2169" s="60">
        <v>94</v>
      </c>
      <c r="J2169" s="61">
        <v>0</v>
      </c>
      <c r="K2169" s="61">
        <v>0.72</v>
      </c>
    </row>
    <row r="2170" spans="1:11" ht="18.75" customHeight="1" thickBot="1">
      <c r="A2170" s="59" t="s">
        <v>448</v>
      </c>
      <c r="B2170" s="59" t="s">
        <v>28</v>
      </c>
      <c r="C2170" s="59" t="s">
        <v>28</v>
      </c>
      <c r="D2170" s="59" t="s">
        <v>377</v>
      </c>
      <c r="E2170" s="59" t="s">
        <v>380</v>
      </c>
      <c r="F2170" s="59" t="s">
        <v>449</v>
      </c>
      <c r="G2170" s="59" t="s">
        <v>450</v>
      </c>
      <c r="H2170" s="60">
        <v>230</v>
      </c>
      <c r="I2170" s="60">
        <v>97</v>
      </c>
      <c r="J2170" s="61">
        <v>0</v>
      </c>
      <c r="K2170" s="61">
        <v>23.81</v>
      </c>
    </row>
    <row r="2171" spans="1:11" ht="18.75" customHeight="1" thickBot="1">
      <c r="A2171" s="59" t="s">
        <v>448</v>
      </c>
      <c r="B2171" s="59" t="s">
        <v>28</v>
      </c>
      <c r="C2171" s="59" t="s">
        <v>28</v>
      </c>
      <c r="D2171" s="59" t="s">
        <v>377</v>
      </c>
      <c r="E2171" s="59" t="s">
        <v>380</v>
      </c>
      <c r="F2171" s="59" t="s">
        <v>449</v>
      </c>
      <c r="G2171" s="59" t="s">
        <v>450</v>
      </c>
      <c r="H2171" s="60">
        <v>230</v>
      </c>
      <c r="I2171" s="60">
        <v>107</v>
      </c>
      <c r="J2171" s="61">
        <v>0</v>
      </c>
      <c r="K2171" s="61">
        <v>1.22</v>
      </c>
    </row>
    <row r="2172" spans="1:11" ht="18.75" customHeight="1" thickBot="1">
      <c r="A2172" s="59" t="s">
        <v>448</v>
      </c>
      <c r="B2172" s="59" t="s">
        <v>28</v>
      </c>
      <c r="C2172" s="59" t="s">
        <v>28</v>
      </c>
      <c r="D2172" s="59" t="s">
        <v>377</v>
      </c>
      <c r="E2172" s="59" t="s">
        <v>380</v>
      </c>
      <c r="F2172" s="59" t="s">
        <v>449</v>
      </c>
      <c r="G2172" s="59" t="s">
        <v>450</v>
      </c>
      <c r="H2172" s="60">
        <v>230</v>
      </c>
      <c r="I2172" s="60">
        <v>109</v>
      </c>
      <c r="J2172" s="61">
        <v>0</v>
      </c>
      <c r="K2172" s="61">
        <v>11.9</v>
      </c>
    </row>
    <row r="2173" spans="1:11" ht="18.75" customHeight="1" thickBot="1">
      <c r="A2173" s="59" t="s">
        <v>448</v>
      </c>
      <c r="B2173" s="59" t="s">
        <v>28</v>
      </c>
      <c r="C2173" s="59" t="s">
        <v>28</v>
      </c>
      <c r="D2173" s="59" t="s">
        <v>377</v>
      </c>
      <c r="E2173" s="59" t="s">
        <v>380</v>
      </c>
      <c r="F2173" s="59" t="s">
        <v>449</v>
      </c>
      <c r="G2173" s="59" t="s">
        <v>450</v>
      </c>
      <c r="H2173" s="60">
        <v>230</v>
      </c>
      <c r="I2173" s="60">
        <v>113</v>
      </c>
      <c r="J2173" s="61">
        <v>0</v>
      </c>
      <c r="K2173" s="61">
        <v>5.84</v>
      </c>
    </row>
    <row r="2174" spans="1:11" ht="18.75" customHeight="1" thickBot="1">
      <c r="A2174" s="59" t="s">
        <v>448</v>
      </c>
      <c r="B2174" s="59" t="s">
        <v>28</v>
      </c>
      <c r="C2174" s="59" t="s">
        <v>28</v>
      </c>
      <c r="D2174" s="59" t="s">
        <v>377</v>
      </c>
      <c r="E2174" s="59" t="s">
        <v>380</v>
      </c>
      <c r="F2174" s="59" t="s">
        <v>449</v>
      </c>
      <c r="G2174" s="59" t="s">
        <v>450</v>
      </c>
      <c r="H2174" s="60">
        <v>230</v>
      </c>
      <c r="I2174" s="60">
        <v>211</v>
      </c>
      <c r="J2174" s="61">
        <v>0</v>
      </c>
      <c r="K2174" s="61">
        <v>121.52</v>
      </c>
    </row>
    <row r="2175" spans="1:11" ht="18.75" customHeight="1" thickBot="1">
      <c r="A2175" s="59" t="s">
        <v>448</v>
      </c>
      <c r="B2175" s="59" t="s">
        <v>28</v>
      </c>
      <c r="C2175" s="59" t="s">
        <v>28</v>
      </c>
      <c r="D2175" s="59" t="s">
        <v>377</v>
      </c>
      <c r="E2175" s="59" t="s">
        <v>380</v>
      </c>
      <c r="F2175" s="59" t="s">
        <v>449</v>
      </c>
      <c r="G2175" s="59" t="s">
        <v>450</v>
      </c>
      <c r="H2175" s="60">
        <v>230</v>
      </c>
      <c r="I2175" s="60">
        <v>215</v>
      </c>
      <c r="J2175" s="61">
        <v>0</v>
      </c>
      <c r="K2175" s="61">
        <v>365.92</v>
      </c>
    </row>
    <row r="2176" spans="1:11" ht="18.75" customHeight="1" thickBot="1">
      <c r="A2176" s="59" t="s">
        <v>448</v>
      </c>
      <c r="B2176" s="59" t="s">
        <v>28</v>
      </c>
      <c r="C2176" s="59" t="s">
        <v>28</v>
      </c>
      <c r="D2176" s="59" t="s">
        <v>377</v>
      </c>
      <c r="E2176" s="59" t="s">
        <v>380</v>
      </c>
      <c r="F2176" s="59" t="s">
        <v>449</v>
      </c>
      <c r="G2176" s="59" t="s">
        <v>450</v>
      </c>
      <c r="H2176" s="60">
        <v>230</v>
      </c>
      <c r="I2176" s="60">
        <v>220</v>
      </c>
      <c r="J2176" s="61">
        <v>0</v>
      </c>
      <c r="K2176" s="61">
        <v>531.83000000000004</v>
      </c>
    </row>
    <row r="2177" spans="1:11" ht="18.75" customHeight="1" thickBot="1">
      <c r="A2177" s="59" t="s">
        <v>448</v>
      </c>
      <c r="B2177" s="59" t="s">
        <v>28</v>
      </c>
      <c r="C2177" s="59" t="s">
        <v>28</v>
      </c>
      <c r="D2177" s="59" t="s">
        <v>377</v>
      </c>
      <c r="E2177" s="59" t="s">
        <v>380</v>
      </c>
      <c r="F2177" s="59" t="s">
        <v>449</v>
      </c>
      <c r="G2177" s="59" t="s">
        <v>450</v>
      </c>
      <c r="H2177" s="60">
        <v>230</v>
      </c>
      <c r="I2177" s="60">
        <v>236</v>
      </c>
      <c r="J2177" s="61">
        <v>0</v>
      </c>
      <c r="K2177" s="61">
        <v>129.72999999999999</v>
      </c>
    </row>
    <row r="2178" spans="1:11" ht="18.75" customHeight="1" thickBot="1">
      <c r="A2178" s="59" t="s">
        <v>448</v>
      </c>
      <c r="B2178" s="59" t="s">
        <v>28</v>
      </c>
      <c r="C2178" s="59" t="s">
        <v>28</v>
      </c>
      <c r="D2178" s="59" t="s">
        <v>377</v>
      </c>
      <c r="E2178" s="59" t="s">
        <v>380</v>
      </c>
      <c r="F2178" s="59" t="s">
        <v>449</v>
      </c>
      <c r="G2178" s="59" t="s">
        <v>450</v>
      </c>
      <c r="H2178" s="60">
        <v>230</v>
      </c>
      <c r="I2178" s="60">
        <v>240</v>
      </c>
      <c r="J2178" s="61">
        <v>0</v>
      </c>
      <c r="K2178" s="61">
        <v>339.22</v>
      </c>
    </row>
    <row r="2179" spans="1:11" ht="18.75" customHeight="1" thickBot="1">
      <c r="A2179" s="59" t="s">
        <v>448</v>
      </c>
      <c r="B2179" s="59" t="s">
        <v>28</v>
      </c>
      <c r="C2179" s="59" t="s">
        <v>28</v>
      </c>
      <c r="D2179" s="59" t="s">
        <v>377</v>
      </c>
      <c r="E2179" s="59" t="s">
        <v>380</v>
      </c>
      <c r="F2179" s="59" t="s">
        <v>449</v>
      </c>
      <c r="G2179" s="59" t="s">
        <v>450</v>
      </c>
      <c r="H2179" s="60">
        <v>230</v>
      </c>
      <c r="I2179" s="60">
        <v>244</v>
      </c>
      <c r="J2179" s="61">
        <v>0</v>
      </c>
      <c r="K2179" s="61">
        <v>10315.629999999999</v>
      </c>
    </row>
    <row r="2180" spans="1:11" ht="18.75" customHeight="1" thickBot="1">
      <c r="A2180" s="59" t="s">
        <v>448</v>
      </c>
      <c r="B2180" s="59" t="s">
        <v>28</v>
      </c>
      <c r="C2180" s="59" t="s">
        <v>28</v>
      </c>
      <c r="D2180" s="59" t="s">
        <v>377</v>
      </c>
      <c r="E2180" s="59" t="s">
        <v>380</v>
      </c>
      <c r="F2180" s="59" t="s">
        <v>449</v>
      </c>
      <c r="G2180" s="59" t="s">
        <v>450</v>
      </c>
      <c r="H2180" s="60">
        <v>230</v>
      </c>
      <c r="I2180" s="60">
        <v>248</v>
      </c>
      <c r="J2180" s="61">
        <v>0</v>
      </c>
      <c r="K2180" s="61">
        <v>1156.6300000000001</v>
      </c>
    </row>
    <row r="2181" spans="1:11" ht="18.75" customHeight="1" thickBot="1">
      <c r="A2181" s="59" t="s">
        <v>448</v>
      </c>
      <c r="B2181" s="59" t="s">
        <v>28</v>
      </c>
      <c r="C2181" s="59" t="s">
        <v>28</v>
      </c>
      <c r="D2181" s="59" t="s">
        <v>377</v>
      </c>
      <c r="E2181" s="59" t="s">
        <v>380</v>
      </c>
      <c r="F2181" s="59" t="s">
        <v>449</v>
      </c>
      <c r="G2181" s="59" t="s">
        <v>450</v>
      </c>
      <c r="H2181" s="60">
        <v>230</v>
      </c>
      <c r="I2181" s="60">
        <v>330</v>
      </c>
      <c r="J2181" s="61">
        <v>0</v>
      </c>
      <c r="K2181" s="61">
        <v>12158.66</v>
      </c>
    </row>
    <row r="2182" spans="1:11" ht="18.75" customHeight="1" thickBot="1">
      <c r="A2182" s="59" t="s">
        <v>448</v>
      </c>
      <c r="B2182" s="59" t="s">
        <v>28</v>
      </c>
      <c r="C2182" s="59" t="s">
        <v>28</v>
      </c>
      <c r="D2182" s="59" t="s">
        <v>377</v>
      </c>
      <c r="E2182" s="59" t="s">
        <v>380</v>
      </c>
      <c r="F2182" s="59" t="s">
        <v>449</v>
      </c>
      <c r="G2182" s="59" t="s">
        <v>450</v>
      </c>
      <c r="H2182" s="60">
        <v>230</v>
      </c>
      <c r="I2182" s="60">
        <v>358</v>
      </c>
      <c r="J2182" s="61">
        <v>0</v>
      </c>
      <c r="K2182" s="61">
        <v>2810</v>
      </c>
    </row>
    <row r="2183" spans="1:11" ht="18.75" hidden="1" customHeight="1" thickBot="1">
      <c r="A2183" s="59" t="s">
        <v>448</v>
      </c>
      <c r="B2183" s="59" t="s">
        <v>28</v>
      </c>
      <c r="C2183" s="59" t="s">
        <v>28</v>
      </c>
      <c r="D2183" s="59" t="s">
        <v>377</v>
      </c>
      <c r="E2183" s="59" t="s">
        <v>382</v>
      </c>
      <c r="F2183" s="59" t="s">
        <v>449</v>
      </c>
      <c r="G2183" s="59" t="s">
        <v>450</v>
      </c>
      <c r="H2183" s="60">
        <v>211</v>
      </c>
      <c r="I2183" s="60">
        <v>211</v>
      </c>
      <c r="J2183" s="61">
        <v>0</v>
      </c>
      <c r="K2183" s="61">
        <v>-38.58</v>
      </c>
    </row>
    <row r="2184" spans="1:11" ht="18.75" hidden="1" customHeight="1" thickBot="1">
      <c r="A2184" s="59" t="s">
        <v>448</v>
      </c>
      <c r="B2184" s="59" t="s">
        <v>28</v>
      </c>
      <c r="C2184" s="59" t="s">
        <v>28</v>
      </c>
      <c r="D2184" s="59" t="s">
        <v>377</v>
      </c>
      <c r="E2184" s="59" t="s">
        <v>382</v>
      </c>
      <c r="F2184" s="59" t="s">
        <v>449</v>
      </c>
      <c r="G2184" s="59" t="s">
        <v>450</v>
      </c>
      <c r="H2184" s="60">
        <v>212</v>
      </c>
      <c r="I2184" s="60">
        <v>215</v>
      </c>
      <c r="J2184" s="61">
        <v>0</v>
      </c>
      <c r="K2184" s="61">
        <v>-3.62</v>
      </c>
    </row>
  </sheetData>
  <autoFilter ref="A1:K2184" xr:uid="{91EAFFE6-C858-48CD-BAFD-B79B11512B3C}">
    <filterColumn colId="4">
      <filters>
        <filter val="DPCED"/>
      </filters>
    </filterColumn>
  </autoFilter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lcf76f155ced4ddcb4097134ff3c332f xmlns="5b640fb8-5a34-41c1-9307-1b790ff29a8b">
      <Terms xmlns="http://schemas.microsoft.com/office/infopath/2007/PartnerControls"/>
    </lcf76f155ced4ddcb4097134ff3c332f>
    <_Flow_SignoffStatus xmlns="5b640fb8-5a34-41c1-9307-1b790ff29a8b" xsi:nil="true"/>
    <_ip_UnifiedCompliancePolicyProperties xmlns="http://schemas.microsoft.com/sharepoint/v3" xsi:nil="true"/>
    <TaxCatchAll xmlns="51831b8d-857f-44dd-949b-652450d1a5df" xsi:nil="true"/>
    <Operating_x0020_Company xmlns="a1040523-5304-4b09-b6d4-64a124c994e2">AEP Ohio</Operating_x0020_Company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1136CE24ED5F449BD16740FFC7FAF6F" ma:contentTypeVersion="31" ma:contentTypeDescription="Create a new document." ma:contentTypeScope="" ma:versionID="b6179feaad23018a41f76eaef5b4f43d">
  <xsd:schema xmlns:xsd="http://www.w3.org/2001/XMLSchema" xmlns:xs="http://www.w3.org/2001/XMLSchema" xmlns:p="http://schemas.microsoft.com/office/2006/metadata/properties" xmlns:ns1="http://schemas.microsoft.com/sharepoint/v3" xmlns:ns2="a1040523-5304-4b09-b6d4-64a124c994e2" xmlns:ns3="5b640fb8-5a34-41c1-9307-1b790ff29a8b" xmlns:ns4="51831b8d-857f-44dd-949b-652450d1a5df" targetNamespace="http://schemas.microsoft.com/office/2006/metadata/properties" ma:root="true" ma:fieldsID="b176c6d2b07027ee7343df1467fc3652" ns1:_="" ns2:_="" ns3:_="" ns4:_="">
    <xsd:import namespace="http://schemas.microsoft.com/sharepoint/v3"/>
    <xsd:import namespace="a1040523-5304-4b09-b6d4-64a124c994e2"/>
    <xsd:import namespace="5b640fb8-5a34-41c1-9307-1b790ff29a8b"/>
    <xsd:import namespace="51831b8d-857f-44dd-949b-652450d1a5df"/>
    <xsd:element name="properties">
      <xsd:complexType>
        <xsd:sequence>
          <xsd:element name="documentManagement">
            <xsd:complexType>
              <xsd:all>
                <xsd:element ref="ns2:Operating_x0020_Company"/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3:lcf76f155ced4ddcb4097134ff3c332f" minOccurs="0"/>
                <xsd:element ref="ns4:TaxCatchAll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3:MediaServiceObjectDetectorVersions" minOccurs="0"/>
                <xsd:element ref="ns3:_Flow_SignoffStatu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3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4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040523-5304-4b09-b6d4-64a124c994e2" elementFormDefault="qualified">
    <xsd:import namespace="http://schemas.microsoft.com/office/2006/documentManagement/types"/>
    <xsd:import namespace="http://schemas.microsoft.com/office/infopath/2007/PartnerControls"/>
    <xsd:element name="Operating_x0020_Company" ma:index="8" ma:displayName="Operating Company" ma:default="AEP Ohio" ma:format="Dropdown" ma:internalName="Operating_x0020_Company" ma:readOnly="false">
      <xsd:simpleType>
        <xsd:restriction base="dms:Choice">
          <xsd:enumeration value="AEP Ohio"/>
          <xsd:enumeration value="AEP Texas"/>
          <xsd:enumeration value="Appalachian Power - Tennessee"/>
          <xsd:enumeration value="Appalachian Power - Virginia"/>
          <xsd:enumeration value="Appalachian Power - West Virginia"/>
          <xsd:enumeration value="FERC"/>
          <xsd:enumeration value="Indiana &amp; Michigan Power - Indiana"/>
          <xsd:enumeration value="Indiana &amp; Michigan Power - Michigan"/>
          <xsd:enumeration value="Kentucky Power"/>
          <xsd:enumeration value="PSO"/>
          <xsd:enumeration value="SWEPCO - Arkansas"/>
          <xsd:enumeration value="SWEPCO - Louisiana"/>
          <xsd:enumeration value="SWEPCO - TEXAS"/>
          <xsd:enumeration value="SWEPCO - Peine"/>
          <xsd:enumeration value="ETT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640fb8-5a34-41c1-9307-1b790ff29a8b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1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2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6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ObjectDetectorVersions" ma:index="21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_Flow_SignoffStatus" ma:index="22" nillable="true" ma:displayName="Sign-off status" ma:internalName="Sign_x002d_off_x0020_status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1831b8d-857f-44dd-949b-652450d1a5df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7" nillable="true" ma:displayName="Taxonomy Catch All Column" ma:hidden="true" ma:list="{3b4476ce-ac5c-42b1-bccc-28ba47756ae8}" ma:internalName="TaxCatchAll" ma:showField="CatchAllData" ma:web="51831b8d-857f-44dd-949b-652450d1a5d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yNjIzNjg8L1VzZXJOYW1lPjxEYXRlVGltZT44LzIzLzIwMjMgMTo0MToyOSBQTTwvRGF0ZVRpbWU+PExhYmVsU3RyaW5nPkFFUCBJbnRlcm5hbDwvTGFiZWxTdHJpbmc+PC9pdGVtPjwvbGFiZWxIaXN0b3J5Pg==</Value>
</WrappedLabelHistory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231F26AD-0555-4CD7-847C-97AAF9D42033}">
  <ds:schemaRefs>
    <ds:schemaRef ds:uri="http://schemas.microsoft.com/office/2006/documentManagement/types"/>
    <ds:schemaRef ds:uri="5b640fb8-5a34-41c1-9307-1b790ff29a8b"/>
    <ds:schemaRef ds:uri="http://schemas.microsoft.com/office/2006/metadata/properties"/>
    <ds:schemaRef ds:uri="http://schemas.openxmlformats.org/package/2006/metadata/core-properties"/>
    <ds:schemaRef ds:uri="51831b8d-857f-44dd-949b-652450d1a5df"/>
    <ds:schemaRef ds:uri="http://purl.org/dc/elements/1.1/"/>
    <ds:schemaRef ds:uri="http://purl.org/dc/dcmitype/"/>
    <ds:schemaRef ds:uri="http://schemas.microsoft.com/office/infopath/2007/PartnerControls"/>
    <ds:schemaRef ds:uri="http://www.w3.org/XML/1998/namespace"/>
    <ds:schemaRef ds:uri="a1040523-5304-4b09-b6d4-64a124c994e2"/>
    <ds:schemaRef ds:uri="http://schemas.microsoft.com/sharepoint/v3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93249420-5CFF-412F-AE96-22AD26414EF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5755441-6DC2-472D-BCF1-97E11483987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a1040523-5304-4b09-b6d4-64a124c994e2"/>
    <ds:schemaRef ds:uri="5b640fb8-5a34-41c1-9307-1b790ff29a8b"/>
    <ds:schemaRef ds:uri="51831b8d-857f-44dd-949b-652450d1a5d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B96344DF-B7F1-4578-9B78-47105A3A0FA5}">
  <ds:schemaRefs>
    <ds:schemaRef ds:uri="http://www.w3.org/2001/XMLSchema"/>
    <ds:schemaRef ds:uri="http://www.boldonjames.com/2016/02/Classifier/internal/wrappedLabelHistory"/>
  </ds:schemaRefs>
</ds:datastoreItem>
</file>

<file path=customXml/itemProps5.xml><?xml version="1.0" encoding="utf-8"?>
<ds:datastoreItem xmlns:ds="http://schemas.openxmlformats.org/officeDocument/2006/customXml" ds:itemID="{BD1A036C-CE30-409F-BD3D-6E0AC6DB10D6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8</vt:i4>
      </vt:variant>
    </vt:vector>
  </HeadingPairs>
  <TitlesOfParts>
    <vt:vector size="8" baseType="lpstr">
      <vt:lpstr>451 Summary Pivot</vt:lpstr>
      <vt:lpstr>450 Summary Pivot</vt:lpstr>
      <vt:lpstr>451 by tariff</vt:lpstr>
      <vt:lpstr>450 detailed pivot</vt:lpstr>
      <vt:lpstr>451 ledger</vt:lpstr>
      <vt:lpstr>450 ledger</vt:lpstr>
      <vt:lpstr>Cognos</vt:lpstr>
      <vt:lpstr>450 data w tariff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Michelle Caldwell</cp:lastModifiedBy>
  <dcterms:created xsi:type="dcterms:W3CDTF">2023-08-23T13:39:14Z</dcterms:created>
  <dcterms:modified xsi:type="dcterms:W3CDTF">2023-08-28T14:48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c56f61e0-0392-4fc7-b97e-92e6f2defa36</vt:lpwstr>
  </property>
  <property fmtid="{D5CDD505-2E9C-101B-9397-08002B2CF9AE}" pid="3" name="bjSaver">
    <vt:lpwstr>xZzrf02Aubzx74tgVp24Vul5jA7mQze+</vt:lpwstr>
  </property>
  <property fmtid="{D5CDD505-2E9C-101B-9397-08002B2CF9AE}" pid="4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6" name="bjDocumentSecurityLabel">
    <vt:lpwstr>AEP Internal</vt:lpwstr>
  </property>
  <property fmtid="{D5CDD505-2E9C-101B-9397-08002B2CF9AE}" pid="7" name="MSIP_Label_69f43042-6bda-44b2-91eb-eca3d3d484f4_SiteId">
    <vt:lpwstr>15f3c881-6b03-4ff6-8559-77bf5177818f</vt:lpwstr>
  </property>
  <property fmtid="{D5CDD505-2E9C-101B-9397-08002B2CF9AE}" pid="8" name="MSIP_Label_69f43042-6bda-44b2-91eb-eca3d3d484f4_Name">
    <vt:lpwstr>AEP Internal</vt:lpwstr>
  </property>
  <property fmtid="{D5CDD505-2E9C-101B-9397-08002B2CF9AE}" pid="9" name="MSIP_Label_69f43042-6bda-44b2-91eb-eca3d3d484f4_Enabled">
    <vt:lpwstr>true</vt:lpwstr>
  </property>
  <property fmtid="{D5CDD505-2E9C-101B-9397-08002B2CF9AE}" pid="10" name="bjClsUserRVM">
    <vt:lpwstr>[]</vt:lpwstr>
  </property>
  <property fmtid="{D5CDD505-2E9C-101B-9397-08002B2CF9AE}" pid="11" name="bjLabelHistoryID">
    <vt:lpwstr>{B96344DF-B7F1-4578-9B78-47105A3A0FA5}</vt:lpwstr>
  </property>
  <property fmtid="{D5CDD505-2E9C-101B-9397-08002B2CF9AE}" pid="12" name="ContentTypeId">
    <vt:lpwstr>0x01010001136CE24ED5F449BD16740FFC7FAF6F</vt:lpwstr>
  </property>
  <property fmtid="{D5CDD505-2E9C-101B-9397-08002B2CF9AE}" pid="13" name="MediaServiceImageTags">
    <vt:lpwstr/>
  </property>
</Properties>
</file>